790" s="2">
        <v>0</v>
      </c>
      <c r="L42790" t="s">
        <v>120</v>
      </c>
      <c r="M42790" t="s">
        <v>83</v>
      </c>
      <c r="N42790" t="s">
        <v>84</v>
      </c>
      <c r="O42790" t="s">
        <v>85</v>
      </c>
      <c r="P42790" t="s">
        <v>86</v>
      </c>
      <c r="Q42790">
        <v>64</v>
      </c>
      <c r="R42790">
        <v>65</v>
      </c>
      <c r="S42790">
        <v>67</v>
      </c>
      <c r="T42790">
        <v>68</v>
      </c>
      <c r="U42790">
        <v>69</v>
      </c>
      <c r="V42790">
        <v>71</v>
      </c>
      <c r="W42790">
        <v>72</v>
      </c>
      <c r="X42790">
        <v>73</v>
      </c>
      <c r="Y42790">
        <v>75</v>
      </c>
      <c r="Z42790">
        <v>76</v>
      </c>
      <c r="AA42790">
        <v>77</v>
      </c>
      <c r="AB42790">
        <v>79</v>
      </c>
      <c r="AC42790">
        <v>80</v>
      </c>
      <c r="AD42790">
        <v>81</v>
      </c>
      <c r="AE42790">
        <v>83</v>
      </c>
      <c r="AF42790">
        <v>84</v>
      </c>
      <c r="AG42790">
        <v>86</v>
      </c>
      <c r="AH42790">
        <v>87</v>
      </c>
      <c r="AI42790">
        <v>88</v>
      </c>
      <c r="AJ42790">
        <v>90</v>
      </c>
      <c r="AK42790">
        <v>91</v>
      </c>
      <c r="AL42790">
        <v>92</v>
      </c>
      <c r="AM42790">
        <v>93</v>
      </c>
      <c r="AN42790">
        <v>93</v>
      </c>
      <c r="AO42790">
        <v>94</v>
      </c>
      <c r="AP42790">
        <v>95</v>
      </c>
      <c r="AQ42790">
        <v>95</v>
      </c>
    </row>
    <row r="42791" spans="1:43">
      <c r="A42791" t="s">
        <v>26211</v>
      </c>
      <c r="B42791" t="s">
        <v>26212</v>
      </c>
      <c r="C42791" t="s">
        <v>21209</v>
      </c>
      <c r="D42791" t="s">
        <v>21210</v>
      </c>
      <c r="E42791" t="s">
        <v>21139</v>
      </c>
      <c r="F42791" t="s">
        <v>21140</v>
      </c>
      <c r="G42791" t="s">
        <v>20255</v>
      </c>
      <c r="H42791" t="s">
        <v>20256</v>
      </c>
      <c r="I42791" s="2">
        <v>1</v>
      </c>
      <c r="J42791" s="2">
        <v>0</v>
      </c>
      <c r="K42791" s="2">
        <v>0</v>
      </c>
      <c r="L42791" t="s">
        <v>120</v>
      </c>
      <c r="M42791" t="s">
        <v>87</v>
      </c>
      <c r="N42791" t="s">
        <v>88</v>
      </c>
      <c r="O42791" t="s">
        <v>85</v>
      </c>
      <c r="P42791" t="s">
        <v>86</v>
      </c>
      <c r="Q42791">
        <v>64</v>
      </c>
      <c r="R42791">
        <v>65</v>
      </c>
      <c r="S42791">
        <v>66</v>
      </c>
      <c r="T42791">
        <v>67</v>
      </c>
      <c r="U42791">
        <v>67</v>
      </c>
      <c r="V42791">
        <v>68</v>
      </c>
      <c r="W42791">
        <v>69</v>
      </c>
      <c r="X42791">
        <v>69</v>
      </c>
      <c r="Y42791">
        <v>70</v>
      </c>
      <c r="Z42791">
        <v>71</v>
      </c>
      <c r="AA42791">
        <v>72</v>
      </c>
      <c r="AB42791">
        <v>72</v>
      </c>
      <c r="AC42791">
        <v>73</v>
      </c>
      <c r="AD42791">
        <v>74</v>
      </c>
      <c r="AE42791">
        <v>74</v>
      </c>
      <c r="AF42791">
        <v>75</v>
      </c>
      <c r="AG42791">
        <v>76</v>
      </c>
      <c r="AH42791">
        <v>77</v>
      </c>
      <c r="AI42791">
        <v>77</v>
      </c>
      <c r="AJ42791">
        <v>78</v>
      </c>
      <c r="AK42791">
        <v>79</v>
      </c>
      <c r="AL42791">
        <v>80</v>
      </c>
      <c r="AM42791">
        <v>80</v>
      </c>
      <c r="AN42791">
        <v>81</v>
      </c>
      <c r="AO42791">
        <v>82</v>
      </c>
      <c r="AP42791">
        <v>82</v>
      </c>
      <c r="AQ42791">
        <v>83</v>
      </c>
    </row>
    <row r="42792" spans="1:43">
      <c r="A42792" t="s">
        <v>26211</v>
      </c>
      <c r="B42792" t="s">
        <v>26212</v>
      </c>
      <c r="C42792" t="s">
        <v>21209</v>
      </c>
      <c r="D42792" t="s">
        <v>21210</v>
      </c>
      <c r="E42792" t="s">
        <v>21139</v>
      </c>
      <c r="F42792" t="s">
        <v>21140</v>
      </c>
      <c r="G42792" t="s">
        <v>20255</v>
      </c>
      <c r="H42792" t="s">
        <v>20256</v>
      </c>
      <c r="I42792" s="2">
        <v>1</v>
      </c>
      <c r="J42792" s="2">
        <v>0</v>
      </c>
      <c r="K42792" s="2">
        <v>0</v>
      </c>
      <c r="L42792" t="s">
        <v>120</v>
      </c>
      <c r="M42792" t="s">
        <v>89</v>
      </c>
      <c r="N42792" t="s">
        <v>90</v>
      </c>
      <c r="O42792" t="s">
        <v>85</v>
      </c>
      <c r="P42792" t="s">
        <v>86</v>
      </c>
      <c r="Q42792">
        <v>64</v>
      </c>
      <c r="R42792">
        <v>65</v>
      </c>
      <c r="S42792">
        <v>67</v>
      </c>
      <c r="T42792">
        <v>69</v>
      </c>
      <c r="U42792">
        <v>71</v>
      </c>
      <c r="V42792">
        <v>73</v>
      </c>
      <c r="W42792">
        <v>75</v>
      </c>
      <c r="X42792">
        <v>76</v>
      </c>
      <c r="Y42792">
        <v>78</v>
      </c>
      <c r="Z42792">
        <v>80</v>
      </c>
      <c r="AA42792">
        <v>81</v>
      </c>
      <c r="AB42792">
        <v>83</v>
      </c>
      <c r="AC42792">
        <v>85</v>
      </c>
      <c r="AD42792">
        <v>87</v>
      </c>
      <c r="AE42792">
        <v>88</v>
      </c>
      <c r="AF42792">
        <v>89</v>
      </c>
      <c r="AG42792">
        <v>89</v>
      </c>
      <c r="AH42792">
        <v>90</v>
      </c>
      <c r="AI42792">
        <v>91</v>
      </c>
      <c r="AJ42792">
        <v>91</v>
      </c>
      <c r="AK42792">
        <v>92</v>
      </c>
      <c r="AL42792">
        <v>93</v>
      </c>
      <c r="AM42792">
        <v>93</v>
      </c>
      <c r="AN42792">
        <v>94</v>
      </c>
      <c r="AO42792">
        <v>95</v>
      </c>
      <c r="AP42792">
        <v>95</v>
      </c>
      <c r="AQ42792">
        <v>96</v>
      </c>
    </row>
    <row r="42793" spans="1:43">
      <c r="A42793" t="s">
        <v>26211</v>
      </c>
      <c r="B42793" t="s">
        <v>26212</v>
      </c>
      <c r="C42793" t="s">
        <v>21209</v>
      </c>
      <c r="D42793" t="s">
        <v>21210</v>
      </c>
      <c r="E42793" t="s">
        <v>21139</v>
      </c>
      <c r="F42793" t="s">
        <v>21140</v>
      </c>
      <c r="G42793" t="s">
        <v>20255</v>
      </c>
      <c r="H42793" t="s">
        <v>20256</v>
      </c>
      <c r="I42793" s="2">
        <v>1</v>
      </c>
      <c r="J42793" s="2">
        <v>0</v>
      </c>
      <c r="K42793" s="2">
        <v>0</v>
      </c>
      <c r="L42793" t="s">
        <v>120</v>
      </c>
      <c r="M42793" t="s">
        <v>83</v>
      </c>
      <c r="N42793" t="s">
        <v>91</v>
      </c>
      <c r="O42793" t="s">
        <v>85</v>
      </c>
      <c r="P42793" t="s">
        <v>86</v>
      </c>
      <c r="Q42793">
        <v>64</v>
      </c>
      <c r="R42793">
        <v>65</v>
      </c>
      <c r="S42793">
        <v>67</v>
      </c>
      <c r="T42793">
        <v>68</v>
      </c>
      <c r="U42793">
        <v>69</v>
      </c>
      <c r="V42793">
        <v>71</v>
      </c>
      <c r="W42793">
        <v>72</v>
      </c>
      <c r="X42793">
        <v>73</v>
      </c>
      <c r="Y42793">
        <v>75</v>
      </c>
      <c r="Z42793">
        <v>76</v>
      </c>
      <c r="AA42793">
        <v>77</v>
      </c>
      <c r="AB42793">
        <v>79</v>
      </c>
      <c r="AC42793">
        <v>80</v>
      </c>
      <c r="AD42793">
        <v>81</v>
      </c>
      <c r="AE42793">
        <v>83</v>
      </c>
      <c r="AF42793">
        <v>84</v>
      </c>
      <c r="AG42793">
        <v>86</v>
      </c>
      <c r="AH42793">
        <v>87</v>
      </c>
      <c r="AI42793">
        <v>88</v>
      </c>
      <c r="AJ42793">
        <v>90</v>
      </c>
      <c r="AK42793">
        <v>91</v>
      </c>
      <c r="AL42793">
        <v>92</v>
      </c>
      <c r="AM42793">
        <v>93</v>
      </c>
      <c r="AN42793">
        <v>93</v>
      </c>
      <c r="AO42793">
        <v>94</v>
      </c>
      <c r="AP42793">
        <v>95</v>
      </c>
      <c r="AQ42793">
        <v>95</v>
      </c>
    </row>
    <row r="42794" spans="1:43">
      <c r="A42794" t="s">
        <v>26213</v>
      </c>
      <c r="B42794" t="s">
        <v>26214</v>
      </c>
      <c r="C42794" t="s">
        <v>21351</v>
      </c>
      <c r="D42794" t="s">
        <v>21352</v>
      </c>
      <c r="E42794" t="s">
        <v>21317</v>
      </c>
      <c r="F42794" t="s">
        <v>21318</v>
      </c>
      <c r="G42794" t="s">
        <v>20255</v>
      </c>
      <c r="H42794" t="s">
        <v>20256</v>
      </c>
      <c r="I42794" s="2">
        <v>1</v>
      </c>
      <c r="J42794" s="2">
        <v>0</v>
      </c>
      <c r="K42794" s="2">
        <v>0</v>
      </c>
      <c r="L42794" t="s">
        <v>120</v>
      </c>
      <c r="M42794" t="s">
        <v>83</v>
      </c>
      <c r="N42794" t="s">
        <v>84</v>
      </c>
      <c r="O42794" t="s">
        <v>85</v>
      </c>
      <c r="P42794" t="s">
        <v>86</v>
      </c>
      <c r="Q42794">
        <v>17</v>
      </c>
      <c r="R42794">
        <v>18</v>
      </c>
      <c r="S42794">
        <v>18</v>
      </c>
      <c r="T42794">
        <v>19</v>
      </c>
      <c r="U42794">
        <v>20</v>
      </c>
      <c r="V42794">
        <v>20</v>
      </c>
      <c r="W42794">
        <v>21</v>
      </c>
      <c r="X42794">
        <v>22</v>
      </c>
      <c r="Y42794">
        <v>22</v>
      </c>
      <c r="Z42794">
        <v>23</v>
      </c>
      <c r="AA42794">
        <v>24</v>
      </c>
      <c r="AB42794">
        <v>24</v>
      </c>
      <c r="AC42794">
        <v>25</v>
      </c>
      <c r="AD42794">
        <v>26</v>
      </c>
      <c r="AE42794">
        <v>27</v>
      </c>
      <c r="AF42794">
        <v>27</v>
      </c>
      <c r="AG42794">
        <v>28</v>
      </c>
      <c r="AH42794">
        <v>29</v>
      </c>
      <c r="AI42794">
        <v>30</v>
      </c>
      <c r="AJ42794">
        <v>30</v>
      </c>
      <c r="AK42794">
        <v>31</v>
      </c>
      <c r="AL42794">
        <v>32</v>
      </c>
      <c r="AM42794">
        <v>32</v>
      </c>
      <c r="AN42794">
        <v>33</v>
      </c>
      <c r="AO42794">
        <v>34</v>
      </c>
      <c r="AP42794">
        <v>34</v>
      </c>
      <c r="AQ42794">
        <v>35</v>
      </c>
    </row>
    <row r="42795" spans="1:43">
      <c r="A42795" t="s">
        <v>26213</v>
      </c>
      <c r="B42795" t="s">
        <v>26214</v>
      </c>
      <c r="C42795" t="s">
        <v>21351</v>
      </c>
      <c r="D42795" t="s">
        <v>21352</v>
      </c>
      <c r="E42795" t="s">
        <v>21317</v>
      </c>
      <c r="F42795" t="s">
        <v>21318</v>
      </c>
      <c r="G42795" t="s">
        <v>20255</v>
      </c>
      <c r="H42795" t="s">
        <v>20256</v>
      </c>
      <c r="I42795" s="2">
        <v>1</v>
      </c>
      <c r="J42795" s="2">
        <v>0</v>
      </c>
      <c r="K42795" s="2">
        <v>0</v>
      </c>
      <c r="L42795" t="s">
        <v>120</v>
      </c>
      <c r="M42795" t="s">
        <v>87</v>
      </c>
      <c r="N42795" t="s">
        <v>88</v>
      </c>
      <c r="O42795" t="s">
        <v>85</v>
      </c>
      <c r="P42795" t="s">
        <v>86</v>
      </c>
      <c r="Q42795">
        <v>17</v>
      </c>
      <c r="R42795">
        <v>18</v>
      </c>
      <c r="S42795">
        <v>18</v>
      </c>
      <c r="T42795">
        <v>18</v>
      </c>
      <c r="U42795">
        <v>19</v>
      </c>
      <c r="V42795">
        <v>19</v>
      </c>
      <c r="W42795">
        <v>20</v>
      </c>
      <c r="X42795">
        <v>20</v>
      </c>
      <c r="Y42795">
        <v>21</v>
      </c>
      <c r="Z42795">
        <v>21</v>
      </c>
      <c r="AA42795">
        <v>22</v>
      </c>
      <c r="AB42795">
        <v>22</v>
      </c>
      <c r="AC42795">
        <v>23</v>
      </c>
      <c r="AD42795">
        <v>23</v>
      </c>
      <c r="AE42795">
        <v>24</v>
      </c>
      <c r="AF42795">
        <v>24</v>
      </c>
      <c r="AG42795">
        <v>25</v>
      </c>
      <c r="AH42795">
        <v>25</v>
      </c>
      <c r="AI42795">
        <v>26</v>
      </c>
      <c r="AJ42795">
        <v>26</v>
      </c>
      <c r="AK42795">
        <v>27</v>
      </c>
      <c r="AL42795">
        <v>27</v>
      </c>
      <c r="AM42795">
        <v>28</v>
      </c>
      <c r="AN42795">
        <v>29</v>
      </c>
      <c r="AO42795">
        <v>29</v>
      </c>
      <c r="AP42795">
        <v>30</v>
      </c>
      <c r="AQ42795">
        <v>30</v>
      </c>
    </row>
    <row r="42796" spans="1:43">
      <c r="A42796" t="s">
        <v>26213</v>
      </c>
      <c r="B42796" t="s">
        <v>26214</v>
      </c>
      <c r="C42796" t="s">
        <v>21351</v>
      </c>
      <c r="D42796" t="s">
        <v>21352</v>
      </c>
      <c r="E42796" t="s">
        <v>21317</v>
      </c>
      <c r="F42796" t="s">
        <v>21318</v>
      </c>
      <c r="G42796" t="s">
        <v>20255</v>
      </c>
      <c r="H42796" t="s">
        <v>20256</v>
      </c>
      <c r="I42796" s="2">
        <v>1</v>
      </c>
      <c r="J42796" s="2">
        <v>0</v>
      </c>
      <c r="K42796" s="2">
        <v>0</v>
      </c>
      <c r="L42796" t="s">
        <v>120</v>
      </c>
      <c r="M42796" t="s">
        <v>89</v>
      </c>
      <c r="N42796" t="s">
        <v>90</v>
      </c>
      <c r="O42796" t="s">
        <v>85</v>
      </c>
      <c r="P42796" t="s">
        <v>86</v>
      </c>
      <c r="Q42796">
        <v>17</v>
      </c>
      <c r="R42796">
        <v>18</v>
      </c>
      <c r="S42796">
        <v>19</v>
      </c>
      <c r="T42796">
        <v>20</v>
      </c>
      <c r="U42796">
        <v>20</v>
      </c>
      <c r="V42796">
        <v>21</v>
      </c>
      <c r="W42796">
        <v>22</v>
      </c>
      <c r="X42796">
        <v>23</v>
      </c>
      <c r="Y42796">
        <v>24</v>
      </c>
      <c r="Z42796">
        <v>24</v>
      </c>
      <c r="AA42796">
        <v>25</v>
      </c>
      <c r="AB42796">
        <v>26</v>
      </c>
      <c r="AC42796">
        <v>27</v>
      </c>
      <c r="AD42796">
        <v>28</v>
      </c>
      <c r="AE42796">
        <v>28</v>
      </c>
      <c r="AF42796">
        <v>29</v>
      </c>
      <c r="AG42796">
        <v>29</v>
      </c>
      <c r="AH42796">
        <v>30</v>
      </c>
      <c r="AI42796">
        <v>30</v>
      </c>
      <c r="AJ42796">
        <v>31</v>
      </c>
      <c r="AK42796">
        <v>32</v>
      </c>
      <c r="AL42796">
        <v>32</v>
      </c>
      <c r="AM42796">
        <v>33</v>
      </c>
      <c r="AN42796">
        <v>33</v>
      </c>
      <c r="AO42796">
        <v>34</v>
      </c>
      <c r="AP42796">
        <v>34</v>
      </c>
      <c r="AQ42796">
        <v>35</v>
      </c>
    </row>
    <row r="42797" spans="1:43">
      <c r="A42797" t="s">
        <v>26213</v>
      </c>
      <c r="B42797" t="s">
        <v>26214</v>
      </c>
      <c r="C42797" t="s">
        <v>21351</v>
      </c>
      <c r="D42797" t="s">
        <v>21352</v>
      </c>
      <c r="E42797" t="s">
        <v>21317</v>
      </c>
      <c r="F42797" t="s">
        <v>21318</v>
      </c>
      <c r="G42797" t="s">
        <v>20255</v>
      </c>
      <c r="H42797" t="s">
        <v>20256</v>
      </c>
      <c r="I42797" s="2">
        <v>1</v>
      </c>
      <c r="J42797" s="2">
        <v>0</v>
      </c>
      <c r="K42797" s="2">
        <v>0</v>
      </c>
      <c r="L42797" t="s">
        <v>120</v>
      </c>
      <c r="M42797" t="s">
        <v>83</v>
      </c>
      <c r="N42797" t="s">
        <v>91</v>
      </c>
      <c r="O42797" t="s">
        <v>85</v>
      </c>
      <c r="P42797" t="s">
        <v>86</v>
      </c>
      <c r="Q42797">
        <v>17</v>
      </c>
      <c r="R42797">
        <v>18</v>
      </c>
      <c r="S42797">
        <v>18</v>
      </c>
      <c r="T42797">
        <v>19</v>
      </c>
      <c r="U42797">
        <v>20</v>
      </c>
      <c r="V42797">
        <v>20</v>
      </c>
      <c r="W42797">
        <v>21</v>
      </c>
      <c r="X42797">
        <v>22</v>
      </c>
      <c r="Y42797">
        <v>22</v>
      </c>
      <c r="Z42797">
        <v>23</v>
      </c>
      <c r="AA42797">
        <v>24</v>
      </c>
      <c r="AB42797">
        <v>24</v>
      </c>
      <c r="AC42797">
        <v>25</v>
      </c>
      <c r="AD42797">
        <v>26</v>
      </c>
      <c r="AE42797">
        <v>27</v>
      </c>
      <c r="AF42797">
        <v>27</v>
      </c>
      <c r="AG42797">
        <v>28</v>
      </c>
      <c r="AH42797">
        <v>29</v>
      </c>
      <c r="AI42797">
        <v>30</v>
      </c>
      <c r="AJ42797">
        <v>30</v>
      </c>
      <c r="AK42797">
        <v>31</v>
      </c>
      <c r="AL42797">
        <v>32</v>
      </c>
      <c r="AM42797">
        <v>32</v>
      </c>
      <c r="AN42797">
        <v>33</v>
      </c>
      <c r="AO42797">
        <v>34</v>
      </c>
      <c r="AP42797">
        <v>34</v>
      </c>
      <c r="AQ42797">
        <v>35</v>
      </c>
    </row>
    <row r="42798" spans="1:43">
      <c r="A42798" t="s">
        <v>26215</v>
      </c>
      <c r="B42798" t="s">
        <v>26216</v>
      </c>
      <c r="C42798" t="s">
        <v>21351</v>
      </c>
      <c r="D42798" t="s">
        <v>21352</v>
      </c>
      <c r="E42798" t="s">
        <v>21317</v>
      </c>
      <c r="F42798" t="s">
        <v>21318</v>
      </c>
      <c r="G42798" t="s">
        <v>20255</v>
      </c>
      <c r="H42798" t="s">
        <v>20256</v>
      </c>
      <c r="I42798" s="2">
        <v>1</v>
      </c>
      <c r="J42798" s="2">
        <v>0</v>
      </c>
      <c r="K42798" s="2">
        <v>0</v>
      </c>
      <c r="L42798" t="s">
        <v>120</v>
      </c>
      <c r="M42798" t="s">
        <v>83</v>
      </c>
      <c r="N42798" t="s">
        <v>84</v>
      </c>
      <c r="O42798" t="s">
        <v>85</v>
      </c>
      <c r="P42798" t="s">
        <v>86</v>
      </c>
      <c r="Q42798">
        <v>10</v>
      </c>
      <c r="R42798">
        <v>10</v>
      </c>
      <c r="S42798">
        <v>11</v>
      </c>
      <c r="T42798">
        <v>11</v>
      </c>
      <c r="U42798">
        <v>12</v>
      </c>
      <c r="V42798">
        <v>12</v>
      </c>
      <c r="W42798">
        <v>12</v>
      </c>
      <c r="X42798">
        <v>13</v>
      </c>
      <c r="Y42798">
        <v>13</v>
      </c>
      <c r="Z42798">
        <v>13</v>
      </c>
      <c r="AA42798">
        <v>14</v>
      </c>
      <c r="AB42798">
        <v>14</v>
      </c>
      <c r="AC42798">
        <v>15</v>
      </c>
      <c r="AD42798">
        <v>15</v>
      </c>
      <c r="AE42798">
        <v>16</v>
      </c>
      <c r="AF42798">
        <v>16</v>
      </c>
      <c r="AG42798">
        <v>16</v>
      </c>
      <c r="AH42798">
        <v>17</v>
      </c>
      <c r="AI42798">
        <v>17</v>
      </c>
      <c r="AJ42798">
        <v>18</v>
      </c>
      <c r="AK42798">
        <v>18</v>
      </c>
      <c r="AL42798">
        <v>19</v>
      </c>
      <c r="AM42798">
        <v>19</v>
      </c>
      <c r="AN42798">
        <v>19</v>
      </c>
      <c r="AO42798">
        <v>20</v>
      </c>
      <c r="AP42798">
        <v>20</v>
      </c>
      <c r="AQ42798">
        <v>20</v>
      </c>
    </row>
    <row r="42799" spans="1:43">
      <c r="A42799" t="s">
        <v>26215</v>
      </c>
      <c r="B42799" t="s">
        <v>26216</v>
      </c>
      <c r="C42799" t="s">
        <v>21351</v>
      </c>
      <c r="D42799" t="s">
        <v>21352</v>
      </c>
      <c r="E42799" t="s">
        <v>21317</v>
      </c>
      <c r="F42799" t="s">
        <v>21318</v>
      </c>
      <c r="G42799" t="s">
        <v>20255</v>
      </c>
      <c r="H42799" t="s">
        <v>20256</v>
      </c>
      <c r="I42799" s="2">
        <v>1</v>
      </c>
      <c r="J42799" s="2">
        <v>0</v>
      </c>
      <c r="K42799" s="2">
        <v>0</v>
      </c>
      <c r="L42799" t="s">
        <v>120</v>
      </c>
      <c r="M42799" t="s">
        <v>87</v>
      </c>
      <c r="N42799" t="s">
        <v>88</v>
      </c>
      <c r="O42799" t="s">
        <v>85</v>
      </c>
      <c r="P42799" t="s">
        <v>86</v>
      </c>
      <c r="Q42799">
        <v>10</v>
      </c>
      <c r="R42799">
        <v>10</v>
      </c>
      <c r="S42799">
        <v>11</v>
      </c>
      <c r="T42799">
        <v>11</v>
      </c>
      <c r="U42799">
        <v>11</v>
      </c>
      <c r="V42799">
        <v>11</v>
      </c>
      <c r="W42799">
        <v>12</v>
      </c>
      <c r="X42799">
        <v>12</v>
      </c>
      <c r="Y42799">
        <v>12</v>
      </c>
      <c r="Z42799">
        <v>12</v>
      </c>
      <c r="AA42799">
        <v>13</v>
      </c>
      <c r="AB42799">
        <v>13</v>
      </c>
      <c r="AC42799">
        <v>13</v>
      </c>
      <c r="AD42799">
        <v>14</v>
      </c>
      <c r="AE42799">
        <v>14</v>
      </c>
      <c r="AF42799">
        <v>14</v>
      </c>
      <c r="AG42799">
        <v>14</v>
      </c>
      <c r="AH42799">
        <v>15</v>
      </c>
      <c r="AI42799">
        <v>15</v>
      </c>
      <c r="AJ42799">
        <v>15</v>
      </c>
      <c r="AK42799">
        <v>16</v>
      </c>
      <c r="AL42799">
        <v>16</v>
      </c>
      <c r="AM42799">
        <v>16</v>
      </c>
      <c r="AN42799">
        <v>17</v>
      </c>
      <c r="AO42799">
        <v>17</v>
      </c>
      <c r="AP42799">
        <v>17</v>
      </c>
      <c r="AQ42799">
        <v>18</v>
      </c>
    </row>
    <row r="42800" spans="1:43">
      <c r="A42800" t="s">
        <v>26215</v>
      </c>
      <c r="B42800" t="s">
        <v>26216</v>
      </c>
      <c r="C42800" t="s">
        <v>21351</v>
      </c>
      <c r="D42800" t="s">
        <v>21352</v>
      </c>
      <c r="E42800" t="s">
        <v>21317</v>
      </c>
      <c r="F42800" t="s">
        <v>21318</v>
      </c>
      <c r="G42800" t="s">
        <v>20255</v>
      </c>
      <c r="H42800" t="s">
        <v>20256</v>
      </c>
      <c r="I42800" s="2">
        <v>1</v>
      </c>
      <c r="J42800" s="2">
        <v>0</v>
      </c>
      <c r="K42800" s="2">
        <v>0</v>
      </c>
      <c r="L42800" t="s">
        <v>120</v>
      </c>
      <c r="M42800" t="s">
        <v>89</v>
      </c>
      <c r="N42800" t="s">
        <v>90</v>
      </c>
      <c r="O42800" t="s">
        <v>85</v>
      </c>
      <c r="P42800" t="s">
        <v>86</v>
      </c>
      <c r="Q42800">
        <v>10</v>
      </c>
      <c r="R42800">
        <v>11</v>
      </c>
      <c r="S42800">
        <v>11</v>
      </c>
      <c r="T42800">
        <v>12</v>
      </c>
      <c r="U42800">
        <v>12</v>
      </c>
      <c r="V42800">
        <v>12</v>
      </c>
      <c r="W42800">
        <v>13</v>
      </c>
      <c r="X42800">
        <v>13</v>
      </c>
      <c r="Y42800">
        <v>14</v>
      </c>
      <c r="Z42800">
        <v>14</v>
      </c>
      <c r="AA42800">
        <v>15</v>
      </c>
      <c r="AB42800">
        <v>15</v>
      </c>
      <c r="AC42800">
        <v>16</v>
      </c>
      <c r="AD42800">
        <v>16</v>
      </c>
      <c r="AE42800">
        <v>17</v>
      </c>
      <c r="AF42800">
        <v>17</v>
      </c>
      <c r="AG42800">
        <v>17</v>
      </c>
      <c r="AH42800">
        <v>17</v>
      </c>
      <c r="AI42800">
        <v>18</v>
      </c>
      <c r="AJ42800">
        <v>18</v>
      </c>
      <c r="AK42800">
        <v>18</v>
      </c>
      <c r="AL42800">
        <v>19</v>
      </c>
      <c r="AM42800">
        <v>19</v>
      </c>
      <c r="AN42800">
        <v>19</v>
      </c>
      <c r="AO42800">
        <v>20</v>
      </c>
      <c r="AP42800">
        <v>20</v>
      </c>
      <c r="AQ42800">
        <v>20</v>
      </c>
    </row>
    <row r="42801" spans="1:43">
      <c r="A42801" t="s">
        <v>26215</v>
      </c>
      <c r="B42801" t="s">
        <v>26216</v>
      </c>
      <c r="C42801" t="s">
        <v>21351</v>
      </c>
      <c r="D42801" t="s">
        <v>21352</v>
      </c>
      <c r="E42801" t="s">
        <v>21317</v>
      </c>
      <c r="F42801" t="s">
        <v>21318</v>
      </c>
      <c r="G42801" t="s">
        <v>20255</v>
      </c>
      <c r="H42801" t="s">
        <v>20256</v>
      </c>
      <c r="I42801" s="2">
        <v>1</v>
      </c>
      <c r="J42801" s="2">
        <v>0</v>
      </c>
      <c r="K42801" s="2">
        <v>0</v>
      </c>
      <c r="L42801" t="s">
        <v>120</v>
      </c>
      <c r="M42801" t="s">
        <v>83</v>
      </c>
      <c r="N42801" t="s">
        <v>91</v>
      </c>
      <c r="O42801" t="s">
        <v>85</v>
      </c>
      <c r="P42801" t="s">
        <v>86</v>
      </c>
      <c r="Q42801">
        <v>10</v>
      </c>
      <c r="R42801">
        <v>10</v>
      </c>
      <c r="S42801">
        <v>11</v>
      </c>
      <c r="T42801">
        <v>11</v>
      </c>
      <c r="U42801">
        <v>12</v>
      </c>
      <c r="V42801">
        <v>12</v>
      </c>
      <c r="W42801">
        <v>12</v>
      </c>
      <c r="X42801">
        <v>13</v>
      </c>
      <c r="Y42801">
        <v>13</v>
      </c>
      <c r="Z42801">
        <v>13</v>
      </c>
      <c r="AA42801">
        <v>14</v>
      </c>
      <c r="AB42801">
        <v>14</v>
      </c>
      <c r="AC42801">
        <v>15</v>
      </c>
      <c r="AD42801">
        <v>15</v>
      </c>
      <c r="AE42801">
        <v>16</v>
      </c>
      <c r="AF42801">
        <v>16</v>
      </c>
      <c r="AG42801">
        <v>16</v>
      </c>
      <c r="AH42801">
        <v>17</v>
      </c>
      <c r="AI42801">
        <v>17</v>
      </c>
      <c r="AJ42801">
        <v>18</v>
      </c>
      <c r="AK42801">
        <v>18</v>
      </c>
      <c r="AL42801">
        <v>19</v>
      </c>
      <c r="AM42801">
        <v>19</v>
      </c>
      <c r="AN42801">
        <v>19</v>
      </c>
      <c r="AO42801">
        <v>20</v>
      </c>
      <c r="AP42801">
        <v>20</v>
      </c>
      <c r="AQ42801">
        <v>20</v>
      </c>
    </row>
    <row r="42802" spans="1:43">
      <c r="A42802" t="s">
        <v>26217</v>
      </c>
      <c r="B42802" t="s">
        <v>26218</v>
      </c>
      <c r="C42802" t="s">
        <v>21333</v>
      </c>
      <c r="D42802" t="s">
        <v>21334</v>
      </c>
      <c r="E42802" t="s">
        <v>21317</v>
      </c>
      <c r="F42802" t="s">
        <v>21318</v>
      </c>
      <c r="G42802" t="s">
        <v>20255</v>
      </c>
      <c r="H42802" t="s">
        <v>20256</v>
      </c>
      <c r="I42802" s="2">
        <v>1</v>
      </c>
      <c r="J42802" s="2">
        <v>0</v>
      </c>
      <c r="K42802" s="2">
        <v>0</v>
      </c>
      <c r="L42802" t="s">
        <v>120</v>
      </c>
      <c r="M42802" t="s">
        <v>83</v>
      </c>
      <c r="N42802" t="s">
        <v>84</v>
      </c>
      <c r="O42802" t="s">
        <v>85</v>
      </c>
      <c r="P42802" t="s">
        <v>86</v>
      </c>
      <c r="Q42802">
        <v>26</v>
      </c>
      <c r="R42802">
        <v>26</v>
      </c>
      <c r="S42802">
        <v>27</v>
      </c>
      <c r="T42802">
        <v>28</v>
      </c>
      <c r="U42802">
        <v>29</v>
      </c>
      <c r="V42802">
        <v>30</v>
      </c>
      <c r="W42802">
        <v>31</v>
      </c>
      <c r="X42802">
        <v>32</v>
      </c>
      <c r="Y42802">
        <v>33</v>
      </c>
      <c r="Z42802">
        <v>34</v>
      </c>
      <c r="AA42802">
        <v>35</v>
      </c>
      <c r="AB42802">
        <v>36</v>
      </c>
      <c r="AC42802">
        <v>37</v>
      </c>
      <c r="AD42802">
        <v>38</v>
      </c>
      <c r="AE42802">
        <v>39</v>
      </c>
      <c r="AF42802">
        <v>40</v>
      </c>
      <c r="AG42802">
        <v>41</v>
      </c>
      <c r="AH42802">
        <v>42</v>
      </c>
      <c r="AI42802">
        <v>43</v>
      </c>
      <c r="AJ42802">
        <v>44</v>
      </c>
      <c r="AK42802">
        <v>45</v>
      </c>
      <c r="AL42802">
        <v>46</v>
      </c>
      <c r="AM42802">
        <v>47</v>
      </c>
      <c r="AN42802">
        <v>48</v>
      </c>
      <c r="AO42802">
        <v>48</v>
      </c>
      <c r="AP42802">
        <v>49</v>
      </c>
      <c r="AQ42802">
        <v>50</v>
      </c>
    </row>
    <row r="42803" spans="1:43">
      <c r="A42803" t="s">
        <v>26217</v>
      </c>
      <c r="B42803" t="s">
        <v>26218</v>
      </c>
      <c r="C42803" t="s">
        <v>21333</v>
      </c>
      <c r="D42803" t="s">
        <v>21334</v>
      </c>
      <c r="E42803" t="s">
        <v>21317</v>
      </c>
      <c r="F42803" t="s">
        <v>21318</v>
      </c>
      <c r="G42803" t="s">
        <v>20255</v>
      </c>
      <c r="H42803" t="s">
        <v>20256</v>
      </c>
      <c r="I42803" s="2">
        <v>1</v>
      </c>
      <c r="J42803" s="2">
        <v>0</v>
      </c>
      <c r="K42803" s="2">
        <v>0</v>
      </c>
      <c r="L42803" t="s">
        <v>120</v>
      </c>
      <c r="M42803" t="s">
        <v>87</v>
      </c>
      <c r="N42803" t="s">
        <v>88</v>
      </c>
      <c r="O42803" t="s">
        <v>85</v>
      </c>
      <c r="P42803" t="s">
        <v>86</v>
      </c>
      <c r="Q42803">
        <v>26</v>
      </c>
      <c r="R42803">
        <v>27</v>
      </c>
      <c r="S42803">
        <v>28</v>
      </c>
      <c r="T42803">
        <v>28</v>
      </c>
      <c r="U42803">
        <v>29</v>
      </c>
      <c r="V42803">
        <v>29</v>
      </c>
      <c r="W42803">
        <v>30</v>
      </c>
      <c r="X42803">
        <v>31</v>
      </c>
      <c r="Y42803">
        <v>31</v>
      </c>
      <c r="Z42803">
        <v>32</v>
      </c>
      <c r="AA42803">
        <v>33</v>
      </c>
      <c r="AB42803">
        <v>33</v>
      </c>
      <c r="AC42803">
        <v>34</v>
      </c>
      <c r="AD42803">
        <v>35</v>
      </c>
      <c r="AE42803">
        <v>35</v>
      </c>
      <c r="AF42803">
        <v>36</v>
      </c>
      <c r="AG42803">
        <v>37</v>
      </c>
      <c r="AH42803">
        <v>37</v>
      </c>
      <c r="AI42803">
        <v>38</v>
      </c>
      <c r="AJ42803">
        <v>39</v>
      </c>
      <c r="AK42803">
        <v>40</v>
      </c>
      <c r="AL42803">
        <v>40</v>
      </c>
      <c r="AM42803">
        <v>41</v>
      </c>
      <c r="AN42803">
        <v>42</v>
      </c>
      <c r="AO42803">
        <v>43</v>
      </c>
      <c r="AP42803">
        <v>44</v>
      </c>
      <c r="AQ42803">
        <v>44</v>
      </c>
    </row>
    <row r="42804" spans="1:43">
      <c r="A42804" t="s">
        <v>26217</v>
      </c>
      <c r="B42804" t="s">
        <v>26218</v>
      </c>
      <c r="C42804" t="s">
        <v>21333</v>
      </c>
      <c r="D42804" t="s">
        <v>21334</v>
      </c>
      <c r="E42804" t="s">
        <v>21317</v>
      </c>
      <c r="F42804" t="s">
        <v>21318</v>
      </c>
      <c r="G42804" t="s">
        <v>20255</v>
      </c>
      <c r="H42804" t="s">
        <v>20256</v>
      </c>
      <c r="I42804" s="2">
        <v>1</v>
      </c>
      <c r="J42804" s="2">
        <v>0</v>
      </c>
      <c r="K42804" s="2">
        <v>0</v>
      </c>
      <c r="L42804" t="s">
        <v>120</v>
      </c>
      <c r="M42804" t="s">
        <v>89</v>
      </c>
      <c r="N42804" t="s">
        <v>90</v>
      </c>
      <c r="O42804" t="s">
        <v>85</v>
      </c>
      <c r="P42804" t="s">
        <v>86</v>
      </c>
      <c r="Q42804">
        <v>26</v>
      </c>
      <c r="R42804">
        <v>27</v>
      </c>
      <c r="S42804">
        <v>28</v>
      </c>
      <c r="T42804">
        <v>29</v>
      </c>
      <c r="U42804">
        <v>30</v>
      </c>
      <c r="V42804">
        <v>31</v>
      </c>
      <c r="W42804">
        <v>32</v>
      </c>
      <c r="X42804">
        <v>33</v>
      </c>
      <c r="Y42804">
        <v>35</v>
      </c>
      <c r="Z42804">
        <v>36</v>
      </c>
      <c r="AA42804">
        <v>37</v>
      </c>
      <c r="AB42804">
        <v>38</v>
      </c>
      <c r="AC42804">
        <v>39</v>
      </c>
      <c r="AD42804">
        <v>40</v>
      </c>
      <c r="AE42804">
        <v>41</v>
      </c>
      <c r="AF42804">
        <v>42</v>
      </c>
      <c r="AG42804">
        <v>43</v>
      </c>
      <c r="AH42804">
        <v>43</v>
      </c>
      <c r="AI42804">
        <v>44</v>
      </c>
      <c r="AJ42804">
        <v>45</v>
      </c>
      <c r="AK42804">
        <v>46</v>
      </c>
      <c r="AL42804">
        <v>46</v>
      </c>
      <c r="AM42804">
        <v>47</v>
      </c>
      <c r="AN42804">
        <v>48</v>
      </c>
      <c r="AO42804">
        <v>48</v>
      </c>
      <c r="AP42804">
        <v>49</v>
      </c>
      <c r="AQ42804">
        <v>50</v>
      </c>
    </row>
    <row r="42805" spans="1:43">
      <c r="A42805" t="s">
        <v>26217</v>
      </c>
      <c r="B42805" t="s">
        <v>26218</v>
      </c>
      <c r="C42805" t="s">
        <v>21333</v>
      </c>
      <c r="D42805" t="s">
        <v>21334</v>
      </c>
      <c r="E42805" t="s">
        <v>21317</v>
      </c>
      <c r="F42805" t="s">
        <v>21318</v>
      </c>
      <c r="G42805" t="s">
        <v>20255</v>
      </c>
      <c r="H42805" t="s">
        <v>20256</v>
      </c>
      <c r="I42805" s="2">
        <v>1</v>
      </c>
      <c r="J42805" s="2">
        <v>0</v>
      </c>
      <c r="K42805" s="2">
        <v>0</v>
      </c>
      <c r="L42805" t="s">
        <v>120</v>
      </c>
      <c r="M42805" t="s">
        <v>83</v>
      </c>
      <c r="N42805" t="s">
        <v>91</v>
      </c>
      <c r="O42805" t="s">
        <v>85</v>
      </c>
      <c r="P42805" t="s">
        <v>86</v>
      </c>
      <c r="Q42805">
        <v>26</v>
      </c>
      <c r="R42805">
        <v>26</v>
      </c>
      <c r="S42805">
        <v>27</v>
      </c>
      <c r="T42805">
        <v>28</v>
      </c>
      <c r="U42805">
        <v>29</v>
      </c>
      <c r="V42805">
        <v>30</v>
      </c>
      <c r="W42805">
        <v>31</v>
      </c>
      <c r="X42805">
        <v>32</v>
      </c>
      <c r="Y42805">
        <v>33</v>
      </c>
      <c r="Z42805">
        <v>34</v>
      </c>
      <c r="AA42805">
        <v>35</v>
      </c>
      <c r="AB42805">
        <v>36</v>
      </c>
      <c r="AC42805">
        <v>37</v>
      </c>
      <c r="AD42805">
        <v>38</v>
      </c>
      <c r="AE42805">
        <v>39</v>
      </c>
      <c r="AF42805">
        <v>40</v>
      </c>
      <c r="AG42805">
        <v>41</v>
      </c>
      <c r="AH42805">
        <v>42</v>
      </c>
      <c r="AI42805">
        <v>43</v>
      </c>
      <c r="AJ42805">
        <v>44</v>
      </c>
      <c r="AK42805">
        <v>45</v>
      </c>
      <c r="AL42805">
        <v>46</v>
      </c>
      <c r="AM42805">
        <v>47</v>
      </c>
      <c r="AN42805">
        <v>48</v>
      </c>
      <c r="AO42805">
        <v>48</v>
      </c>
      <c r="AP42805">
        <v>49</v>
      </c>
      <c r="AQ42805">
        <v>50</v>
      </c>
    </row>
    <row r="42806" spans="1:43">
      <c r="A42806" t="s">
        <v>26219</v>
      </c>
      <c r="B42806" t="s">
        <v>26220</v>
      </c>
      <c r="C42806" t="s">
        <v>21333</v>
      </c>
      <c r="D42806" t="s">
        <v>21334</v>
      </c>
      <c r="E42806" t="s">
        <v>21317</v>
      </c>
      <c r="F42806" t="s">
        <v>21318</v>
      </c>
      <c r="G42806" t="s">
        <v>20255</v>
      </c>
      <c r="H42806" t="s">
        <v>20256</v>
      </c>
      <c r="I42806" s="2">
        <v>1</v>
      </c>
      <c r="J42806" s="2">
        <v>0</v>
      </c>
      <c r="K42806" s="2">
        <v>0</v>
      </c>
      <c r="L42806" t="s">
        <v>120</v>
      </c>
      <c r="M42806" t="s">
        <v>83</v>
      </c>
      <c r="N42806" t="s">
        <v>84</v>
      </c>
      <c r="O42806" t="s">
        <v>85</v>
      </c>
      <c r="P42806" t="s">
        <v>86</v>
      </c>
      <c r="Q42806">
        <v>3</v>
      </c>
      <c r="R42806">
        <v>3</v>
      </c>
      <c r="S42806">
        <v>4</v>
      </c>
      <c r="T42806">
        <v>4</v>
      </c>
      <c r="U42806">
        <v>4</v>
      </c>
      <c r="V42806">
        <v>4</v>
      </c>
      <c r="W42806">
        <v>4</v>
      </c>
      <c r="X42806">
        <v>4</v>
      </c>
      <c r="Y42806">
        <v>4</v>
      </c>
      <c r="Z42806">
        <v>4</v>
      </c>
      <c r="AA42806">
        <v>5</v>
      </c>
      <c r="AB42806">
        <v>5</v>
      </c>
      <c r="AC42806">
        <v>5</v>
      </c>
      <c r="AD42806">
        <v>5</v>
      </c>
      <c r="AE42806">
        <v>5</v>
      </c>
      <c r="AF42806">
        <v>5</v>
      </c>
      <c r="AG42806">
        <v>5</v>
      </c>
      <c r="AH42806">
        <v>5</v>
      </c>
      <c r="AI42806">
        <v>6</v>
      </c>
      <c r="AJ42806">
        <v>6</v>
      </c>
      <c r="AK42806">
        <v>6</v>
      </c>
      <c r="AL42806">
        <v>6</v>
      </c>
      <c r="AM42806">
        <v>6</v>
      </c>
      <c r="AN42806">
        <v>6</v>
      </c>
      <c r="AO42806">
        <v>6</v>
      </c>
      <c r="AP42806">
        <v>6</v>
      </c>
      <c r="AQ42806">
        <v>7</v>
      </c>
    </row>
    <row r="42807" spans="1:43">
      <c r="A42807" t="s">
        <v>26219</v>
      </c>
      <c r="B42807" t="s">
        <v>26220</v>
      </c>
      <c r="C42807" t="s">
        <v>21333</v>
      </c>
      <c r="D42807" t="s">
        <v>21334</v>
      </c>
      <c r="E42807" t="s">
        <v>21317</v>
      </c>
      <c r="F42807" t="s">
        <v>21318</v>
      </c>
      <c r="G42807" t="s">
        <v>20255</v>
      </c>
      <c r="H42807" t="s">
        <v>20256</v>
      </c>
      <c r="I42807" s="2">
        <v>1</v>
      </c>
      <c r="J42807" s="2">
        <v>0</v>
      </c>
      <c r="K42807" s="2">
        <v>0</v>
      </c>
      <c r="L42807" t="s">
        <v>120</v>
      </c>
      <c r="M42807" t="s">
        <v>87</v>
      </c>
      <c r="N42807" t="s">
        <v>88</v>
      </c>
      <c r="O42807" t="s">
        <v>85</v>
      </c>
      <c r="P42807" t="s">
        <v>86</v>
      </c>
      <c r="Q42807">
        <v>3</v>
      </c>
      <c r="R42807">
        <v>3</v>
      </c>
      <c r="S42807">
        <v>3</v>
      </c>
      <c r="T42807">
        <v>4</v>
      </c>
      <c r="U42807">
        <v>4</v>
      </c>
      <c r="V42807">
        <v>4</v>
      </c>
      <c r="W42807">
        <v>4</v>
      </c>
      <c r="X42807">
        <v>4</v>
      </c>
      <c r="Y42807">
        <v>4</v>
      </c>
      <c r="Z42807">
        <v>4</v>
      </c>
      <c r="AA42807">
        <v>4</v>
      </c>
      <c r="AB42807">
        <v>4</v>
      </c>
      <c r="AC42807">
        <v>4</v>
      </c>
      <c r="AD42807">
        <v>4</v>
      </c>
      <c r="AE42807">
        <v>4</v>
      </c>
      <c r="AF42807">
        <v>5</v>
      </c>
      <c r="AG42807">
        <v>5</v>
      </c>
      <c r="AH42807">
        <v>5</v>
      </c>
      <c r="AI42807">
        <v>5</v>
      </c>
      <c r="AJ42807">
        <v>5</v>
      </c>
      <c r="AK42807">
        <v>5</v>
      </c>
      <c r="AL42807">
        <v>5</v>
      </c>
      <c r="AM42807">
        <v>5</v>
      </c>
      <c r="AN42807">
        <v>5</v>
      </c>
      <c r="AO42807">
        <v>5</v>
      </c>
      <c r="AP42807">
        <v>6</v>
      </c>
      <c r="AQ42807">
        <v>6</v>
      </c>
    </row>
    <row r="42808" spans="1:43">
      <c r="A42808" t="s">
        <v>26219</v>
      </c>
      <c r="B42808" t="s">
        <v>26220</v>
      </c>
      <c r="C42808" t="s">
        <v>21333</v>
      </c>
      <c r="D42808" t="s">
        <v>21334</v>
      </c>
      <c r="E42808" t="s">
        <v>21317</v>
      </c>
      <c r="F42808" t="s">
        <v>21318</v>
      </c>
      <c r="G42808" t="s">
        <v>20255</v>
      </c>
      <c r="H42808" t="s">
        <v>20256</v>
      </c>
      <c r="I42808" s="2">
        <v>1</v>
      </c>
      <c r="J42808" s="2">
        <v>0</v>
      </c>
      <c r="K42808" s="2">
        <v>0</v>
      </c>
      <c r="L42808" t="s">
        <v>120</v>
      </c>
      <c r="M42808" t="s">
        <v>89</v>
      </c>
      <c r="N42808" t="s">
        <v>90</v>
      </c>
      <c r="O42808" t="s">
        <v>85</v>
      </c>
      <c r="P42808" t="s">
        <v>86</v>
      </c>
      <c r="Q42808">
        <v>3</v>
      </c>
      <c r="R42808">
        <v>4</v>
      </c>
      <c r="S42808">
        <v>4</v>
      </c>
      <c r="T42808">
        <v>4</v>
      </c>
      <c r="U42808">
        <v>4</v>
      </c>
      <c r="V42808">
        <v>4</v>
      </c>
      <c r="W42808">
        <v>4</v>
      </c>
      <c r="X42808">
        <v>4</v>
      </c>
      <c r="Y42808">
        <v>5</v>
      </c>
      <c r="Z42808">
        <v>5</v>
      </c>
      <c r="AA42808">
        <v>5</v>
      </c>
      <c r="AB42808">
        <v>5</v>
      </c>
      <c r="AC42808">
        <v>5</v>
      </c>
      <c r="AD42808">
        <v>5</v>
      </c>
      <c r="AE42808">
        <v>5</v>
      </c>
      <c r="AF42808">
        <v>5</v>
      </c>
      <c r="AG42808">
        <v>6</v>
      </c>
      <c r="AH42808">
        <v>6</v>
      </c>
      <c r="AI42808">
        <v>6</v>
      </c>
      <c r="AJ42808">
        <v>6</v>
      </c>
      <c r="AK42808">
        <v>6</v>
      </c>
      <c r="AL42808">
        <v>6</v>
      </c>
      <c r="AM42808">
        <v>6</v>
      </c>
      <c r="AN42808">
        <v>6</v>
      </c>
      <c r="AO42808">
        <v>6</v>
      </c>
      <c r="AP42808">
        <v>6</v>
      </c>
      <c r="AQ42808">
        <v>7</v>
      </c>
    </row>
    <row r="42809" spans="1:43">
      <c r="A42809" t="s">
        <v>26219</v>
      </c>
      <c r="B42809" t="s">
        <v>26220</v>
      </c>
      <c r="C42809" t="s">
        <v>21333</v>
      </c>
      <c r="D42809" t="s">
        <v>21334</v>
      </c>
      <c r="E42809" t="s">
        <v>21317</v>
      </c>
      <c r="F42809" t="s">
        <v>21318</v>
      </c>
      <c r="G42809" t="s">
        <v>20255</v>
      </c>
      <c r="H42809" t="s">
        <v>20256</v>
      </c>
      <c r="I42809" s="2">
        <v>1</v>
      </c>
      <c r="J42809" s="2">
        <v>0</v>
      </c>
      <c r="K42809" s="2">
        <v>0</v>
      </c>
      <c r="L42809" t="s">
        <v>120</v>
      </c>
      <c r="M42809" t="s">
        <v>83</v>
      </c>
      <c r="N42809" t="s">
        <v>91</v>
      </c>
      <c r="O42809" t="s">
        <v>85</v>
      </c>
      <c r="P42809" t="s">
        <v>86</v>
      </c>
      <c r="Q42809">
        <v>3</v>
      </c>
      <c r="R42809">
        <v>3</v>
      </c>
      <c r="S42809">
        <v>4</v>
      </c>
      <c r="T42809">
        <v>4</v>
      </c>
      <c r="U42809">
        <v>4</v>
      </c>
      <c r="V42809">
        <v>4</v>
      </c>
      <c r="W42809">
        <v>4</v>
      </c>
      <c r="X42809">
        <v>4</v>
      </c>
      <c r="Y42809">
        <v>4</v>
      </c>
      <c r="Z42809">
        <v>4</v>
      </c>
      <c r="AA42809">
        <v>5</v>
      </c>
      <c r="AB42809">
        <v>5</v>
      </c>
      <c r="AC42809">
        <v>5</v>
      </c>
      <c r="AD42809">
        <v>5</v>
      </c>
      <c r="AE42809">
        <v>5</v>
      </c>
      <c r="AF42809">
        <v>5</v>
      </c>
      <c r="AG42809">
        <v>5</v>
      </c>
      <c r="AH42809">
        <v>5</v>
      </c>
      <c r="AI42809">
        <v>6</v>
      </c>
      <c r="AJ42809">
        <v>6</v>
      </c>
      <c r="AK42809">
        <v>6</v>
      </c>
      <c r="AL42809">
        <v>6</v>
      </c>
      <c r="AM42809">
        <v>6</v>
      </c>
      <c r="AN42809">
        <v>6</v>
      </c>
      <c r="AO42809">
        <v>6</v>
      </c>
      <c r="AP42809">
        <v>6</v>
      </c>
      <c r="AQ42809">
        <v>7</v>
      </c>
    </row>
    <row r="42810" spans="1:43">
      <c r="A42810" t="s">
        <v>26221</v>
      </c>
      <c r="B42810" t="s">
        <v>26222</v>
      </c>
      <c r="C42810" t="s">
        <v>21357</v>
      </c>
      <c r="D42810" t="s">
        <v>21358</v>
      </c>
      <c r="E42810" t="s">
        <v>21317</v>
      </c>
      <c r="F42810" t="s">
        <v>21318</v>
      </c>
      <c r="G42810" t="s">
        <v>20255</v>
      </c>
      <c r="H42810" t="s">
        <v>20256</v>
      </c>
      <c r="I42810" s="2">
        <v>1</v>
      </c>
      <c r="J42810" s="2">
        <v>0</v>
      </c>
      <c r="K42810" s="2">
        <v>0</v>
      </c>
      <c r="L42810" t="s">
        <v>120</v>
      </c>
      <c r="M42810" t="s">
        <v>83</v>
      </c>
      <c r="N42810" t="s">
        <v>84</v>
      </c>
      <c r="O42810" t="s">
        <v>85</v>
      </c>
      <c r="P42810" t="s">
        <v>86</v>
      </c>
      <c r="Q42810">
        <v>7</v>
      </c>
      <c r="R42810">
        <v>7</v>
      </c>
      <c r="S42810">
        <v>7</v>
      </c>
      <c r="T42810">
        <v>7</v>
      </c>
      <c r="U42810">
        <v>8</v>
      </c>
      <c r="V42810">
        <v>8</v>
      </c>
      <c r="W42810">
        <v>8</v>
      </c>
      <c r="X42810">
        <v>8</v>
      </c>
      <c r="Y42810">
        <v>9</v>
      </c>
      <c r="Z42810">
        <v>9</v>
      </c>
      <c r="AA42810">
        <v>9</v>
      </c>
      <c r="AB42810">
        <v>9</v>
      </c>
      <c r="AC42810">
        <v>10</v>
      </c>
      <c r="AD42810">
        <v>10</v>
      </c>
      <c r="AE42810">
        <v>10</v>
      </c>
      <c r="AF42810">
        <v>10</v>
      </c>
      <c r="AG42810">
        <v>11</v>
      </c>
      <c r="AH42810">
        <v>11</v>
      </c>
      <c r="AI42810">
        <v>11</v>
      </c>
      <c r="AJ42810">
        <v>12</v>
      </c>
      <c r="AK42810">
        <v>12</v>
      </c>
      <c r="AL42810">
        <v>12</v>
      </c>
      <c r="AM42810">
        <v>12</v>
      </c>
      <c r="AN42810">
        <v>13</v>
      </c>
      <c r="AO42810">
        <v>13</v>
      </c>
      <c r="AP42810">
        <v>13</v>
      </c>
      <c r="AQ42810">
        <v>13</v>
      </c>
    </row>
    <row r="42811" spans="1:43">
      <c r="A42811" t="s">
        <v>26221</v>
      </c>
      <c r="B42811" t="s">
        <v>26222</v>
      </c>
      <c r="C42811" t="s">
        <v>21357</v>
      </c>
      <c r="D42811" t="s">
        <v>21358</v>
      </c>
      <c r="E42811" t="s">
        <v>21317</v>
      </c>
      <c r="F42811" t="s">
        <v>21318</v>
      </c>
      <c r="G42811" t="s">
        <v>20255</v>
      </c>
      <c r="H42811" t="s">
        <v>20256</v>
      </c>
      <c r="I42811" s="2">
        <v>1</v>
      </c>
      <c r="J42811" s="2">
        <v>0</v>
      </c>
      <c r="K42811" s="2">
        <v>0</v>
      </c>
      <c r="L42811" t="s">
        <v>120</v>
      </c>
      <c r="M42811" t="s">
        <v>87</v>
      </c>
      <c r="N42811" t="s">
        <v>88</v>
      </c>
      <c r="O42811" t="s">
        <v>85</v>
      </c>
      <c r="P42811" t="s">
        <v>86</v>
      </c>
      <c r="Q42811">
        <v>7</v>
      </c>
      <c r="R42811">
        <v>7</v>
      </c>
      <c r="S42811">
        <v>7</v>
      </c>
      <c r="T42811">
        <v>7</v>
      </c>
      <c r="U42811">
        <v>7</v>
      </c>
      <c r="V42811">
        <v>7</v>
      </c>
      <c r="W42811">
        <v>8</v>
      </c>
      <c r="X42811">
        <v>8</v>
      </c>
      <c r="Y42811">
        <v>8</v>
      </c>
      <c r="Z42811">
        <v>8</v>
      </c>
      <c r="AA42811">
        <v>8</v>
      </c>
      <c r="AB42811">
        <v>8</v>
      </c>
      <c r="AC42811">
        <v>9</v>
      </c>
      <c r="AD42811">
        <v>9</v>
      </c>
      <c r="AE42811">
        <v>9</v>
      </c>
      <c r="AF42811">
        <v>9</v>
      </c>
      <c r="AG42811">
        <v>9</v>
      </c>
      <c r="AH42811">
        <v>10</v>
      </c>
      <c r="AI42811">
        <v>10</v>
      </c>
      <c r="AJ42811">
        <v>10</v>
      </c>
      <c r="AK42811">
        <v>10</v>
      </c>
      <c r="AL42811">
        <v>11</v>
      </c>
      <c r="AM42811">
        <v>11</v>
      </c>
      <c r="AN42811">
        <v>11</v>
      </c>
      <c r="AO42811">
        <v>11</v>
      </c>
      <c r="AP42811">
        <v>11</v>
      </c>
      <c r="AQ42811">
        <v>12</v>
      </c>
    </row>
    <row r="42812" spans="1:43">
      <c r="A42812" t="s">
        <v>26221</v>
      </c>
      <c r="B42812" t="s">
        <v>26222</v>
      </c>
      <c r="C42812" t="s">
        <v>21357</v>
      </c>
      <c r="D42812" t="s">
        <v>21358</v>
      </c>
      <c r="E42812" t="s">
        <v>21317</v>
      </c>
      <c r="F42812" t="s">
        <v>21318</v>
      </c>
      <c r="G42812" t="s">
        <v>20255</v>
      </c>
      <c r="H42812" t="s">
        <v>20256</v>
      </c>
      <c r="I42812" s="2">
        <v>1</v>
      </c>
      <c r="J42812" s="2">
        <v>0</v>
      </c>
      <c r="K42812" s="2">
        <v>0</v>
      </c>
      <c r="L42812" t="s">
        <v>120</v>
      </c>
      <c r="M42812" t="s">
        <v>89</v>
      </c>
      <c r="N42812" t="s">
        <v>90</v>
      </c>
      <c r="O42812" t="s">
        <v>85</v>
      </c>
      <c r="P42812" t="s">
        <v>86</v>
      </c>
      <c r="Q42812">
        <v>7</v>
      </c>
      <c r="R42812">
        <v>7</v>
      </c>
      <c r="S42812">
        <v>7</v>
      </c>
      <c r="T42812">
        <v>8</v>
      </c>
      <c r="U42812">
        <v>8</v>
      </c>
      <c r="V42812">
        <v>8</v>
      </c>
      <c r="W42812">
        <v>8</v>
      </c>
      <c r="X42812">
        <v>9</v>
      </c>
      <c r="Y42812">
        <v>9</v>
      </c>
      <c r="Z42812">
        <v>9</v>
      </c>
      <c r="AA42812">
        <v>10</v>
      </c>
      <c r="AB42812">
        <v>10</v>
      </c>
      <c r="AC42812">
        <v>10</v>
      </c>
      <c r="AD42812">
        <v>11</v>
      </c>
      <c r="AE42812">
        <v>11</v>
      </c>
      <c r="AF42812">
        <v>11</v>
      </c>
      <c r="AG42812">
        <v>11</v>
      </c>
      <c r="AH42812">
        <v>12</v>
      </c>
      <c r="AI42812">
        <v>12</v>
      </c>
      <c r="AJ42812">
        <v>12</v>
      </c>
      <c r="AK42812">
        <v>12</v>
      </c>
      <c r="AL42812">
        <v>12</v>
      </c>
      <c r="AM42812">
        <v>13</v>
      </c>
      <c r="AN42812">
        <v>13</v>
      </c>
      <c r="AO42812">
        <v>13</v>
      </c>
      <c r="AP42812">
        <v>13</v>
      </c>
      <c r="AQ42812">
        <v>14</v>
      </c>
    </row>
    <row r="42813" spans="1:43">
      <c r="A42813" t="s">
        <v>26221</v>
      </c>
      <c r="B42813" t="s">
        <v>26222</v>
      </c>
      <c r="C42813" t="s">
        <v>21357</v>
      </c>
      <c r="D42813" t="s">
        <v>21358</v>
      </c>
      <c r="E42813" t="s">
        <v>21317</v>
      </c>
      <c r="F42813" t="s">
        <v>21318</v>
      </c>
      <c r="G42813" t="s">
        <v>20255</v>
      </c>
      <c r="H42813" t="s">
        <v>20256</v>
      </c>
      <c r="I42813" s="2">
        <v>1</v>
      </c>
      <c r="J42813" s="2">
        <v>0</v>
      </c>
      <c r="K42813" s="2">
        <v>0</v>
      </c>
      <c r="L42813" t="s">
        <v>120</v>
      </c>
      <c r="M42813" t="s">
        <v>83</v>
      </c>
      <c r="N42813" t="s">
        <v>91</v>
      </c>
      <c r="O42813" t="s">
        <v>85</v>
      </c>
      <c r="P42813" t="s">
        <v>86</v>
      </c>
      <c r="Q42813">
        <v>7</v>
      </c>
      <c r="R42813">
        <v>7</v>
      </c>
      <c r="S42813">
        <v>7</v>
      </c>
      <c r="T42813">
        <v>7</v>
      </c>
      <c r="U42813">
        <v>8</v>
      </c>
      <c r="V42813">
        <v>8</v>
      </c>
      <c r="W42813">
        <v>8</v>
      </c>
      <c r="X42813">
        <v>8</v>
      </c>
      <c r="Y42813">
        <v>9</v>
      </c>
      <c r="Z42813">
        <v>9</v>
      </c>
      <c r="AA42813">
        <v>9</v>
      </c>
      <c r="AB42813">
        <v>9</v>
      </c>
      <c r="AC42813">
        <v>10</v>
      </c>
      <c r="AD42813">
        <v>10</v>
      </c>
      <c r="AE42813">
        <v>10</v>
      </c>
      <c r="AF42813">
        <v>10</v>
      </c>
      <c r="AG42813">
        <v>11</v>
      </c>
      <c r="AH42813">
        <v>11</v>
      </c>
      <c r="AI42813">
        <v>11</v>
      </c>
      <c r="AJ42813">
        <v>12</v>
      </c>
      <c r="AK42813">
        <v>12</v>
      </c>
      <c r="AL42813">
        <v>12</v>
      </c>
      <c r="AM42813">
        <v>12</v>
      </c>
      <c r="AN42813">
        <v>13</v>
      </c>
      <c r="AO42813">
        <v>13</v>
      </c>
      <c r="AP42813">
        <v>13</v>
      </c>
      <c r="AQ42813">
        <v>13</v>
      </c>
    </row>
    <row r="42814" spans="1:43">
      <c r="A42814" t="s">
        <v>26223</v>
      </c>
      <c r="B42814" t="s">
        <v>26224</v>
      </c>
      <c r="C42814" t="s">
        <v>21357</v>
      </c>
      <c r="D42814" t="s">
        <v>21358</v>
      </c>
      <c r="E42814" t="s">
        <v>21317</v>
      </c>
      <c r="F42814" t="s">
        <v>21318</v>
      </c>
      <c r="G42814" t="s">
        <v>20255</v>
      </c>
      <c r="H42814" t="s">
        <v>20256</v>
      </c>
      <c r="I42814" s="2">
        <v>1</v>
      </c>
      <c r="J42814" s="2">
        <v>0</v>
      </c>
      <c r="K42814" s="2">
        <v>0</v>
      </c>
      <c r="L42814" t="s">
        <v>120</v>
      </c>
      <c r="M42814" t="s">
        <v>83</v>
      </c>
      <c r="N42814" t="s">
        <v>84</v>
      </c>
      <c r="O42814" t="s">
        <v>85</v>
      </c>
      <c r="P42814" t="s">
        <v>86</v>
      </c>
      <c r="Q42814">
        <v>5</v>
      </c>
      <c r="R42814">
        <v>5</v>
      </c>
      <c r="S42814">
        <v>5</v>
      </c>
      <c r="T42814">
        <v>5</v>
      </c>
      <c r="U42814">
        <v>5</v>
      </c>
      <c r="V42814">
        <v>6</v>
      </c>
      <c r="W42814">
        <v>6</v>
      </c>
      <c r="X42814">
        <v>6</v>
      </c>
      <c r="Y42814">
        <v>6</v>
      </c>
      <c r="Z42814">
        <v>6</v>
      </c>
      <c r="AA42814">
        <v>7</v>
      </c>
      <c r="AB42814">
        <v>7</v>
      </c>
      <c r="AC42814">
        <v>7</v>
      </c>
      <c r="AD42814">
        <v>7</v>
      </c>
      <c r="AE42814">
        <v>7</v>
      </c>
      <c r="AF42814">
        <v>8</v>
      </c>
      <c r="AG42814">
        <v>8</v>
      </c>
      <c r="AH42814">
        <v>8</v>
      </c>
      <c r="AI42814">
        <v>8</v>
      </c>
      <c r="AJ42814">
        <v>8</v>
      </c>
      <c r="AK42814">
        <v>9</v>
      </c>
      <c r="AL42814">
        <v>9</v>
      </c>
      <c r="AM42814">
        <v>9</v>
      </c>
      <c r="AN42814">
        <v>9</v>
      </c>
      <c r="AO42814">
        <v>9</v>
      </c>
      <c r="AP42814">
        <v>9</v>
      </c>
      <c r="AQ42814">
        <v>10</v>
      </c>
    </row>
    <row r="42815" spans="1:43">
      <c r="A42815" t="s">
        <v>26223</v>
      </c>
      <c r="B42815" t="s">
        <v>26224</v>
      </c>
      <c r="C42815" t="s">
        <v>21357</v>
      </c>
      <c r="D42815" t="s">
        <v>21358</v>
      </c>
      <c r="E42815" t="s">
        <v>21317</v>
      </c>
      <c r="F42815" t="s">
        <v>21318</v>
      </c>
      <c r="G42815" t="s">
        <v>20255</v>
      </c>
      <c r="H42815" t="s">
        <v>20256</v>
      </c>
      <c r="I42815" s="2">
        <v>1</v>
      </c>
      <c r="J42815" s="2">
        <v>0</v>
      </c>
      <c r="K42815" s="2">
        <v>0</v>
      </c>
      <c r="L42815" t="s">
        <v>120</v>
      </c>
      <c r="M42815" t="s">
        <v>87</v>
      </c>
      <c r="N42815" t="s">
        <v>88</v>
      </c>
      <c r="O42815" t="s">
        <v>85</v>
      </c>
      <c r="P42815" t="s">
        <v>86</v>
      </c>
      <c r="Q42815">
        <v>5</v>
      </c>
      <c r="R42815">
        <v>5</v>
      </c>
      <c r="S42815">
        <v>5</v>
      </c>
      <c r="T42815">
        <v>5</v>
      </c>
      <c r="U42815">
        <v>5</v>
      </c>
      <c r="V42815">
        <v>5</v>
      </c>
      <c r="W42815">
        <v>5</v>
      </c>
      <c r="X42815">
        <v>6</v>
      </c>
      <c r="Y42815">
        <v>6</v>
      </c>
      <c r="Z42815">
        <v>6</v>
      </c>
      <c r="AA42815">
        <v>6</v>
      </c>
      <c r="AB42815">
        <v>6</v>
      </c>
      <c r="AC42815">
        <v>6</v>
      </c>
      <c r="AD42815">
        <v>6</v>
      </c>
      <c r="AE42815">
        <v>7</v>
      </c>
      <c r="AF42815">
        <v>7</v>
      </c>
      <c r="AG42815">
        <v>7</v>
      </c>
      <c r="AH42815">
        <v>7</v>
      </c>
      <c r="AI42815">
        <v>7</v>
      </c>
      <c r="AJ42815">
        <v>7</v>
      </c>
      <c r="AK42815">
        <v>7</v>
      </c>
      <c r="AL42815">
        <v>8</v>
      </c>
      <c r="AM42815">
        <v>8</v>
      </c>
      <c r="AN42815">
        <v>8</v>
      </c>
      <c r="AO42815">
        <v>8</v>
      </c>
      <c r="AP42815">
        <v>8</v>
      </c>
      <c r="AQ42815">
        <v>8</v>
      </c>
    </row>
    <row r="42816" spans="1:43">
      <c r="A42816" t="s">
        <v>26223</v>
      </c>
      <c r="B42816" t="s">
        <v>26224</v>
      </c>
      <c r="C42816" t="s">
        <v>21357</v>
      </c>
      <c r="D42816" t="s">
        <v>21358</v>
      </c>
      <c r="E42816" t="s">
        <v>21317</v>
      </c>
      <c r="F42816" t="s">
        <v>21318</v>
      </c>
      <c r="G42816" t="s">
        <v>20255</v>
      </c>
      <c r="H42816" t="s">
        <v>20256</v>
      </c>
      <c r="I42816" s="2">
        <v>1</v>
      </c>
      <c r="J42816" s="2">
        <v>0</v>
      </c>
      <c r="K42816" s="2">
        <v>0</v>
      </c>
      <c r="L42816" t="s">
        <v>120</v>
      </c>
      <c r="M42816" t="s">
        <v>89</v>
      </c>
      <c r="N42816" t="s">
        <v>90</v>
      </c>
      <c r="O42816" t="s">
        <v>85</v>
      </c>
      <c r="P42816" t="s">
        <v>86</v>
      </c>
      <c r="Q42816">
        <v>5</v>
      </c>
      <c r="R42816">
        <v>5</v>
      </c>
      <c r="S42816">
        <v>5</v>
      </c>
      <c r="T42816">
        <v>5</v>
      </c>
      <c r="U42816">
        <v>6</v>
      </c>
      <c r="V42816">
        <v>6</v>
      </c>
      <c r="W42816">
        <v>6</v>
      </c>
      <c r="X42816">
        <v>6</v>
      </c>
      <c r="Y42816">
        <v>6</v>
      </c>
      <c r="Z42816">
        <v>7</v>
      </c>
      <c r="AA42816">
        <v>7</v>
      </c>
      <c r="AB42816">
        <v>7</v>
      </c>
      <c r="AC42816">
        <v>7</v>
      </c>
      <c r="AD42816">
        <v>8</v>
      </c>
      <c r="AE42816">
        <v>8</v>
      </c>
      <c r="AF42816">
        <v>8</v>
      </c>
      <c r="AG42816">
        <v>8</v>
      </c>
      <c r="AH42816">
        <v>8</v>
      </c>
      <c r="AI42816">
        <v>8</v>
      </c>
      <c r="AJ42816">
        <v>9</v>
      </c>
      <c r="AK42816">
        <v>9</v>
      </c>
      <c r="AL42816">
        <v>9</v>
      </c>
      <c r="AM42816">
        <v>9</v>
      </c>
      <c r="AN42816">
        <v>9</v>
      </c>
      <c r="AO42816">
        <v>9</v>
      </c>
      <c r="AP42816">
        <v>10</v>
      </c>
      <c r="AQ42816">
        <v>10</v>
      </c>
    </row>
    <row r="42817" spans="1:43">
      <c r="A42817" t="s">
        <v>26223</v>
      </c>
      <c r="B42817" t="s">
        <v>26224</v>
      </c>
      <c r="C42817" t="s">
        <v>21357</v>
      </c>
      <c r="D42817" t="s">
        <v>21358</v>
      </c>
      <c r="E42817" t="s">
        <v>21317</v>
      </c>
      <c r="F42817" t="s">
        <v>21318</v>
      </c>
      <c r="G42817" t="s">
        <v>20255</v>
      </c>
      <c r="H42817" t="s">
        <v>20256</v>
      </c>
      <c r="I42817" s="2">
        <v>1</v>
      </c>
      <c r="J42817" s="2">
        <v>0</v>
      </c>
      <c r="K42817" s="2">
        <v>0</v>
      </c>
      <c r="L42817" t="s">
        <v>120</v>
      </c>
      <c r="M42817" t="s">
        <v>83</v>
      </c>
      <c r="N42817" t="s">
        <v>91</v>
      </c>
      <c r="O42817" t="s">
        <v>85</v>
      </c>
      <c r="P42817" t="s">
        <v>86</v>
      </c>
      <c r="Q42817">
        <v>5</v>
      </c>
      <c r="R42817">
        <v>5</v>
      </c>
      <c r="S42817">
        <v>5</v>
      </c>
      <c r="T42817">
        <v>5</v>
      </c>
      <c r="U42817">
        <v>5</v>
      </c>
      <c r="V42817">
        <v>6</v>
      </c>
      <c r="W42817">
        <v>6</v>
      </c>
      <c r="X42817">
        <v>6</v>
      </c>
      <c r="Y42817">
        <v>6</v>
      </c>
      <c r="Z42817">
        <v>6</v>
      </c>
      <c r="AA42817">
        <v>7</v>
      </c>
      <c r="AB42817">
        <v>7</v>
      </c>
      <c r="AC42817">
        <v>7</v>
      </c>
      <c r="AD42817">
        <v>7</v>
      </c>
      <c r="AE42817">
        <v>7</v>
      </c>
      <c r="AF42817">
        <v>8</v>
      </c>
      <c r="AG42817">
        <v>8</v>
      </c>
      <c r="AH42817">
        <v>8</v>
      </c>
      <c r="AI42817">
        <v>8</v>
      </c>
      <c r="AJ42817">
        <v>8</v>
      </c>
      <c r="AK42817">
        <v>9</v>
      </c>
      <c r="AL42817">
        <v>9</v>
      </c>
      <c r="AM42817">
        <v>9</v>
      </c>
      <c r="AN42817">
        <v>9</v>
      </c>
      <c r="AO42817">
        <v>9</v>
      </c>
      <c r="AP42817">
        <v>9</v>
      </c>
      <c r="AQ42817">
        <v>10</v>
      </c>
    </row>
    <row r="42818" spans="1:43">
      <c r="A42818" t="s">
        <v>26225</v>
      </c>
      <c r="B42818" t="s">
        <v>26226</v>
      </c>
      <c r="C42818" t="s">
        <v>21357</v>
      </c>
      <c r="D42818" t="s">
        <v>21358</v>
      </c>
      <c r="E42818" t="s">
        <v>21317</v>
      </c>
      <c r="F42818" t="s">
        <v>21318</v>
      </c>
      <c r="G42818" t="s">
        <v>20255</v>
      </c>
      <c r="H42818" t="s">
        <v>20256</v>
      </c>
      <c r="I42818" s="2">
        <v>1</v>
      </c>
      <c r="J42818" s="2">
        <v>0</v>
      </c>
      <c r="K42818" s="2">
        <v>0</v>
      </c>
      <c r="L42818" t="s">
        <v>120</v>
      </c>
      <c r="M42818" t="s">
        <v>83</v>
      </c>
      <c r="N42818" t="s">
        <v>84</v>
      </c>
      <c r="O42818" t="s">
        <v>85</v>
      </c>
      <c r="P42818" t="s">
        <v>86</v>
      </c>
      <c r="Q42818">
        <v>9</v>
      </c>
      <c r="R42818">
        <v>9</v>
      </c>
      <c r="S42818">
        <v>9</v>
      </c>
      <c r="T42818">
        <v>10</v>
      </c>
      <c r="U42818">
        <v>10</v>
      </c>
      <c r="V42818">
        <v>10</v>
      </c>
      <c r="W42818">
        <v>11</v>
      </c>
      <c r="X42818">
        <v>11</v>
      </c>
      <c r="Y42818">
        <v>11</v>
      </c>
      <c r="Z42818">
        <v>12</v>
      </c>
      <c r="AA42818">
        <v>12</v>
      </c>
      <c r="AB42818">
        <v>12</v>
      </c>
      <c r="AC42818">
        <v>13</v>
      </c>
      <c r="AD42818">
        <v>13</v>
      </c>
      <c r="AE42818">
        <v>13</v>
      </c>
      <c r="AF42818">
        <v>14</v>
      </c>
      <c r="AG42818">
        <v>14</v>
      </c>
      <c r="AH42818">
        <v>15</v>
      </c>
      <c r="AI42818">
        <v>15</v>
      </c>
      <c r="AJ42818">
        <v>15</v>
      </c>
      <c r="AK42818">
        <v>16</v>
      </c>
      <c r="AL42818">
        <v>16</v>
      </c>
      <c r="AM42818">
        <v>16</v>
      </c>
      <c r="AN42818">
        <v>17</v>
      </c>
      <c r="AO42818">
        <v>17</v>
      </c>
      <c r="AP42818">
        <v>17</v>
      </c>
      <c r="AQ42818">
        <v>18</v>
      </c>
    </row>
    <row r="42819" spans="1:43">
      <c r="A42819" t="s">
        <v>26225</v>
      </c>
      <c r="B42819" t="s">
        <v>26226</v>
      </c>
      <c r="C42819" t="s">
        <v>21357</v>
      </c>
      <c r="D42819" t="s">
        <v>21358</v>
      </c>
      <c r="E42819" t="s">
        <v>21317</v>
      </c>
      <c r="F42819" t="s">
        <v>21318</v>
      </c>
      <c r="G42819" t="s">
        <v>20255</v>
      </c>
      <c r="H42819" t="s">
        <v>20256</v>
      </c>
      <c r="I42819" s="2">
        <v>1</v>
      </c>
      <c r="J42819" s="2">
        <v>0</v>
      </c>
      <c r="K42819" s="2">
        <v>0</v>
      </c>
      <c r="L42819" t="s">
        <v>120</v>
      </c>
      <c r="M42819" t="s">
        <v>87</v>
      </c>
      <c r="N42819" t="s">
        <v>88</v>
      </c>
      <c r="O42819" t="s">
        <v>85</v>
      </c>
      <c r="P42819" t="s">
        <v>86</v>
      </c>
      <c r="Q42819">
        <v>9</v>
      </c>
      <c r="R42819">
        <v>9</v>
      </c>
      <c r="S42819">
        <v>9</v>
      </c>
      <c r="T42819">
        <v>9</v>
      </c>
      <c r="U42819">
        <v>10</v>
      </c>
      <c r="V42819">
        <v>10</v>
      </c>
      <c r="W42819">
        <v>10</v>
      </c>
      <c r="X42819">
        <v>10</v>
      </c>
      <c r="Y42819">
        <v>10</v>
      </c>
      <c r="Z42819">
        <v>11</v>
      </c>
      <c r="AA42819">
        <v>11</v>
      </c>
      <c r="AB42819">
        <v>11</v>
      </c>
      <c r="AC42819">
        <v>11</v>
      </c>
      <c r="AD42819">
        <v>12</v>
      </c>
      <c r="AE42819">
        <v>12</v>
      </c>
      <c r="AF42819">
        <v>12</v>
      </c>
      <c r="AG42819">
        <v>12</v>
      </c>
      <c r="AH42819">
        <v>13</v>
      </c>
      <c r="AI42819">
        <v>13</v>
      </c>
      <c r="AJ42819">
        <v>13</v>
      </c>
      <c r="AK42819">
        <v>14</v>
      </c>
      <c r="AL42819">
        <v>14</v>
      </c>
      <c r="AM42819">
        <v>14</v>
      </c>
      <c r="AN42819">
        <v>14</v>
      </c>
      <c r="AO42819">
        <v>15</v>
      </c>
      <c r="AP42819">
        <v>15</v>
      </c>
      <c r="AQ42819">
        <v>15</v>
      </c>
    </row>
    <row r="42820" spans="1:43">
      <c r="A42820" t="s">
        <v>26225</v>
      </c>
      <c r="B42820" t="s">
        <v>26226</v>
      </c>
      <c r="C42820" t="s">
        <v>21357</v>
      </c>
      <c r="D42820" t="s">
        <v>21358</v>
      </c>
      <c r="E42820" t="s">
        <v>21317</v>
      </c>
      <c r="F42820" t="s">
        <v>21318</v>
      </c>
      <c r="G42820" t="s">
        <v>20255</v>
      </c>
      <c r="H42820" t="s">
        <v>20256</v>
      </c>
      <c r="I42820" s="2">
        <v>1</v>
      </c>
      <c r="J42820" s="2">
        <v>0</v>
      </c>
      <c r="K42820" s="2">
        <v>0</v>
      </c>
      <c r="L42820" t="s">
        <v>120</v>
      </c>
      <c r="M42820" t="s">
        <v>89</v>
      </c>
      <c r="N42820" t="s">
        <v>90</v>
      </c>
      <c r="O42820" t="s">
        <v>85</v>
      </c>
      <c r="P42820" t="s">
        <v>86</v>
      </c>
      <c r="Q42820">
        <v>9</v>
      </c>
      <c r="R42820">
        <v>9</v>
      </c>
      <c r="S42820">
        <v>10</v>
      </c>
      <c r="T42820">
        <v>10</v>
      </c>
      <c r="U42820">
        <v>10</v>
      </c>
      <c r="V42820">
        <v>11</v>
      </c>
      <c r="W42820">
        <v>11</v>
      </c>
      <c r="X42820">
        <v>12</v>
      </c>
      <c r="Y42820">
        <v>12</v>
      </c>
      <c r="Z42820">
        <v>12</v>
      </c>
      <c r="AA42820">
        <v>13</v>
      </c>
      <c r="AB42820">
        <v>13</v>
      </c>
      <c r="AC42820">
        <v>14</v>
      </c>
      <c r="AD42820">
        <v>14</v>
      </c>
      <c r="AE42820">
        <v>14</v>
      </c>
      <c r="AF42820">
        <v>15</v>
      </c>
      <c r="AG42820">
        <v>15</v>
      </c>
      <c r="AH42820">
        <v>15</v>
      </c>
      <c r="AI42820">
        <v>16</v>
      </c>
      <c r="AJ42820">
        <v>16</v>
      </c>
      <c r="AK42820">
        <v>16</v>
      </c>
      <c r="AL42820">
        <v>16</v>
      </c>
      <c r="AM42820">
        <v>17</v>
      </c>
      <c r="AN42820">
        <v>17</v>
      </c>
      <c r="AO42820">
        <v>17</v>
      </c>
      <c r="AP42820">
        <v>18</v>
      </c>
      <c r="AQ42820">
        <v>18</v>
      </c>
    </row>
    <row r="42821" spans="1:43">
      <c r="A42821" t="s">
        <v>26225</v>
      </c>
      <c r="B42821" t="s">
        <v>26226</v>
      </c>
      <c r="C42821" t="s">
        <v>21357</v>
      </c>
      <c r="D42821" t="s">
        <v>21358</v>
      </c>
      <c r="E42821" t="s">
        <v>21317</v>
      </c>
      <c r="F42821" t="s">
        <v>21318</v>
      </c>
      <c r="G42821" t="s">
        <v>20255</v>
      </c>
      <c r="H42821" t="s">
        <v>20256</v>
      </c>
      <c r="I42821" s="2">
        <v>1</v>
      </c>
      <c r="J42821" s="2">
        <v>0</v>
      </c>
      <c r="K42821" s="2">
        <v>0</v>
      </c>
      <c r="L42821" t="s">
        <v>120</v>
      </c>
      <c r="M42821" t="s">
        <v>83</v>
      </c>
      <c r="N42821" t="s">
        <v>91</v>
      </c>
      <c r="O42821" t="s">
        <v>85</v>
      </c>
      <c r="P42821" t="s">
        <v>86</v>
      </c>
      <c r="Q42821">
        <v>9</v>
      </c>
      <c r="R42821">
        <v>9</v>
      </c>
      <c r="S42821">
        <v>9</v>
      </c>
      <c r="T42821">
        <v>10</v>
      </c>
      <c r="U42821">
        <v>10</v>
      </c>
      <c r="V42821">
        <v>10</v>
      </c>
      <c r="W42821">
        <v>11</v>
      </c>
      <c r="X42821">
        <v>11</v>
      </c>
      <c r="Y42821">
        <v>11</v>
      </c>
      <c r="Z42821">
        <v>12</v>
      </c>
      <c r="AA42821">
        <v>12</v>
      </c>
      <c r="AB42821">
        <v>12</v>
      </c>
      <c r="AC42821">
        <v>13</v>
      </c>
      <c r="AD42821">
        <v>13</v>
      </c>
      <c r="AE42821">
        <v>13</v>
      </c>
      <c r="AF42821">
        <v>14</v>
      </c>
      <c r="AG42821">
        <v>14</v>
      </c>
      <c r="AH42821">
        <v>15</v>
      </c>
      <c r="AI42821">
        <v>15</v>
      </c>
      <c r="AJ42821">
        <v>15</v>
      </c>
      <c r="AK42821">
        <v>16</v>
      </c>
      <c r="AL42821">
        <v>16</v>
      </c>
      <c r="AM42821">
        <v>16</v>
      </c>
      <c r="AN42821">
        <v>17</v>
      </c>
      <c r="AO42821">
        <v>17</v>
      </c>
      <c r="AP42821">
        <v>17</v>
      </c>
      <c r="AQ42821">
        <v>18</v>
      </c>
    </row>
    <row r="42822" spans="1:43">
      <c r="A42822" t="s">
        <v>26227</v>
      </c>
      <c r="B42822" t="s">
        <v>26228</v>
      </c>
      <c r="C42822" t="s">
        <v>21357</v>
      </c>
      <c r="D42822" t="s">
        <v>21358</v>
      </c>
      <c r="E42822" t="s">
        <v>21317</v>
      </c>
      <c r="F42822" t="s">
        <v>21318</v>
      </c>
      <c r="G42822" t="s">
        <v>20255</v>
      </c>
      <c r="H42822" t="s">
        <v>20256</v>
      </c>
      <c r="I42822" s="2">
        <v>1</v>
      </c>
      <c r="J42822" s="2">
        <v>0</v>
      </c>
      <c r="K42822" s="2">
        <v>0</v>
      </c>
      <c r="L42822" t="s">
        <v>120</v>
      </c>
      <c r="M42822" t="s">
        <v>83</v>
      </c>
      <c r="N42822" t="s">
        <v>84</v>
      </c>
      <c r="O42822" t="s">
        <v>85</v>
      </c>
      <c r="P42822" t="s">
        <v>86</v>
      </c>
      <c r="Q42822">
        <v>11</v>
      </c>
      <c r="R42822">
        <v>12</v>
      </c>
      <c r="S42822">
        <v>12</v>
      </c>
      <c r="T42822">
        <v>12</v>
      </c>
      <c r="U42822">
        <v>13</v>
      </c>
      <c r="V42822">
        <v>13</v>
      </c>
      <c r="W42822">
        <v>14</v>
      </c>
      <c r="X42822">
        <v>14</v>
      </c>
      <c r="Y42822">
        <v>15</v>
      </c>
      <c r="Z42822">
        <v>15</v>
      </c>
      <c r="AA42822">
        <v>15</v>
      </c>
      <c r="AB42822">
        <v>16</v>
      </c>
      <c r="AC42822">
        <v>16</v>
      </c>
      <c r="AD42822">
        <v>17</v>
      </c>
      <c r="AE42822">
        <v>17</v>
      </c>
      <c r="AF42822">
        <v>18</v>
      </c>
      <c r="AG42822">
        <v>18</v>
      </c>
      <c r="AH42822">
        <v>19</v>
      </c>
      <c r="AI42822">
        <v>19</v>
      </c>
      <c r="AJ42822">
        <v>20</v>
      </c>
      <c r="AK42822">
        <v>20</v>
      </c>
      <c r="AL42822">
        <v>21</v>
      </c>
      <c r="AM42822">
        <v>21</v>
      </c>
      <c r="AN42822">
        <v>22</v>
      </c>
      <c r="AO42822">
        <v>22</v>
      </c>
      <c r="AP42822">
        <v>22</v>
      </c>
      <c r="AQ42822">
        <v>23</v>
      </c>
    </row>
    <row r="42823" spans="1:43">
      <c r="A42823" t="s">
        <v>26227</v>
      </c>
      <c r="B42823" t="s">
        <v>26228</v>
      </c>
      <c r="C42823" t="s">
        <v>21357</v>
      </c>
      <c r="D42823" t="s">
        <v>21358</v>
      </c>
      <c r="E42823" t="s">
        <v>21317</v>
      </c>
      <c r="F42823" t="s">
        <v>21318</v>
      </c>
      <c r="G42823" t="s">
        <v>20255</v>
      </c>
      <c r="H42823" t="s">
        <v>20256</v>
      </c>
      <c r="I42823" s="2">
        <v>1</v>
      </c>
      <c r="J42823" s="2">
        <v>0</v>
      </c>
      <c r="K42823" s="2">
        <v>0</v>
      </c>
      <c r="L42823" t="s">
        <v>120</v>
      </c>
      <c r="M42823" t="s">
        <v>87</v>
      </c>
      <c r="N42823" t="s">
        <v>88</v>
      </c>
      <c r="O42823" t="s">
        <v>85</v>
      </c>
      <c r="P42823" t="s">
        <v>86</v>
      </c>
      <c r="Q42823">
        <v>11</v>
      </c>
      <c r="R42823">
        <v>11</v>
      </c>
      <c r="S42823">
        <v>12</v>
      </c>
      <c r="T42823">
        <v>12</v>
      </c>
      <c r="U42823">
        <v>12</v>
      </c>
      <c r="V42823">
        <v>13</v>
      </c>
      <c r="W42823">
        <v>13</v>
      </c>
      <c r="X42823">
        <v>13</v>
      </c>
      <c r="Y42823">
        <v>14</v>
      </c>
      <c r="Z42823">
        <v>14</v>
      </c>
      <c r="AA42823">
        <v>14</v>
      </c>
      <c r="AB42823">
        <v>14</v>
      </c>
      <c r="AC42823">
        <v>15</v>
      </c>
      <c r="AD42823">
        <v>15</v>
      </c>
      <c r="AE42823">
        <v>15</v>
      </c>
      <c r="AF42823">
        <v>16</v>
      </c>
      <c r="AG42823">
        <v>16</v>
      </c>
      <c r="AH42823">
        <v>16</v>
      </c>
      <c r="AI42823">
        <v>17</v>
      </c>
      <c r="AJ42823">
        <v>17</v>
      </c>
      <c r="AK42823">
        <v>18</v>
      </c>
      <c r="AL42823">
        <v>18</v>
      </c>
      <c r="AM42823">
        <v>18</v>
      </c>
      <c r="AN42823">
        <v>19</v>
      </c>
      <c r="AO42823">
        <v>19</v>
      </c>
      <c r="AP42823">
        <v>19</v>
      </c>
      <c r="AQ42823">
        <v>20</v>
      </c>
    </row>
    <row r="42824" spans="1:43">
      <c r="A42824" t="s">
        <v>26227</v>
      </c>
      <c r="B42824" t="s">
        <v>26228</v>
      </c>
      <c r="C42824" t="s">
        <v>21357</v>
      </c>
      <c r="D42824" t="s">
        <v>21358</v>
      </c>
      <c r="E42824" t="s">
        <v>21317</v>
      </c>
      <c r="F42824" t="s">
        <v>21318</v>
      </c>
      <c r="G42824" t="s">
        <v>20255</v>
      </c>
      <c r="H42824" t="s">
        <v>20256</v>
      </c>
      <c r="I42824" s="2">
        <v>1</v>
      </c>
      <c r="J42824" s="2">
        <v>0</v>
      </c>
      <c r="K42824" s="2">
        <v>0</v>
      </c>
      <c r="L42824" t="s">
        <v>120</v>
      </c>
      <c r="M42824" t="s">
        <v>89</v>
      </c>
      <c r="N42824" t="s">
        <v>90</v>
      </c>
      <c r="O42824" t="s">
        <v>85</v>
      </c>
      <c r="P42824" t="s">
        <v>86</v>
      </c>
      <c r="Q42824">
        <v>11</v>
      </c>
      <c r="R42824">
        <v>12</v>
      </c>
      <c r="S42824">
        <v>12</v>
      </c>
      <c r="T42824">
        <v>13</v>
      </c>
      <c r="U42824">
        <v>13</v>
      </c>
      <c r="V42824">
        <v>14</v>
      </c>
      <c r="W42824">
        <v>14</v>
      </c>
      <c r="X42824">
        <v>15</v>
      </c>
      <c r="Y42824">
        <v>15</v>
      </c>
      <c r="Z42824">
        <v>16</v>
      </c>
      <c r="AA42824">
        <v>16</v>
      </c>
      <c r="AB42824">
        <v>17</v>
      </c>
      <c r="AC42824">
        <v>18</v>
      </c>
      <c r="AD42824">
        <v>18</v>
      </c>
      <c r="AE42824">
        <v>19</v>
      </c>
      <c r="AF42824">
        <v>19</v>
      </c>
      <c r="AG42824">
        <v>19</v>
      </c>
      <c r="AH42824">
        <v>20</v>
      </c>
      <c r="AI42824">
        <v>20</v>
      </c>
      <c r="AJ42824">
        <v>20</v>
      </c>
      <c r="AK42824">
        <v>21</v>
      </c>
      <c r="AL42824">
        <v>21</v>
      </c>
      <c r="AM42824">
        <v>22</v>
      </c>
      <c r="AN42824">
        <v>22</v>
      </c>
      <c r="AO42824">
        <v>22</v>
      </c>
      <c r="AP42824">
        <v>23</v>
      </c>
      <c r="AQ42824">
        <v>23</v>
      </c>
    </row>
    <row r="42825" spans="1:43">
      <c r="A42825" t="s">
        <v>26227</v>
      </c>
      <c r="B42825" t="s">
        <v>26228</v>
      </c>
      <c r="C42825" t="s">
        <v>21357</v>
      </c>
      <c r="D42825" t="s">
        <v>21358</v>
      </c>
      <c r="E42825" t="s">
        <v>21317</v>
      </c>
      <c r="F42825" t="s">
        <v>21318</v>
      </c>
      <c r="G42825" t="s">
        <v>20255</v>
      </c>
      <c r="H42825" t="s">
        <v>20256</v>
      </c>
      <c r="I42825" s="2">
        <v>1</v>
      </c>
      <c r="J42825" s="2">
        <v>0</v>
      </c>
      <c r="K42825" s="2">
        <v>0</v>
      </c>
      <c r="L42825" t="s">
        <v>120</v>
      </c>
      <c r="M42825" t="s">
        <v>83</v>
      </c>
      <c r="N42825" t="s">
        <v>91</v>
      </c>
      <c r="O42825" t="s">
        <v>85</v>
      </c>
      <c r="P42825" t="s">
        <v>86</v>
      </c>
      <c r="Q42825">
        <v>11</v>
      </c>
      <c r="R42825">
        <v>12</v>
      </c>
      <c r="S42825">
        <v>12</v>
      </c>
      <c r="T42825">
        <v>12</v>
      </c>
      <c r="U42825">
        <v>13</v>
      </c>
      <c r="V42825">
        <v>13</v>
      </c>
      <c r="W42825">
        <v>14</v>
      </c>
      <c r="X42825">
        <v>14</v>
      </c>
      <c r="Y42825">
        <v>15</v>
      </c>
      <c r="Z42825">
        <v>15</v>
      </c>
      <c r="AA42825">
        <v>15</v>
      </c>
      <c r="AB42825">
        <v>16</v>
      </c>
      <c r="AC42825">
        <v>16</v>
      </c>
      <c r="AD42825">
        <v>17</v>
      </c>
      <c r="AE42825">
        <v>17</v>
      </c>
      <c r="AF42825">
        <v>18</v>
      </c>
      <c r="AG42825">
        <v>18</v>
      </c>
      <c r="AH42825">
        <v>19</v>
      </c>
      <c r="AI42825">
        <v>19</v>
      </c>
      <c r="AJ42825">
        <v>20</v>
      </c>
      <c r="AK42825">
        <v>20</v>
      </c>
      <c r="AL42825">
        <v>21</v>
      </c>
      <c r="AM42825">
        <v>21</v>
      </c>
      <c r="AN42825">
        <v>22</v>
      </c>
      <c r="AO42825">
        <v>22</v>
      </c>
      <c r="AP42825">
        <v>22</v>
      </c>
      <c r="AQ42825">
        <v>23</v>
      </c>
    </row>
    <row r="42826" spans="1:43">
      <c r="A42826" t="s">
        <v>26229</v>
      </c>
      <c r="B42826" t="s">
        <v>26230</v>
      </c>
      <c r="C42826" t="s">
        <v>21357</v>
      </c>
      <c r="D42826" t="s">
        <v>21358</v>
      </c>
      <c r="E42826" t="s">
        <v>21317</v>
      </c>
      <c r="F42826" t="s">
        <v>21318</v>
      </c>
      <c r="G42826" t="s">
        <v>20255</v>
      </c>
      <c r="H42826" t="s">
        <v>20256</v>
      </c>
      <c r="I42826" s="2">
        <v>1</v>
      </c>
      <c r="J42826" s="2">
        <v>0</v>
      </c>
      <c r="K42826" s="2">
        <v>0</v>
      </c>
      <c r="L42826" t="s">
        <v>120</v>
      </c>
      <c r="M42826" t="s">
        <v>83</v>
      </c>
      <c r="N42826" t="s">
        <v>84</v>
      </c>
      <c r="O42826" t="s">
        <v>85</v>
      </c>
      <c r="P42826" t="s">
        <v>86</v>
      </c>
      <c r="Q42826">
        <v>49</v>
      </c>
      <c r="R42826">
        <v>50</v>
      </c>
      <c r="S42826">
        <v>52</v>
      </c>
      <c r="T42826">
        <v>54</v>
      </c>
      <c r="U42826">
        <v>56</v>
      </c>
      <c r="V42826">
        <v>58</v>
      </c>
      <c r="W42826">
        <v>59</v>
      </c>
      <c r="X42826">
        <v>61</v>
      </c>
      <c r="Y42826">
        <v>63</v>
      </c>
      <c r="Z42826">
        <v>65</v>
      </c>
      <c r="AA42826">
        <v>67</v>
      </c>
      <c r="AB42826">
        <v>69</v>
      </c>
      <c r="AC42826">
        <v>71</v>
      </c>
      <c r="AD42826">
        <v>73</v>
      </c>
      <c r="AE42826">
        <v>75</v>
      </c>
      <c r="AF42826">
        <v>77</v>
      </c>
      <c r="AG42826">
        <v>79</v>
      </c>
      <c r="AH42826">
        <v>82</v>
      </c>
      <c r="AI42826">
        <v>84</v>
      </c>
      <c r="AJ42826">
        <v>86</v>
      </c>
      <c r="AK42826">
        <v>89</v>
      </c>
      <c r="AL42826">
        <v>90</v>
      </c>
      <c r="AM42826">
        <v>92</v>
      </c>
      <c r="AN42826">
        <v>94</v>
      </c>
      <c r="AO42826">
        <v>95</v>
      </c>
      <c r="AP42826">
        <v>97</v>
      </c>
      <c r="AQ42826">
        <v>99</v>
      </c>
    </row>
    <row r="42827" spans="1:43">
      <c r="A42827" t="s">
        <v>26229</v>
      </c>
      <c r="B42827" t="s">
        <v>26230</v>
      </c>
      <c r="C42827" t="s">
        <v>21357</v>
      </c>
      <c r="D42827" t="s">
        <v>21358</v>
      </c>
      <c r="E42827" t="s">
        <v>21317</v>
      </c>
      <c r="F42827" t="s">
        <v>21318</v>
      </c>
      <c r="G42827" t="s">
        <v>20255</v>
      </c>
      <c r="H42827" t="s">
        <v>20256</v>
      </c>
      <c r="I42827" s="2">
        <v>1</v>
      </c>
      <c r="J42827" s="2">
        <v>0</v>
      </c>
      <c r="K42827" s="2">
        <v>0</v>
      </c>
      <c r="L42827" t="s">
        <v>120</v>
      </c>
      <c r="M42827" t="s">
        <v>87</v>
      </c>
      <c r="N42827" t="s">
        <v>88</v>
      </c>
      <c r="O42827" t="s">
        <v>85</v>
      </c>
      <c r="P42827" t="s">
        <v>86</v>
      </c>
      <c r="Q42827">
        <v>49</v>
      </c>
      <c r="R42827">
        <v>51</v>
      </c>
      <c r="S42827">
        <v>52</v>
      </c>
      <c r="T42827">
        <v>53</v>
      </c>
      <c r="U42827">
        <v>54</v>
      </c>
      <c r="V42827">
        <v>56</v>
      </c>
      <c r="W42827">
        <v>57</v>
      </c>
      <c r="X42827">
        <v>58</v>
      </c>
      <c r="Y42827">
        <v>59</v>
      </c>
      <c r="Z42827">
        <v>61</v>
      </c>
      <c r="AA42827">
        <v>62</v>
      </c>
      <c r="AB42827">
        <v>64</v>
      </c>
      <c r="AC42827">
        <v>65</v>
      </c>
      <c r="AD42827">
        <v>66</v>
      </c>
      <c r="AE42827">
        <v>68</v>
      </c>
      <c r="AF42827">
        <v>69</v>
      </c>
      <c r="AG42827">
        <v>71</v>
      </c>
      <c r="AH42827">
        <v>72</v>
      </c>
      <c r="AI42827">
        <v>74</v>
      </c>
      <c r="AJ42827">
        <v>75</v>
      </c>
      <c r="AK42827">
        <v>77</v>
      </c>
      <c r="AL42827">
        <v>79</v>
      </c>
      <c r="AM42827">
        <v>80</v>
      </c>
      <c r="AN42827">
        <v>82</v>
      </c>
      <c r="AO42827">
        <v>84</v>
      </c>
      <c r="AP42827">
        <v>85</v>
      </c>
      <c r="AQ42827">
        <v>87</v>
      </c>
    </row>
    <row r="42828" spans="1:43">
      <c r="A42828" t="s">
        <v>26229</v>
      </c>
      <c r="B42828" t="s">
        <v>26230</v>
      </c>
      <c r="C42828" t="s">
        <v>21357</v>
      </c>
      <c r="D42828" t="s">
        <v>21358</v>
      </c>
      <c r="E42828" t="s">
        <v>21317</v>
      </c>
      <c r="F42828" t="s">
        <v>21318</v>
      </c>
      <c r="G42828" t="s">
        <v>20255</v>
      </c>
      <c r="H42828" t="s">
        <v>20256</v>
      </c>
      <c r="I42828" s="2">
        <v>1</v>
      </c>
      <c r="J42828" s="2">
        <v>0</v>
      </c>
      <c r="K42828" s="2">
        <v>0</v>
      </c>
      <c r="L42828" t="s">
        <v>120</v>
      </c>
      <c r="M42828" t="s">
        <v>89</v>
      </c>
      <c r="N42828" t="s">
        <v>90</v>
      </c>
      <c r="O42828" t="s">
        <v>85</v>
      </c>
      <c r="P42828" t="s">
        <v>86</v>
      </c>
      <c r="Q42828">
        <v>49</v>
      </c>
      <c r="R42828">
        <v>51</v>
      </c>
      <c r="S42828">
        <v>54</v>
      </c>
      <c r="T42828">
        <v>56</v>
      </c>
      <c r="U42828">
        <v>58</v>
      </c>
      <c r="V42828">
        <v>60</v>
      </c>
      <c r="W42828">
        <v>62</v>
      </c>
      <c r="X42828">
        <v>64</v>
      </c>
      <c r="Y42828">
        <v>67</v>
      </c>
      <c r="Z42828">
        <v>69</v>
      </c>
      <c r="AA42828">
        <v>71</v>
      </c>
      <c r="AB42828">
        <v>73</v>
      </c>
      <c r="AC42828">
        <v>76</v>
      </c>
      <c r="AD42828">
        <v>78</v>
      </c>
      <c r="AE42828">
        <v>80</v>
      </c>
      <c r="AF42828">
        <v>82</v>
      </c>
      <c r="AG42828">
        <v>83</v>
      </c>
      <c r="AH42828">
        <v>85</v>
      </c>
      <c r="AI42828">
        <v>87</v>
      </c>
      <c r="AJ42828">
        <v>88</v>
      </c>
      <c r="AK42828">
        <v>90</v>
      </c>
      <c r="AL42828">
        <v>91</v>
      </c>
      <c r="AM42828">
        <v>93</v>
      </c>
      <c r="AN42828">
        <v>95</v>
      </c>
      <c r="AO42828">
        <v>96</v>
      </c>
      <c r="AP42828">
        <v>98</v>
      </c>
      <c r="AQ42828">
        <v>100</v>
      </c>
    </row>
    <row r="42829" spans="1:43">
      <c r="A42829" t="s">
        <v>26229</v>
      </c>
      <c r="B42829" t="s">
        <v>26230</v>
      </c>
      <c r="C42829" t="s">
        <v>21357</v>
      </c>
      <c r="D42829" t="s">
        <v>21358</v>
      </c>
      <c r="E42829" t="s">
        <v>21317</v>
      </c>
      <c r="F42829" t="s">
        <v>21318</v>
      </c>
      <c r="G42829" t="s">
        <v>20255</v>
      </c>
      <c r="H42829" t="s">
        <v>20256</v>
      </c>
      <c r="I42829" s="2">
        <v>1</v>
      </c>
      <c r="J42829" s="2">
        <v>0</v>
      </c>
      <c r="K42829" s="2">
        <v>0</v>
      </c>
      <c r="L42829" t="s">
        <v>120</v>
      </c>
      <c r="M42829" t="s">
        <v>83</v>
      </c>
      <c r="N42829" t="s">
        <v>91</v>
      </c>
      <c r="O42829" t="s">
        <v>85</v>
      </c>
      <c r="P42829" t="s">
        <v>86</v>
      </c>
      <c r="Q42829">
        <v>49</v>
      </c>
      <c r="R42829">
        <v>50</v>
      </c>
      <c r="S42829">
        <v>52</v>
      </c>
      <c r="T42829">
        <v>54</v>
      </c>
      <c r="U42829">
        <v>56</v>
      </c>
      <c r="V42829">
        <v>58</v>
      </c>
      <c r="W42829">
        <v>59</v>
      </c>
      <c r="X42829">
        <v>61</v>
      </c>
      <c r="Y42829">
        <v>63</v>
      </c>
      <c r="Z42829">
        <v>65</v>
      </c>
      <c r="AA42829">
        <v>67</v>
      </c>
      <c r="AB42829">
        <v>69</v>
      </c>
      <c r="AC42829">
        <v>71</v>
      </c>
      <c r="AD42829">
        <v>73</v>
      </c>
      <c r="AE42829">
        <v>75</v>
      </c>
      <c r="AF42829">
        <v>77</v>
      </c>
      <c r="AG42829">
        <v>79</v>
      </c>
      <c r="AH42829">
        <v>82</v>
      </c>
      <c r="AI42829">
        <v>84</v>
      </c>
      <c r="AJ42829">
        <v>86</v>
      </c>
      <c r="AK42829">
        <v>89</v>
      </c>
      <c r="AL42829">
        <v>90</v>
      </c>
      <c r="AM42829">
        <v>92</v>
      </c>
      <c r="AN42829">
        <v>94</v>
      </c>
      <c r="AO42829">
        <v>95</v>
      </c>
      <c r="AP42829">
        <v>97</v>
      </c>
      <c r="AQ42829">
        <v>99</v>
      </c>
    </row>
    <row r="42830" spans="1:43">
      <c r="A42830" t="s">
        <v>26231</v>
      </c>
      <c r="B42830" t="s">
        <v>26232</v>
      </c>
      <c r="C42830" t="s">
        <v>21449</v>
      </c>
      <c r="D42830" t="s">
        <v>21450</v>
      </c>
      <c r="E42830" t="s">
        <v>21317</v>
      </c>
      <c r="F42830" t="s">
        <v>21318</v>
      </c>
      <c r="G42830" t="s">
        <v>20255</v>
      </c>
      <c r="H42830" t="s">
        <v>20256</v>
      </c>
      <c r="I42830" s="2">
        <v>1</v>
      </c>
      <c r="J42830" s="2">
        <v>0</v>
      </c>
      <c r="K42830" s="2">
        <v>0</v>
      </c>
      <c r="L42830" t="s">
        <v>120</v>
      </c>
      <c r="M42830" t="s">
        <v>83</v>
      </c>
      <c r="N42830" t="s">
        <v>84</v>
      </c>
      <c r="O42830" t="s">
        <v>85</v>
      </c>
      <c r="P42830" t="s">
        <v>86</v>
      </c>
      <c r="Q42830">
        <v>5</v>
      </c>
      <c r="R42830">
        <v>5</v>
      </c>
      <c r="S42830">
        <v>5</v>
      </c>
      <c r="T42830">
        <v>5</v>
      </c>
      <c r="U42830">
        <v>5</v>
      </c>
      <c r="V42830">
        <v>6</v>
      </c>
      <c r="W42830">
        <v>6</v>
      </c>
      <c r="X42830">
        <v>6</v>
      </c>
      <c r="Y42830">
        <v>6</v>
      </c>
      <c r="Z42830">
        <v>6</v>
      </c>
      <c r="AA42830">
        <v>6</v>
      </c>
      <c r="AB42830">
        <v>7</v>
      </c>
      <c r="AC42830">
        <v>7</v>
      </c>
      <c r="AD42830">
        <v>7</v>
      </c>
      <c r="AE42830">
        <v>7</v>
      </c>
      <c r="AF42830">
        <v>7</v>
      </c>
      <c r="AG42830">
        <v>8</v>
      </c>
      <c r="AH42830">
        <v>8</v>
      </c>
      <c r="AI42830">
        <v>8</v>
      </c>
      <c r="AJ42830">
        <v>8</v>
      </c>
      <c r="AK42830">
        <v>9</v>
      </c>
      <c r="AL42830">
        <v>9</v>
      </c>
      <c r="AM42830">
        <v>9</v>
      </c>
      <c r="AN42830">
        <v>9</v>
      </c>
      <c r="AO42830">
        <v>9</v>
      </c>
      <c r="AP42830">
        <v>9</v>
      </c>
      <c r="AQ42830">
        <v>9</v>
      </c>
    </row>
    <row r="42831" spans="1:43">
      <c r="A42831" t="s">
        <v>26231</v>
      </c>
      <c r="B42831" t="s">
        <v>26232</v>
      </c>
      <c r="C42831" t="s">
        <v>21449</v>
      </c>
      <c r="D42831" t="s">
        <v>21450</v>
      </c>
      <c r="E42831" t="s">
        <v>21317</v>
      </c>
      <c r="F42831" t="s">
        <v>21318</v>
      </c>
      <c r="G42831" t="s">
        <v>20255</v>
      </c>
      <c r="H42831" t="s">
        <v>20256</v>
      </c>
      <c r="I42831" s="2">
        <v>1</v>
      </c>
      <c r="J42831" s="2">
        <v>0</v>
      </c>
      <c r="K42831" s="2">
        <v>0</v>
      </c>
      <c r="L42831" t="s">
        <v>120</v>
      </c>
      <c r="M42831" t="s">
        <v>87</v>
      </c>
      <c r="N42831" t="s">
        <v>88</v>
      </c>
      <c r="O42831" t="s">
        <v>85</v>
      </c>
      <c r="P42831" t="s">
        <v>86</v>
      </c>
      <c r="Q42831">
        <v>5</v>
      </c>
      <c r="R42831">
        <v>5</v>
      </c>
      <c r="S42831">
        <v>5</v>
      </c>
      <c r="T42831">
        <v>5</v>
      </c>
      <c r="U42831">
        <v>5</v>
      </c>
      <c r="V42831">
        <v>5</v>
      </c>
      <c r="W42831">
        <v>5</v>
      </c>
      <c r="X42831">
        <v>5</v>
      </c>
      <c r="Y42831">
        <v>6</v>
      </c>
      <c r="Z42831">
        <v>6</v>
      </c>
      <c r="AA42831">
        <v>6</v>
      </c>
      <c r="AB42831">
        <v>6</v>
      </c>
      <c r="AC42831">
        <v>6</v>
      </c>
      <c r="AD42831">
        <v>6</v>
      </c>
      <c r="AE42831">
        <v>6</v>
      </c>
      <c r="AF42831">
        <v>7</v>
      </c>
      <c r="AG42831">
        <v>7</v>
      </c>
      <c r="AH42831">
        <v>7</v>
      </c>
      <c r="AI42831">
        <v>7</v>
      </c>
      <c r="AJ42831">
        <v>7</v>
      </c>
      <c r="AK42831">
        <v>7</v>
      </c>
      <c r="AL42831">
        <v>7</v>
      </c>
      <c r="AM42831">
        <v>8</v>
      </c>
      <c r="AN42831">
        <v>8</v>
      </c>
      <c r="AO42831">
        <v>8</v>
      </c>
      <c r="AP42831">
        <v>8</v>
      </c>
      <c r="AQ42831">
        <v>8</v>
      </c>
    </row>
    <row r="42832" spans="1:43">
      <c r="A42832" t="s">
        <v>26231</v>
      </c>
      <c r="B42832" t="s">
        <v>26232</v>
      </c>
      <c r="C42832" t="s">
        <v>21449</v>
      </c>
      <c r="D42832" t="s">
        <v>21450</v>
      </c>
      <c r="E42832" t="s">
        <v>21317</v>
      </c>
      <c r="F42832" t="s">
        <v>21318</v>
      </c>
      <c r="G42832" t="s">
        <v>20255</v>
      </c>
      <c r="H42832" t="s">
        <v>20256</v>
      </c>
      <c r="I42832" s="2">
        <v>1</v>
      </c>
      <c r="J42832" s="2">
        <v>0</v>
      </c>
      <c r="K42832" s="2">
        <v>0</v>
      </c>
      <c r="L42832" t="s">
        <v>120</v>
      </c>
      <c r="M42832" t="s">
        <v>89</v>
      </c>
      <c r="N42832" t="s">
        <v>90</v>
      </c>
      <c r="O42832" t="s">
        <v>85</v>
      </c>
      <c r="P42832" t="s">
        <v>86</v>
      </c>
      <c r="Q42832">
        <v>5</v>
      </c>
      <c r="R42832">
        <v>5</v>
      </c>
      <c r="S42832">
        <v>5</v>
      </c>
      <c r="T42832">
        <v>5</v>
      </c>
      <c r="U42832">
        <v>6</v>
      </c>
      <c r="V42832">
        <v>6</v>
      </c>
      <c r="W42832">
        <v>6</v>
      </c>
      <c r="X42832">
        <v>6</v>
      </c>
      <c r="Y42832">
        <v>6</v>
      </c>
      <c r="Z42832">
        <v>7</v>
      </c>
      <c r="AA42832">
        <v>7</v>
      </c>
      <c r="AB42832">
        <v>7</v>
      </c>
      <c r="AC42832">
        <v>7</v>
      </c>
      <c r="AD42832">
        <v>8</v>
      </c>
      <c r="AE42832">
        <v>8</v>
      </c>
      <c r="AF42832">
        <v>8</v>
      </c>
      <c r="AG42832">
        <v>8</v>
      </c>
      <c r="AH42832">
        <v>8</v>
      </c>
      <c r="AI42832">
        <v>8</v>
      </c>
      <c r="AJ42832">
        <v>8</v>
      </c>
      <c r="AK42832">
        <v>9</v>
      </c>
      <c r="AL42832">
        <v>9</v>
      </c>
      <c r="AM42832">
        <v>9</v>
      </c>
      <c r="AN42832">
        <v>9</v>
      </c>
      <c r="AO42832">
        <v>9</v>
      </c>
      <c r="AP42832">
        <v>9</v>
      </c>
      <c r="AQ42832">
        <v>10</v>
      </c>
    </row>
    <row r="42833" spans="1:43">
      <c r="A42833" t="s">
        <v>26231</v>
      </c>
      <c r="B42833" t="s">
        <v>26232</v>
      </c>
      <c r="C42833" t="s">
        <v>21449</v>
      </c>
      <c r="D42833" t="s">
        <v>21450</v>
      </c>
      <c r="E42833" t="s">
        <v>21317</v>
      </c>
      <c r="F42833" t="s">
        <v>21318</v>
      </c>
      <c r="G42833" t="s">
        <v>20255</v>
      </c>
      <c r="H42833" t="s">
        <v>20256</v>
      </c>
      <c r="I42833" s="2">
        <v>1</v>
      </c>
      <c r="J42833" s="2">
        <v>0</v>
      </c>
      <c r="K42833" s="2">
        <v>0</v>
      </c>
      <c r="L42833" t="s">
        <v>120</v>
      </c>
      <c r="M42833" t="s">
        <v>83</v>
      </c>
      <c r="N42833" t="s">
        <v>91</v>
      </c>
      <c r="O42833" t="s">
        <v>85</v>
      </c>
      <c r="P42833" t="s">
        <v>86</v>
      </c>
      <c r="Q42833">
        <v>5</v>
      </c>
      <c r="R42833">
        <v>5</v>
      </c>
      <c r="S42833">
        <v>5</v>
      </c>
      <c r="T42833">
        <v>5</v>
      </c>
      <c r="U42833">
        <v>5</v>
      </c>
      <c r="V42833">
        <v>6</v>
      </c>
      <c r="W42833">
        <v>6</v>
      </c>
      <c r="X42833">
        <v>6</v>
      </c>
      <c r="Y42833">
        <v>6</v>
      </c>
      <c r="Z42833">
        <v>6</v>
      </c>
      <c r="AA42833">
        <v>6</v>
      </c>
      <c r="AB42833">
        <v>7</v>
      </c>
      <c r="AC42833">
        <v>7</v>
      </c>
      <c r="AD42833">
        <v>7</v>
      </c>
      <c r="AE42833">
        <v>7</v>
      </c>
      <c r="AF42833">
        <v>7</v>
      </c>
      <c r="AG42833">
        <v>8</v>
      </c>
      <c r="AH42833">
        <v>8</v>
      </c>
      <c r="AI42833">
        <v>8</v>
      </c>
      <c r="AJ42833">
        <v>8</v>
      </c>
      <c r="AK42833">
        <v>9</v>
      </c>
      <c r="AL42833">
        <v>9</v>
      </c>
      <c r="AM42833">
        <v>9</v>
      </c>
      <c r="AN42833">
        <v>9</v>
      </c>
      <c r="AO42833">
        <v>9</v>
      </c>
      <c r="AP42833">
        <v>9</v>
      </c>
      <c r="AQ42833">
        <v>9</v>
      </c>
    </row>
    <row r="42834" spans="1:43">
      <c r="A42834" t="s">
        <v>26233</v>
      </c>
      <c r="B42834" t="s">
        <v>26234</v>
      </c>
      <c r="C42834" t="s">
        <v>21449</v>
      </c>
      <c r="D42834" t="s">
        <v>21450</v>
      </c>
      <c r="E42834" t="s">
        <v>21317</v>
      </c>
      <c r="F42834" t="s">
        <v>21318</v>
      </c>
      <c r="G42834" t="s">
        <v>20255</v>
      </c>
      <c r="H42834" t="s">
        <v>20256</v>
      </c>
      <c r="I42834" s="2">
        <v>1</v>
      </c>
      <c r="J42834" s="2">
        <v>0</v>
      </c>
      <c r="K42834" s="2">
        <v>0</v>
      </c>
      <c r="L42834" t="s">
        <v>120</v>
      </c>
      <c r="M42834" t="s">
        <v>83</v>
      </c>
      <c r="N42834" t="s">
        <v>84</v>
      </c>
      <c r="O42834" t="s">
        <v>85</v>
      </c>
      <c r="P42834" t="s">
        <v>86</v>
      </c>
      <c r="Q42834">
        <v>10</v>
      </c>
      <c r="R42834">
        <v>10</v>
      </c>
      <c r="S42834">
        <v>10</v>
      </c>
      <c r="T42834">
        <v>11</v>
      </c>
      <c r="U42834">
        <v>11</v>
      </c>
      <c r="V42834">
        <v>11</v>
      </c>
      <c r="W42834">
        <v>12</v>
      </c>
      <c r="X42834">
        <v>12</v>
      </c>
      <c r="Y42834">
        <v>13</v>
      </c>
      <c r="Z42834">
        <v>13</v>
      </c>
      <c r="AA42834">
        <v>13</v>
      </c>
      <c r="AB42834">
        <v>14</v>
      </c>
      <c r="AC42834">
        <v>14</v>
      </c>
      <c r="AD42834">
        <v>15</v>
      </c>
      <c r="AE42834">
        <v>15</v>
      </c>
      <c r="AF42834">
        <v>15</v>
      </c>
      <c r="AG42834">
        <v>16</v>
      </c>
      <c r="AH42834">
        <v>16</v>
      </c>
      <c r="AI42834">
        <v>17</v>
      </c>
      <c r="AJ42834">
        <v>17</v>
      </c>
      <c r="AK42834">
        <v>18</v>
      </c>
      <c r="AL42834">
        <v>18</v>
      </c>
      <c r="AM42834">
        <v>18</v>
      </c>
      <c r="AN42834">
        <v>19</v>
      </c>
      <c r="AO42834">
        <v>19</v>
      </c>
      <c r="AP42834">
        <v>19</v>
      </c>
      <c r="AQ42834">
        <v>20</v>
      </c>
    </row>
    <row r="42835" spans="1:43">
      <c r="A42835" t="s">
        <v>26233</v>
      </c>
      <c r="B42835" t="s">
        <v>26234</v>
      </c>
      <c r="C42835" t="s">
        <v>21449</v>
      </c>
      <c r="D42835" t="s">
        <v>21450</v>
      </c>
      <c r="E42835" t="s">
        <v>21317</v>
      </c>
      <c r="F42835" t="s">
        <v>21318</v>
      </c>
      <c r="G42835" t="s">
        <v>20255</v>
      </c>
      <c r="H42835" t="s">
        <v>20256</v>
      </c>
      <c r="I42835" s="2">
        <v>1</v>
      </c>
      <c r="J42835" s="2">
        <v>0</v>
      </c>
      <c r="K42835" s="2">
        <v>0</v>
      </c>
      <c r="L42835" t="s">
        <v>120</v>
      </c>
      <c r="M42835" t="s">
        <v>87</v>
      </c>
      <c r="N42835" t="s">
        <v>88</v>
      </c>
      <c r="O42835" t="s">
        <v>85</v>
      </c>
      <c r="P42835" t="s">
        <v>86</v>
      </c>
      <c r="Q42835">
        <v>10</v>
      </c>
      <c r="R42835">
        <v>10</v>
      </c>
      <c r="S42835">
        <v>10</v>
      </c>
      <c r="T42835">
        <v>10</v>
      </c>
      <c r="U42835">
        <v>11</v>
      </c>
      <c r="V42835">
        <v>11</v>
      </c>
      <c r="W42835">
        <v>11</v>
      </c>
      <c r="X42835">
        <v>11</v>
      </c>
      <c r="Y42835">
        <v>12</v>
      </c>
      <c r="Z42835">
        <v>12</v>
      </c>
      <c r="AA42835">
        <v>12</v>
      </c>
      <c r="AB42835">
        <v>12</v>
      </c>
      <c r="AC42835">
        <v>13</v>
      </c>
      <c r="AD42835">
        <v>13</v>
      </c>
      <c r="AE42835">
        <v>13</v>
      </c>
      <c r="AF42835">
        <v>14</v>
      </c>
      <c r="AG42835">
        <v>14</v>
      </c>
      <c r="AH42835">
        <v>14</v>
      </c>
      <c r="AI42835">
        <v>14</v>
      </c>
      <c r="AJ42835">
        <v>15</v>
      </c>
      <c r="AK42835">
        <v>15</v>
      </c>
      <c r="AL42835">
        <v>15</v>
      </c>
      <c r="AM42835">
        <v>16</v>
      </c>
      <c r="AN42835">
        <v>16</v>
      </c>
      <c r="AO42835">
        <v>16</v>
      </c>
      <c r="AP42835">
        <v>17</v>
      </c>
      <c r="AQ42835">
        <v>17</v>
      </c>
    </row>
    <row r="42836" spans="1:43">
      <c r="A42836" t="s">
        <v>26233</v>
      </c>
      <c r="B42836" t="s">
        <v>26234</v>
      </c>
      <c r="C42836" t="s">
        <v>21449</v>
      </c>
      <c r="D42836" t="s">
        <v>21450</v>
      </c>
      <c r="E42836" t="s">
        <v>21317</v>
      </c>
      <c r="F42836" t="s">
        <v>21318</v>
      </c>
      <c r="G42836" t="s">
        <v>20255</v>
      </c>
      <c r="H42836" t="s">
        <v>20256</v>
      </c>
      <c r="I42836" s="2">
        <v>1</v>
      </c>
      <c r="J42836" s="2">
        <v>0</v>
      </c>
      <c r="K42836" s="2">
        <v>0</v>
      </c>
      <c r="L42836" t="s">
        <v>120</v>
      </c>
      <c r="M42836" t="s">
        <v>89</v>
      </c>
      <c r="N42836" t="s">
        <v>90</v>
      </c>
      <c r="O42836" t="s">
        <v>85</v>
      </c>
      <c r="P42836" t="s">
        <v>86</v>
      </c>
      <c r="Q42836">
        <v>10</v>
      </c>
      <c r="R42836">
        <v>10</v>
      </c>
      <c r="S42836">
        <v>11</v>
      </c>
      <c r="T42836">
        <v>11</v>
      </c>
      <c r="U42836">
        <v>12</v>
      </c>
      <c r="V42836">
        <v>12</v>
      </c>
      <c r="W42836">
        <v>12</v>
      </c>
      <c r="X42836">
        <v>13</v>
      </c>
      <c r="Y42836">
        <v>13</v>
      </c>
      <c r="Z42836">
        <v>14</v>
      </c>
      <c r="AA42836">
        <v>14</v>
      </c>
      <c r="AB42836">
        <v>15</v>
      </c>
      <c r="AC42836">
        <v>15</v>
      </c>
      <c r="AD42836">
        <v>16</v>
      </c>
      <c r="AE42836">
        <v>16</v>
      </c>
      <c r="AF42836">
        <v>16</v>
      </c>
      <c r="AG42836">
        <v>17</v>
      </c>
      <c r="AH42836">
        <v>17</v>
      </c>
      <c r="AI42836">
        <v>17</v>
      </c>
      <c r="AJ42836">
        <v>17</v>
      </c>
      <c r="AK42836">
        <v>18</v>
      </c>
      <c r="AL42836">
        <v>18</v>
      </c>
      <c r="AM42836">
        <v>18</v>
      </c>
      <c r="AN42836">
        <v>19</v>
      </c>
      <c r="AO42836">
        <v>19</v>
      </c>
      <c r="AP42836">
        <v>19</v>
      </c>
      <c r="AQ42836">
        <v>20</v>
      </c>
    </row>
    <row r="42837" spans="1:43">
      <c r="A42837" t="s">
        <v>26233</v>
      </c>
      <c r="B42837" t="s">
        <v>26234</v>
      </c>
      <c r="C42837" t="s">
        <v>21449</v>
      </c>
      <c r="D42837" t="s">
        <v>21450</v>
      </c>
      <c r="E42837" t="s">
        <v>21317</v>
      </c>
      <c r="F42837" t="s">
        <v>21318</v>
      </c>
      <c r="G42837" t="s">
        <v>20255</v>
      </c>
      <c r="H42837" t="s">
        <v>20256</v>
      </c>
      <c r="I42837" s="2">
        <v>1</v>
      </c>
      <c r="J42837" s="2">
        <v>0</v>
      </c>
      <c r="K42837" s="2">
        <v>0</v>
      </c>
      <c r="L42837" t="s">
        <v>120</v>
      </c>
      <c r="M42837" t="s">
        <v>83</v>
      </c>
      <c r="N42837" t="s">
        <v>91</v>
      </c>
      <c r="O42837" t="s">
        <v>85</v>
      </c>
      <c r="P42837" t="s">
        <v>86</v>
      </c>
      <c r="Q42837">
        <v>10</v>
      </c>
      <c r="R42837">
        <v>10</v>
      </c>
      <c r="S42837">
        <v>10</v>
      </c>
      <c r="T42837">
        <v>11</v>
      </c>
      <c r="U42837">
        <v>11</v>
      </c>
      <c r="V42837">
        <v>11</v>
      </c>
      <c r="W42837">
        <v>12</v>
      </c>
      <c r="X42837">
        <v>12</v>
      </c>
      <c r="Y42837">
        <v>13</v>
      </c>
      <c r="Z42837">
        <v>13</v>
      </c>
      <c r="AA42837">
        <v>13</v>
      </c>
      <c r="AB42837">
        <v>14</v>
      </c>
      <c r="AC42837">
        <v>14</v>
      </c>
      <c r="AD42837">
        <v>15</v>
      </c>
      <c r="AE42837">
        <v>15</v>
      </c>
      <c r="AF42837">
        <v>15</v>
      </c>
      <c r="AG42837">
        <v>16</v>
      </c>
      <c r="AH42837">
        <v>16</v>
      </c>
      <c r="AI42837">
        <v>17</v>
      </c>
      <c r="AJ42837">
        <v>17</v>
      </c>
      <c r="AK42837">
        <v>18</v>
      </c>
      <c r="AL42837">
        <v>18</v>
      </c>
      <c r="AM42837">
        <v>18</v>
      </c>
      <c r="AN42837">
        <v>19</v>
      </c>
      <c r="AO42837">
        <v>19</v>
      </c>
      <c r="AP42837">
        <v>19</v>
      </c>
      <c r="AQ42837">
        <v>20</v>
      </c>
    </row>
    <row r="42838" spans="1:43">
      <c r="A42838" t="s">
        <v>26235</v>
      </c>
      <c r="B42838" t="s">
        <v>26236</v>
      </c>
      <c r="C42838" t="s">
        <v>21449</v>
      </c>
      <c r="D42838" t="s">
        <v>21450</v>
      </c>
      <c r="E42838" t="s">
        <v>21317</v>
      </c>
      <c r="F42838" t="s">
        <v>21318</v>
      </c>
      <c r="G42838" t="s">
        <v>20255</v>
      </c>
      <c r="H42838" t="s">
        <v>20256</v>
      </c>
      <c r="I42838" s="2">
        <v>1</v>
      </c>
      <c r="J42838" s="2">
        <v>0</v>
      </c>
      <c r="K42838" s="2">
        <v>0</v>
      </c>
      <c r="L42838" t="s">
        <v>120</v>
      </c>
      <c r="M42838" t="s">
        <v>83</v>
      </c>
      <c r="N42838" t="s">
        <v>84</v>
      </c>
      <c r="O42838" t="s">
        <v>85</v>
      </c>
      <c r="P42838" t="s">
        <v>86</v>
      </c>
      <c r="Q42838">
        <v>7</v>
      </c>
      <c r="R42838">
        <v>7</v>
      </c>
      <c r="S42838">
        <v>8</v>
      </c>
      <c r="T42838">
        <v>8</v>
      </c>
      <c r="U42838">
        <v>8</v>
      </c>
      <c r="V42838">
        <v>8</v>
      </c>
      <c r="W42838">
        <v>9</v>
      </c>
      <c r="X42838">
        <v>9</v>
      </c>
      <c r="Y42838">
        <v>9</v>
      </c>
      <c r="Z42838">
        <v>10</v>
      </c>
      <c r="AA42838">
        <v>10</v>
      </c>
      <c r="AB42838">
        <v>10</v>
      </c>
      <c r="AC42838">
        <v>10</v>
      </c>
      <c r="AD42838">
        <v>11</v>
      </c>
      <c r="AE42838">
        <v>11</v>
      </c>
      <c r="AF42838">
        <v>11</v>
      </c>
      <c r="AG42838">
        <v>12</v>
      </c>
      <c r="AH42838">
        <v>12</v>
      </c>
      <c r="AI42838">
        <v>12</v>
      </c>
      <c r="AJ42838">
        <v>13</v>
      </c>
      <c r="AK42838">
        <v>13</v>
      </c>
      <c r="AL42838">
        <v>13</v>
      </c>
      <c r="AM42838">
        <v>14</v>
      </c>
      <c r="AN42838">
        <v>14</v>
      </c>
      <c r="AO42838">
        <v>14</v>
      </c>
      <c r="AP42838">
        <v>14</v>
      </c>
      <c r="AQ42838">
        <v>15</v>
      </c>
    </row>
    <row r="42839" spans="1:43">
      <c r="A42839" t="s">
        <v>26235</v>
      </c>
      <c r="B42839" t="s">
        <v>26236</v>
      </c>
      <c r="C42839" t="s">
        <v>21449</v>
      </c>
      <c r="D42839" t="s">
        <v>21450</v>
      </c>
      <c r="E42839" t="s">
        <v>21317</v>
      </c>
      <c r="F42839" t="s">
        <v>21318</v>
      </c>
      <c r="G42839" t="s">
        <v>20255</v>
      </c>
      <c r="H42839" t="s">
        <v>20256</v>
      </c>
      <c r="I42839" s="2">
        <v>1</v>
      </c>
      <c r="J42839" s="2">
        <v>0</v>
      </c>
      <c r="K42839" s="2">
        <v>0</v>
      </c>
      <c r="L42839" t="s">
        <v>120</v>
      </c>
      <c r="M42839" t="s">
        <v>87</v>
      </c>
      <c r="N42839" t="s">
        <v>88</v>
      </c>
      <c r="O42839" t="s">
        <v>85</v>
      </c>
      <c r="P42839" t="s">
        <v>86</v>
      </c>
      <c r="Q42839">
        <v>7</v>
      </c>
      <c r="R42839">
        <v>7</v>
      </c>
      <c r="S42839">
        <v>7</v>
      </c>
      <c r="T42839">
        <v>8</v>
      </c>
      <c r="U42839">
        <v>8</v>
      </c>
      <c r="V42839">
        <v>8</v>
      </c>
      <c r="W42839">
        <v>8</v>
      </c>
      <c r="X42839">
        <v>8</v>
      </c>
      <c r="Y42839">
        <v>9</v>
      </c>
      <c r="Z42839">
        <v>9</v>
      </c>
      <c r="AA42839">
        <v>9</v>
      </c>
      <c r="AB42839">
        <v>9</v>
      </c>
      <c r="AC42839">
        <v>9</v>
      </c>
      <c r="AD42839">
        <v>10</v>
      </c>
      <c r="AE42839">
        <v>10</v>
      </c>
      <c r="AF42839">
        <v>10</v>
      </c>
      <c r="AG42839">
        <v>10</v>
      </c>
      <c r="AH42839">
        <v>10</v>
      </c>
      <c r="AI42839">
        <v>11</v>
      </c>
      <c r="AJ42839">
        <v>11</v>
      </c>
      <c r="AK42839">
        <v>11</v>
      </c>
      <c r="AL42839">
        <v>11</v>
      </c>
      <c r="AM42839">
        <v>12</v>
      </c>
      <c r="AN42839">
        <v>12</v>
      </c>
      <c r="AO42839">
        <v>12</v>
      </c>
      <c r="AP42839">
        <v>12</v>
      </c>
      <c r="AQ42839">
        <v>13</v>
      </c>
    </row>
    <row r="42840" spans="1:43">
      <c r="A42840" t="s">
        <v>26235</v>
      </c>
      <c r="B42840" t="s">
        <v>26236</v>
      </c>
      <c r="C42840" t="s">
        <v>21449</v>
      </c>
      <c r="D42840" t="s">
        <v>21450</v>
      </c>
      <c r="E42840" t="s">
        <v>21317</v>
      </c>
      <c r="F42840" t="s">
        <v>21318</v>
      </c>
      <c r="G42840" t="s">
        <v>20255</v>
      </c>
      <c r="H42840" t="s">
        <v>20256</v>
      </c>
      <c r="I42840" s="2">
        <v>1</v>
      </c>
      <c r="J42840" s="2">
        <v>0</v>
      </c>
      <c r="K42840" s="2">
        <v>0</v>
      </c>
      <c r="L42840" t="s">
        <v>120</v>
      </c>
      <c r="M42840" t="s">
        <v>89</v>
      </c>
      <c r="N42840" t="s">
        <v>90</v>
      </c>
      <c r="O42840" t="s">
        <v>85</v>
      </c>
      <c r="P42840" t="s">
        <v>86</v>
      </c>
      <c r="Q42840">
        <v>7</v>
      </c>
      <c r="R42840">
        <v>8</v>
      </c>
      <c r="S42840">
        <v>8</v>
      </c>
      <c r="T42840">
        <v>8</v>
      </c>
      <c r="U42840">
        <v>9</v>
      </c>
      <c r="V42840">
        <v>9</v>
      </c>
      <c r="W42840">
        <v>9</v>
      </c>
      <c r="X42840">
        <v>9</v>
      </c>
      <c r="Y42840">
        <v>10</v>
      </c>
      <c r="Z42840">
        <v>10</v>
      </c>
      <c r="AA42840">
        <v>10</v>
      </c>
      <c r="AB42840">
        <v>11</v>
      </c>
      <c r="AC42840">
        <v>11</v>
      </c>
      <c r="AD42840">
        <v>12</v>
      </c>
      <c r="AE42840">
        <v>12</v>
      </c>
      <c r="AF42840">
        <v>12</v>
      </c>
      <c r="AG42840">
        <v>12</v>
      </c>
      <c r="AH42840">
        <v>13</v>
      </c>
      <c r="AI42840">
        <v>13</v>
      </c>
      <c r="AJ42840">
        <v>13</v>
      </c>
      <c r="AK42840">
        <v>13</v>
      </c>
      <c r="AL42840">
        <v>13</v>
      </c>
      <c r="AM42840">
        <v>14</v>
      </c>
      <c r="AN42840">
        <v>14</v>
      </c>
      <c r="AO42840">
        <v>14</v>
      </c>
      <c r="AP42840">
        <v>14</v>
      </c>
      <c r="AQ42840">
        <v>15</v>
      </c>
    </row>
    <row r="42841" spans="1:43">
      <c r="A42841" t="s">
        <v>26235</v>
      </c>
      <c r="B42841" t="s">
        <v>26236</v>
      </c>
      <c r="C42841" t="s">
        <v>21449</v>
      </c>
      <c r="D42841" t="s">
        <v>21450</v>
      </c>
      <c r="E42841" t="s">
        <v>21317</v>
      </c>
      <c r="F42841" t="s">
        <v>21318</v>
      </c>
      <c r="G42841" t="s">
        <v>20255</v>
      </c>
      <c r="H42841" t="s">
        <v>20256</v>
      </c>
      <c r="I42841" s="2">
        <v>1</v>
      </c>
      <c r="J42841" s="2">
        <v>0</v>
      </c>
      <c r="K42841" s="2">
        <v>0</v>
      </c>
      <c r="L42841" t="s">
        <v>120</v>
      </c>
      <c r="M42841" t="s">
        <v>83</v>
      </c>
      <c r="N42841" t="s">
        <v>91</v>
      </c>
      <c r="O42841" t="s">
        <v>85</v>
      </c>
      <c r="P42841" t="s">
        <v>86</v>
      </c>
      <c r="Q42841">
        <v>7</v>
      </c>
      <c r="R42841">
        <v>7</v>
      </c>
      <c r="S42841">
        <v>8</v>
      </c>
      <c r="T42841">
        <v>8</v>
      </c>
      <c r="U42841">
        <v>8</v>
      </c>
      <c r="V42841">
        <v>8</v>
      </c>
      <c r="W42841">
        <v>9</v>
      </c>
      <c r="X42841">
        <v>9</v>
      </c>
      <c r="Y42841">
        <v>9</v>
      </c>
      <c r="Z42841">
        <v>10</v>
      </c>
      <c r="AA42841">
        <v>10</v>
      </c>
      <c r="AB42841">
        <v>10</v>
      </c>
      <c r="AC42841">
        <v>10</v>
      </c>
      <c r="AD42841">
        <v>11</v>
      </c>
      <c r="AE42841">
        <v>11</v>
      </c>
      <c r="AF42841">
        <v>11</v>
      </c>
      <c r="AG42841">
        <v>12</v>
      </c>
      <c r="AH42841">
        <v>12</v>
      </c>
      <c r="AI42841">
        <v>12</v>
      </c>
      <c r="AJ42841">
        <v>13</v>
      </c>
      <c r="AK42841">
        <v>13</v>
      </c>
      <c r="AL42841">
        <v>13</v>
      </c>
      <c r="AM42841">
        <v>14</v>
      </c>
      <c r="AN42841">
        <v>14</v>
      </c>
      <c r="AO42841">
        <v>14</v>
      </c>
      <c r="AP42841">
        <v>14</v>
      </c>
      <c r="AQ42841">
        <v>15</v>
      </c>
    </row>
    <row r="42842" spans="1:43">
      <c r="A42842" t="s">
        <v>26237</v>
      </c>
      <c r="B42842" t="s">
        <v>26238</v>
      </c>
      <c r="C42842" t="s">
        <v>21449</v>
      </c>
      <c r="D42842" t="s">
        <v>21450</v>
      </c>
      <c r="E42842" t="s">
        <v>21317</v>
      </c>
      <c r="F42842" t="s">
        <v>21318</v>
      </c>
      <c r="G42842" t="s">
        <v>20255</v>
      </c>
      <c r="H42842" t="s">
        <v>20256</v>
      </c>
      <c r="I42842" s="2">
        <v>1</v>
      </c>
      <c r="J42842" s="2">
        <v>0</v>
      </c>
      <c r="K42842" s="2">
        <v>0</v>
      </c>
      <c r="L42842" t="s">
        <v>120</v>
      </c>
      <c r="M42842" t="s">
        <v>83</v>
      </c>
      <c r="N42842" t="s">
        <v>84</v>
      </c>
      <c r="O42842" t="s">
        <v>85</v>
      </c>
      <c r="P42842" t="s">
        <v>86</v>
      </c>
      <c r="Q42842">
        <v>16</v>
      </c>
      <c r="R42842">
        <v>17</v>
      </c>
      <c r="S42842">
        <v>17</v>
      </c>
      <c r="T42842">
        <v>18</v>
      </c>
      <c r="U42842">
        <v>18</v>
      </c>
      <c r="V42842">
        <v>19</v>
      </c>
      <c r="W42842">
        <v>19</v>
      </c>
      <c r="X42842">
        <v>20</v>
      </c>
      <c r="Y42842">
        <v>21</v>
      </c>
      <c r="Z42842">
        <v>21</v>
      </c>
      <c r="AA42842">
        <v>22</v>
      </c>
      <c r="AB42842">
        <v>23</v>
      </c>
      <c r="AC42842">
        <v>23</v>
      </c>
      <c r="AD42842">
        <v>24</v>
      </c>
      <c r="AE42842">
        <v>25</v>
      </c>
      <c r="AF42842">
        <v>25</v>
      </c>
      <c r="AG42842">
        <v>26</v>
      </c>
      <c r="AH42842">
        <v>27</v>
      </c>
      <c r="AI42842">
        <v>27</v>
      </c>
      <c r="AJ42842">
        <v>28</v>
      </c>
      <c r="AK42842">
        <v>29</v>
      </c>
      <c r="AL42842">
        <v>30</v>
      </c>
      <c r="AM42842">
        <v>30</v>
      </c>
      <c r="AN42842">
        <v>31</v>
      </c>
      <c r="AO42842">
        <v>31</v>
      </c>
      <c r="AP42842">
        <v>32</v>
      </c>
      <c r="AQ42842">
        <v>32</v>
      </c>
    </row>
    <row r="42843" spans="1:43">
      <c r="A42843" t="s">
        <v>26237</v>
      </c>
      <c r="B42843" t="s">
        <v>26238</v>
      </c>
      <c r="C42843" t="s">
        <v>21449</v>
      </c>
      <c r="D42843" t="s">
        <v>21450</v>
      </c>
      <c r="E42843" t="s">
        <v>21317</v>
      </c>
      <c r="F42843" t="s">
        <v>21318</v>
      </c>
      <c r="G42843" t="s">
        <v>20255</v>
      </c>
      <c r="H42843" t="s">
        <v>20256</v>
      </c>
      <c r="I42843" s="2">
        <v>1</v>
      </c>
      <c r="J42843" s="2">
        <v>0</v>
      </c>
      <c r="K42843" s="2">
        <v>0</v>
      </c>
      <c r="L42843" t="s">
        <v>120</v>
      </c>
      <c r="M42843" t="s">
        <v>87</v>
      </c>
      <c r="N42843" t="s">
        <v>88</v>
      </c>
      <c r="O42843" t="s">
        <v>85</v>
      </c>
      <c r="P42843" t="s">
        <v>86</v>
      </c>
      <c r="Q42843">
        <v>16</v>
      </c>
      <c r="R42843">
        <v>16</v>
      </c>
      <c r="S42843">
        <v>17</v>
      </c>
      <c r="T42843">
        <v>17</v>
      </c>
      <c r="U42843">
        <v>17</v>
      </c>
      <c r="V42843">
        <v>18</v>
      </c>
      <c r="W42843">
        <v>18</v>
      </c>
      <c r="X42843">
        <v>19</v>
      </c>
      <c r="Y42843">
        <v>19</v>
      </c>
      <c r="Z42843">
        <v>20</v>
      </c>
      <c r="AA42843">
        <v>20</v>
      </c>
      <c r="AB42843">
        <v>20</v>
      </c>
      <c r="AC42843">
        <v>21</v>
      </c>
      <c r="AD42843">
        <v>21</v>
      </c>
      <c r="AE42843">
        <v>22</v>
      </c>
      <c r="AF42843">
        <v>22</v>
      </c>
      <c r="AG42843">
        <v>23</v>
      </c>
      <c r="AH42843">
        <v>23</v>
      </c>
      <c r="AI42843">
        <v>24</v>
      </c>
      <c r="AJ42843">
        <v>24</v>
      </c>
      <c r="AK42843">
        <v>25</v>
      </c>
      <c r="AL42843">
        <v>25</v>
      </c>
      <c r="AM42843">
        <v>26</v>
      </c>
      <c r="AN42843">
        <v>26</v>
      </c>
      <c r="AO42843">
        <v>27</v>
      </c>
      <c r="AP42843">
        <v>28</v>
      </c>
      <c r="AQ42843">
        <v>28</v>
      </c>
    </row>
    <row r="42844" spans="1:43">
      <c r="A42844" t="s">
        <v>26237</v>
      </c>
      <c r="B42844" t="s">
        <v>26238</v>
      </c>
      <c r="C42844" t="s">
        <v>21449</v>
      </c>
      <c r="D42844" t="s">
        <v>21450</v>
      </c>
      <c r="E42844" t="s">
        <v>21317</v>
      </c>
      <c r="F42844" t="s">
        <v>21318</v>
      </c>
      <c r="G42844" t="s">
        <v>20255</v>
      </c>
      <c r="H42844" t="s">
        <v>20256</v>
      </c>
      <c r="I42844" s="2">
        <v>1</v>
      </c>
      <c r="J42844" s="2">
        <v>0</v>
      </c>
      <c r="K42844" s="2">
        <v>0</v>
      </c>
      <c r="L42844" t="s">
        <v>120</v>
      </c>
      <c r="M42844" t="s">
        <v>89</v>
      </c>
      <c r="N42844" t="s">
        <v>90</v>
      </c>
      <c r="O42844" t="s">
        <v>85</v>
      </c>
      <c r="P42844" t="s">
        <v>86</v>
      </c>
      <c r="Q42844">
        <v>16</v>
      </c>
      <c r="R42844">
        <v>17</v>
      </c>
      <c r="S42844">
        <v>18</v>
      </c>
      <c r="T42844">
        <v>18</v>
      </c>
      <c r="U42844">
        <v>19</v>
      </c>
      <c r="V42844">
        <v>20</v>
      </c>
      <c r="W42844">
        <v>20</v>
      </c>
      <c r="X42844">
        <v>21</v>
      </c>
      <c r="Y42844">
        <v>22</v>
      </c>
      <c r="Z42844">
        <v>23</v>
      </c>
      <c r="AA42844">
        <v>23</v>
      </c>
      <c r="AB42844">
        <v>24</v>
      </c>
      <c r="AC42844">
        <v>25</v>
      </c>
      <c r="AD42844">
        <v>26</v>
      </c>
      <c r="AE42844">
        <v>26</v>
      </c>
      <c r="AF42844">
        <v>27</v>
      </c>
      <c r="AG42844">
        <v>27</v>
      </c>
      <c r="AH42844">
        <v>28</v>
      </c>
      <c r="AI42844">
        <v>28</v>
      </c>
      <c r="AJ42844">
        <v>29</v>
      </c>
      <c r="AK42844">
        <v>29</v>
      </c>
      <c r="AL42844">
        <v>30</v>
      </c>
      <c r="AM42844">
        <v>30</v>
      </c>
      <c r="AN42844">
        <v>31</v>
      </c>
      <c r="AO42844">
        <v>31</v>
      </c>
      <c r="AP42844">
        <v>32</v>
      </c>
      <c r="AQ42844">
        <v>33</v>
      </c>
    </row>
    <row r="42845" spans="1:43">
      <c r="A42845" t="s">
        <v>26237</v>
      </c>
      <c r="B42845" t="s">
        <v>26238</v>
      </c>
      <c r="C42845" t="s">
        <v>21449</v>
      </c>
      <c r="D42845" t="s">
        <v>21450</v>
      </c>
      <c r="E42845" t="s">
        <v>21317</v>
      </c>
      <c r="F42845" t="s">
        <v>21318</v>
      </c>
      <c r="G42845" t="s">
        <v>20255</v>
      </c>
      <c r="H42845" t="s">
        <v>20256</v>
      </c>
      <c r="I42845" s="2">
        <v>1</v>
      </c>
      <c r="J42845" s="2">
        <v>0</v>
      </c>
      <c r="K42845" s="2">
        <v>0</v>
      </c>
      <c r="L42845" t="s">
        <v>120</v>
      </c>
      <c r="M42845" t="s">
        <v>83</v>
      </c>
      <c r="N42845" t="s">
        <v>91</v>
      </c>
      <c r="O42845" t="s">
        <v>85</v>
      </c>
      <c r="P42845" t="s">
        <v>86</v>
      </c>
      <c r="Q42845">
        <v>16</v>
      </c>
      <c r="R42845">
        <v>17</v>
      </c>
      <c r="S42845">
        <v>17</v>
      </c>
      <c r="T42845">
        <v>18</v>
      </c>
      <c r="U42845">
        <v>18</v>
      </c>
      <c r="V42845">
        <v>19</v>
      </c>
      <c r="W42845">
        <v>19</v>
      </c>
      <c r="X42845">
        <v>20</v>
      </c>
      <c r="Y42845">
        <v>21</v>
      </c>
      <c r="Z42845">
        <v>21</v>
      </c>
      <c r="AA42845">
        <v>22</v>
      </c>
      <c r="AB42845">
        <v>23</v>
      </c>
      <c r="AC42845">
        <v>23</v>
      </c>
      <c r="AD42845">
        <v>24</v>
      </c>
      <c r="AE42845">
        <v>25</v>
      </c>
      <c r="AF42845">
        <v>25</v>
      </c>
      <c r="AG42845">
        <v>26</v>
      </c>
      <c r="AH42845">
        <v>27</v>
      </c>
      <c r="AI42845">
        <v>27</v>
      </c>
      <c r="AJ42845">
        <v>28</v>
      </c>
      <c r="AK42845">
        <v>29</v>
      </c>
      <c r="AL42845">
        <v>30</v>
      </c>
      <c r="AM42845">
        <v>30</v>
      </c>
      <c r="AN42845">
        <v>31</v>
      </c>
      <c r="AO42845">
        <v>31</v>
      </c>
      <c r="AP42845">
        <v>32</v>
      </c>
      <c r="AQ42845">
        <v>32</v>
      </c>
    </row>
    <row r="42846" spans="1:43">
      <c r="A42846" t="s">
        <v>26239</v>
      </c>
      <c r="B42846" t="s">
        <v>26240</v>
      </c>
      <c r="C42846" t="s">
        <v>22509</v>
      </c>
      <c r="D42846" t="s">
        <v>22510</v>
      </c>
      <c r="E42846" t="s">
        <v>22205</v>
      </c>
      <c r="F42846" t="s">
        <v>22206</v>
      </c>
      <c r="G42846" t="s">
        <v>20255</v>
      </c>
      <c r="H42846" t="s">
        <v>20256</v>
      </c>
      <c r="I42846" s="2">
        <v>1</v>
      </c>
      <c r="J42846" s="2">
        <v>0</v>
      </c>
      <c r="K42846" s="2">
        <v>0</v>
      </c>
      <c r="L42846" t="s">
        <v>120</v>
      </c>
      <c r="M42846" t="s">
        <v>83</v>
      </c>
      <c r="N42846" t="s">
        <v>84</v>
      </c>
      <c r="O42846" t="s">
        <v>85</v>
      </c>
      <c r="P42846" t="s">
        <v>86</v>
      </c>
      <c r="Q42846">
        <v>135</v>
      </c>
      <c r="R42846">
        <v>138</v>
      </c>
      <c r="S42846">
        <v>140</v>
      </c>
      <c r="T42846">
        <v>143</v>
      </c>
      <c r="U42846">
        <v>146</v>
      </c>
      <c r="V42846">
        <v>148</v>
      </c>
      <c r="W42846">
        <v>151</v>
      </c>
      <c r="X42846">
        <v>154</v>
      </c>
      <c r="Y42846">
        <v>156</v>
      </c>
      <c r="Z42846">
        <v>159</v>
      </c>
      <c r="AA42846">
        <v>162</v>
      </c>
      <c r="AB42846">
        <v>165</v>
      </c>
      <c r="AC42846">
        <v>167</v>
      </c>
      <c r="AD42846">
        <v>170</v>
      </c>
      <c r="AE42846">
        <v>173</v>
      </c>
      <c r="AF42846">
        <v>176</v>
      </c>
      <c r="AG42846">
        <v>179</v>
      </c>
      <c r="AH42846">
        <v>182</v>
      </c>
      <c r="AI42846">
        <v>185</v>
      </c>
      <c r="AJ42846">
        <v>187</v>
      </c>
      <c r="AK42846">
        <v>191</v>
      </c>
      <c r="AL42846">
        <v>193</v>
      </c>
      <c r="AM42846">
        <v>194</v>
      </c>
      <c r="AN42846">
        <v>196</v>
      </c>
      <c r="AO42846">
        <v>197</v>
      </c>
      <c r="AP42846">
        <v>199</v>
      </c>
      <c r="AQ42846">
        <v>200</v>
      </c>
    </row>
    <row r="42847" spans="1:43">
      <c r="A42847" t="s">
        <v>26239</v>
      </c>
      <c r="B42847" t="s">
        <v>26240</v>
      </c>
      <c r="C42847" t="s">
        <v>22509</v>
      </c>
      <c r="D42847" t="s">
        <v>22510</v>
      </c>
      <c r="E42847" t="s">
        <v>22205</v>
      </c>
      <c r="F42847" t="s">
        <v>22206</v>
      </c>
      <c r="G42847" t="s">
        <v>20255</v>
      </c>
      <c r="H42847" t="s">
        <v>20256</v>
      </c>
      <c r="I42847" s="2">
        <v>1</v>
      </c>
      <c r="J42847" s="2">
        <v>0</v>
      </c>
      <c r="K42847" s="2">
        <v>0</v>
      </c>
      <c r="L42847" t="s">
        <v>120</v>
      </c>
      <c r="M42847" t="s">
        <v>87</v>
      </c>
      <c r="N42847" t="s">
        <v>88</v>
      </c>
      <c r="O42847" t="s">
        <v>85</v>
      </c>
      <c r="P42847" t="s">
        <v>86</v>
      </c>
      <c r="Q42847">
        <v>135</v>
      </c>
      <c r="R42847">
        <v>136</v>
      </c>
      <c r="S42847">
        <v>137</v>
      </c>
      <c r="T42847">
        <v>139</v>
      </c>
      <c r="U42847">
        <v>140</v>
      </c>
      <c r="V42847">
        <v>141</v>
      </c>
      <c r="W42847">
        <v>143</v>
      </c>
      <c r="X42847">
        <v>144</v>
      </c>
      <c r="Y42847">
        <v>146</v>
      </c>
      <c r="Z42847">
        <v>147</v>
      </c>
      <c r="AA42847">
        <v>149</v>
      </c>
      <c r="AB42847">
        <v>150</v>
      </c>
      <c r="AC42847">
        <v>152</v>
      </c>
      <c r="AD42847">
        <v>153</v>
      </c>
      <c r="AE42847">
        <v>154</v>
      </c>
      <c r="AF42847">
        <v>156</v>
      </c>
      <c r="AG42847">
        <v>158</v>
      </c>
      <c r="AH42847">
        <v>159</v>
      </c>
      <c r="AI42847">
        <v>161</v>
      </c>
      <c r="AJ42847">
        <v>162</v>
      </c>
      <c r="AK42847">
        <v>164</v>
      </c>
      <c r="AL42847">
        <v>166</v>
      </c>
      <c r="AM42847">
        <v>167</v>
      </c>
      <c r="AN42847">
        <v>169</v>
      </c>
      <c r="AO42847">
        <v>171</v>
      </c>
      <c r="AP42847">
        <v>172</v>
      </c>
      <c r="AQ42847">
        <v>174</v>
      </c>
    </row>
    <row r="42848" spans="1:43">
      <c r="A42848" t="s">
        <v>26239</v>
      </c>
      <c r="B42848" t="s">
        <v>26240</v>
      </c>
      <c r="C42848" t="s">
        <v>22509</v>
      </c>
      <c r="D42848" t="s">
        <v>22510</v>
      </c>
      <c r="E42848" t="s">
        <v>22205</v>
      </c>
      <c r="F42848" t="s">
        <v>22206</v>
      </c>
      <c r="G42848" t="s">
        <v>20255</v>
      </c>
      <c r="H42848" t="s">
        <v>20256</v>
      </c>
      <c r="I42848" s="2">
        <v>1</v>
      </c>
      <c r="J42848" s="2">
        <v>0</v>
      </c>
      <c r="K42848" s="2">
        <v>0</v>
      </c>
      <c r="L42848" t="s">
        <v>120</v>
      </c>
      <c r="M42848" t="s">
        <v>89</v>
      </c>
      <c r="N42848" t="s">
        <v>90</v>
      </c>
      <c r="O42848" t="s">
        <v>85</v>
      </c>
      <c r="P42848" t="s">
        <v>86</v>
      </c>
      <c r="Q42848">
        <v>135</v>
      </c>
      <c r="R42848">
        <v>139</v>
      </c>
      <c r="S42848">
        <v>143</v>
      </c>
      <c r="T42848">
        <v>147</v>
      </c>
      <c r="U42848">
        <v>150</v>
      </c>
      <c r="V42848">
        <v>154</v>
      </c>
      <c r="W42848">
        <v>157</v>
      </c>
      <c r="X42848">
        <v>161</v>
      </c>
      <c r="Y42848">
        <v>164</v>
      </c>
      <c r="Z42848">
        <v>168</v>
      </c>
      <c r="AA42848">
        <v>171</v>
      </c>
      <c r="AB42848">
        <v>175</v>
      </c>
      <c r="AC42848">
        <v>178</v>
      </c>
      <c r="AD42848">
        <v>182</v>
      </c>
      <c r="AE42848">
        <v>184</v>
      </c>
      <c r="AF42848">
        <v>186</v>
      </c>
      <c r="AG42848">
        <v>187</v>
      </c>
      <c r="AH42848">
        <v>189</v>
      </c>
      <c r="AI42848">
        <v>190</v>
      </c>
      <c r="AJ42848">
        <v>192</v>
      </c>
      <c r="AK42848">
        <v>193</v>
      </c>
      <c r="AL42848">
        <v>194</v>
      </c>
      <c r="AM42848">
        <v>196</v>
      </c>
      <c r="AN42848">
        <v>197</v>
      </c>
      <c r="AO42848">
        <v>199</v>
      </c>
      <c r="AP42848">
        <v>200</v>
      </c>
      <c r="AQ42848">
        <v>202</v>
      </c>
    </row>
    <row r="42849" spans="1:43">
      <c r="A42849" t="s">
        <v>26239</v>
      </c>
      <c r="B42849" t="s">
        <v>26240</v>
      </c>
      <c r="C42849" t="s">
        <v>22509</v>
      </c>
      <c r="D42849" t="s">
        <v>22510</v>
      </c>
      <c r="E42849" t="s">
        <v>22205</v>
      </c>
      <c r="F42849" t="s">
        <v>22206</v>
      </c>
      <c r="G42849" t="s">
        <v>20255</v>
      </c>
      <c r="H42849" t="s">
        <v>20256</v>
      </c>
      <c r="I42849" s="2">
        <v>1</v>
      </c>
      <c r="J42849" s="2">
        <v>0</v>
      </c>
      <c r="K42849" s="2">
        <v>0</v>
      </c>
      <c r="L42849" t="s">
        <v>120</v>
      </c>
      <c r="M42849" t="s">
        <v>83</v>
      </c>
      <c r="N42849" t="s">
        <v>91</v>
      </c>
      <c r="O42849" t="s">
        <v>85</v>
      </c>
      <c r="P42849" t="s">
        <v>86</v>
      </c>
      <c r="Q42849">
        <v>135</v>
      </c>
      <c r="R42849">
        <v>138</v>
      </c>
      <c r="S42849">
        <v>140</v>
      </c>
      <c r="T42849">
        <v>143</v>
      </c>
      <c r="U42849">
        <v>146</v>
      </c>
      <c r="V42849">
        <v>148</v>
      </c>
      <c r="W42849">
        <v>151</v>
      </c>
      <c r="X42849">
        <v>154</v>
      </c>
      <c r="Y42849">
        <v>156</v>
      </c>
      <c r="Z42849">
        <v>159</v>
      </c>
      <c r="AA42849">
        <v>162</v>
      </c>
      <c r="AB42849">
        <v>165</v>
      </c>
      <c r="AC42849">
        <v>167</v>
      </c>
      <c r="AD42849">
        <v>170</v>
      </c>
      <c r="AE42849">
        <v>173</v>
      </c>
      <c r="AF42849">
        <v>176</v>
      </c>
      <c r="AG42849">
        <v>179</v>
      </c>
      <c r="AH42849">
        <v>182</v>
      </c>
      <c r="AI42849">
        <v>185</v>
      </c>
      <c r="AJ42849">
        <v>187</v>
      </c>
      <c r="AK42849">
        <v>191</v>
      </c>
      <c r="AL42849">
        <v>193</v>
      </c>
      <c r="AM42849">
        <v>194</v>
      </c>
      <c r="AN42849">
        <v>196</v>
      </c>
      <c r="AO42849">
        <v>197</v>
      </c>
      <c r="AP42849">
        <v>199</v>
      </c>
      <c r="AQ42849">
        <v>200</v>
      </c>
    </row>
    <row r="42850" spans="1:43">
      <c r="A42850" t="s">
        <v>26241</v>
      </c>
      <c r="B42850" t="s">
        <v>26242</v>
      </c>
      <c r="C42850" t="s">
        <v>14853</v>
      </c>
      <c r="D42850" t="s">
        <v>14854</v>
      </c>
      <c r="E42850" t="s">
        <v>14797</v>
      </c>
      <c r="F42850" t="s">
        <v>14798</v>
      </c>
      <c r="G42850" t="s">
        <v>10734</v>
      </c>
      <c r="H42850" t="s">
        <v>10735</v>
      </c>
      <c r="I42850" s="2">
        <v>1</v>
      </c>
      <c r="J42850" s="2">
        <v>0</v>
      </c>
      <c r="K42850" s="2">
        <v>0</v>
      </c>
      <c r="L42850" t="s">
        <v>120</v>
      </c>
      <c r="M42850" t="s">
        <v>83</v>
      </c>
      <c r="N42850" t="s">
        <v>84</v>
      </c>
      <c r="O42850" t="s">
        <v>85</v>
      </c>
      <c r="P42850" t="s">
        <v>86</v>
      </c>
      <c r="Q42850">
        <v>13</v>
      </c>
      <c r="R42850">
        <v>13</v>
      </c>
      <c r="S42850">
        <v>14</v>
      </c>
      <c r="T42850">
        <v>14</v>
      </c>
      <c r="U42850">
        <v>14</v>
      </c>
      <c r="V42850">
        <v>14</v>
      </c>
      <c r="W42850">
        <v>15</v>
      </c>
      <c r="X42850">
        <v>15</v>
      </c>
      <c r="Y42850">
        <v>15</v>
      </c>
      <c r="Z42850">
        <v>16</v>
      </c>
      <c r="AA42850">
        <v>16</v>
      </c>
      <c r="AB42850">
        <v>16</v>
      </c>
      <c r="AC42850">
        <v>17</v>
      </c>
      <c r="AD42850">
        <v>17</v>
      </c>
      <c r="AE42850">
        <v>17</v>
      </c>
      <c r="AF42850">
        <v>18</v>
      </c>
      <c r="AG42850">
        <v>18</v>
      </c>
      <c r="AH42850">
        <v>18</v>
      </c>
      <c r="AI42850">
        <v>19</v>
      </c>
      <c r="AJ42850">
        <v>19</v>
      </c>
      <c r="AK42850">
        <v>19</v>
      </c>
      <c r="AL42850">
        <v>20</v>
      </c>
      <c r="AM42850">
        <v>20</v>
      </c>
      <c r="AN42850">
        <v>20</v>
      </c>
      <c r="AO42850">
        <v>20</v>
      </c>
      <c r="AP42850">
        <v>20</v>
      </c>
      <c r="AQ42850">
        <v>21</v>
      </c>
    </row>
    <row r="42851" spans="1:43">
      <c r="A42851" t="s">
        <v>26241</v>
      </c>
      <c r="B42851" t="s">
        <v>26242</v>
      </c>
      <c r="C42851" t="s">
        <v>14853</v>
      </c>
      <c r="D42851" t="s">
        <v>14854</v>
      </c>
      <c r="E42851" t="s">
        <v>14797</v>
      </c>
      <c r="F42851" t="s">
        <v>14798</v>
      </c>
      <c r="G42851" t="s">
        <v>10734</v>
      </c>
      <c r="H42851" t="s">
        <v>10735</v>
      </c>
      <c r="I42851" s="2">
        <v>1</v>
      </c>
      <c r="J42851" s="2">
        <v>0</v>
      </c>
      <c r="K42851" s="2">
        <v>0</v>
      </c>
      <c r="L42851" t="s">
        <v>120</v>
      </c>
      <c r="M42851" t="s">
        <v>87</v>
      </c>
      <c r="N42851" t="s">
        <v>88</v>
      </c>
      <c r="O42851" t="s">
        <v>85</v>
      </c>
      <c r="P42851" t="s">
        <v>86</v>
      </c>
      <c r="Q42851">
        <v>13</v>
      </c>
      <c r="R42851">
        <v>13</v>
      </c>
      <c r="S42851">
        <v>13</v>
      </c>
      <c r="T42851">
        <v>13</v>
      </c>
      <c r="U42851">
        <v>14</v>
      </c>
      <c r="V42851">
        <v>14</v>
      </c>
      <c r="W42851">
        <v>14</v>
      </c>
      <c r="X42851">
        <v>14</v>
      </c>
      <c r="Y42851">
        <v>14</v>
      </c>
      <c r="Z42851">
        <v>14</v>
      </c>
      <c r="AA42851">
        <v>15</v>
      </c>
      <c r="AB42851">
        <v>15</v>
      </c>
      <c r="AC42851">
        <v>15</v>
      </c>
      <c r="AD42851">
        <v>15</v>
      </c>
      <c r="AE42851">
        <v>15</v>
      </c>
      <c r="AF42851">
        <v>15</v>
      </c>
      <c r="AG42851">
        <v>16</v>
      </c>
      <c r="AH42851">
        <v>16</v>
      </c>
      <c r="AI42851">
        <v>16</v>
      </c>
      <c r="AJ42851">
        <v>16</v>
      </c>
      <c r="AK42851">
        <v>16</v>
      </c>
      <c r="AL42851">
        <v>17</v>
      </c>
      <c r="AM42851">
        <v>17</v>
      </c>
      <c r="AN42851">
        <v>17</v>
      </c>
      <c r="AO42851">
        <v>17</v>
      </c>
      <c r="AP42851">
        <v>18</v>
      </c>
      <c r="AQ42851">
        <v>18</v>
      </c>
    </row>
    <row r="42852" spans="1:43">
      <c r="A42852" t="s">
        <v>26241</v>
      </c>
      <c r="B42852" t="s">
        <v>26242</v>
      </c>
      <c r="C42852" t="s">
        <v>14853</v>
      </c>
      <c r="D42852" t="s">
        <v>14854</v>
      </c>
      <c r="E42852" t="s">
        <v>14797</v>
      </c>
      <c r="F42852" t="s">
        <v>14798</v>
      </c>
      <c r="G42852" t="s">
        <v>10734</v>
      </c>
      <c r="H42852" t="s">
        <v>10735</v>
      </c>
      <c r="I42852" s="2">
        <v>1</v>
      </c>
      <c r="J42852" s="2">
        <v>0</v>
      </c>
      <c r="K42852" s="2">
        <v>0</v>
      </c>
      <c r="L42852" t="s">
        <v>120</v>
      </c>
      <c r="M42852" t="s">
        <v>89</v>
      </c>
      <c r="N42852" t="s">
        <v>90</v>
      </c>
      <c r="O42852" t="s">
        <v>85</v>
      </c>
      <c r="P42852" t="s">
        <v>86</v>
      </c>
      <c r="Q42852">
        <v>13</v>
      </c>
      <c r="R42852">
        <v>14</v>
      </c>
      <c r="S42852">
        <v>14</v>
      </c>
      <c r="T42852">
        <v>14</v>
      </c>
      <c r="U42852">
        <v>15</v>
      </c>
      <c r="V42852">
        <v>15</v>
      </c>
      <c r="W42852">
        <v>15</v>
      </c>
      <c r="X42852">
        <v>16</v>
      </c>
      <c r="Y42852">
        <v>16</v>
      </c>
      <c r="Z42852">
        <v>17</v>
      </c>
      <c r="AA42852">
        <v>17</v>
      </c>
      <c r="AB42852">
        <v>17</v>
      </c>
      <c r="AC42852">
        <v>18</v>
      </c>
      <c r="AD42852">
        <v>18</v>
      </c>
      <c r="AE42852">
        <v>18</v>
      </c>
      <c r="AF42852">
        <v>19</v>
      </c>
      <c r="AG42852">
        <v>19</v>
      </c>
      <c r="AH42852">
        <v>19</v>
      </c>
      <c r="AI42852">
        <v>19</v>
      </c>
      <c r="AJ42852">
        <v>19</v>
      </c>
      <c r="AK42852">
        <v>20</v>
      </c>
      <c r="AL42852">
        <v>20</v>
      </c>
      <c r="AM42852">
        <v>20</v>
      </c>
      <c r="AN42852">
        <v>20</v>
      </c>
      <c r="AO42852">
        <v>20</v>
      </c>
      <c r="AP42852">
        <v>21</v>
      </c>
      <c r="AQ42852">
        <v>21</v>
      </c>
    </row>
    <row r="42853" spans="1:43">
      <c r="A42853" t="s">
        <v>26241</v>
      </c>
      <c r="B42853" t="s">
        <v>26242</v>
      </c>
      <c r="C42853" t="s">
        <v>14853</v>
      </c>
      <c r="D42853" t="s">
        <v>14854</v>
      </c>
      <c r="E42853" t="s">
        <v>14797</v>
      </c>
      <c r="F42853" t="s">
        <v>14798</v>
      </c>
      <c r="G42853" t="s">
        <v>10734</v>
      </c>
      <c r="H42853" t="s">
        <v>10735</v>
      </c>
      <c r="I42853" s="2">
        <v>1</v>
      </c>
      <c r="J42853" s="2">
        <v>0</v>
      </c>
      <c r="K42853" s="2">
        <v>0</v>
      </c>
      <c r="L42853" t="s">
        <v>120</v>
      </c>
      <c r="M42853" t="s">
        <v>83</v>
      </c>
      <c r="N42853" t="s">
        <v>91</v>
      </c>
      <c r="O42853" t="s">
        <v>85</v>
      </c>
      <c r="P42853" t="s">
        <v>86</v>
      </c>
      <c r="Q42853">
        <v>13</v>
      </c>
      <c r="R42853">
        <v>13</v>
      </c>
      <c r="S42853">
        <v>14</v>
      </c>
      <c r="T42853">
        <v>14</v>
      </c>
      <c r="U42853">
        <v>14</v>
      </c>
      <c r="V42853">
        <v>14</v>
      </c>
      <c r="W42853">
        <v>15</v>
      </c>
      <c r="X42853">
        <v>15</v>
      </c>
      <c r="Y42853">
        <v>15</v>
      </c>
      <c r="Z42853">
        <v>16</v>
      </c>
      <c r="AA42853">
        <v>16</v>
      </c>
      <c r="AB42853">
        <v>16</v>
      </c>
      <c r="AC42853">
        <v>17</v>
      </c>
      <c r="AD42853">
        <v>17</v>
      </c>
      <c r="AE42853">
        <v>17</v>
      </c>
      <c r="AF42853">
        <v>18</v>
      </c>
      <c r="AG42853">
        <v>18</v>
      </c>
      <c r="AH42853">
        <v>18</v>
      </c>
      <c r="AI42853">
        <v>19</v>
      </c>
      <c r="AJ42853">
        <v>19</v>
      </c>
      <c r="AK42853">
        <v>19</v>
      </c>
      <c r="AL42853">
        <v>20</v>
      </c>
      <c r="AM42853">
        <v>20</v>
      </c>
      <c r="AN42853">
        <v>20</v>
      </c>
      <c r="AO42853">
        <v>20</v>
      </c>
      <c r="AP42853">
        <v>20</v>
      </c>
      <c r="AQ42853">
        <v>21</v>
      </c>
    </row>
    <row r="42854" spans="1:43">
      <c r="A42854" t="s">
        <v>26243</v>
      </c>
      <c r="B42854" t="s">
        <v>26244</v>
      </c>
      <c r="C42854" t="s">
        <v>14853</v>
      </c>
      <c r="D42854" t="s">
        <v>14854</v>
      </c>
      <c r="E42854" t="s">
        <v>14797</v>
      </c>
      <c r="F42854" t="s">
        <v>14798</v>
      </c>
      <c r="G42854" t="s">
        <v>10734</v>
      </c>
      <c r="H42854" t="s">
        <v>10735</v>
      </c>
      <c r="I42854" s="2">
        <v>1</v>
      </c>
      <c r="J42854" s="2">
        <v>0</v>
      </c>
      <c r="K42854" s="2">
        <v>0</v>
      </c>
      <c r="L42854" t="s">
        <v>120</v>
      </c>
      <c r="M42854" t="s">
        <v>83</v>
      </c>
      <c r="N42854" t="s">
        <v>84</v>
      </c>
      <c r="O42854" t="s">
        <v>85</v>
      </c>
      <c r="P42854" t="s">
        <v>86</v>
      </c>
      <c r="Q42854">
        <v>17</v>
      </c>
      <c r="R42854">
        <v>18</v>
      </c>
      <c r="S42854">
        <v>18</v>
      </c>
      <c r="T42854">
        <v>18</v>
      </c>
      <c r="U42854">
        <v>19</v>
      </c>
      <c r="V42854">
        <v>19</v>
      </c>
      <c r="W42854">
        <v>20</v>
      </c>
      <c r="X42854">
        <v>20</v>
      </c>
      <c r="Y42854">
        <v>20</v>
      </c>
      <c r="Z42854">
        <v>21</v>
      </c>
      <c r="AA42854">
        <v>21</v>
      </c>
      <c r="AB42854">
        <v>22</v>
      </c>
      <c r="AC42854">
        <v>22</v>
      </c>
      <c r="AD42854">
        <v>22</v>
      </c>
      <c r="AE42854">
        <v>23</v>
      </c>
      <c r="AF42854">
        <v>23</v>
      </c>
      <c r="AG42854">
        <v>24</v>
      </c>
      <c r="AH42854">
        <v>24</v>
      </c>
      <c r="AI42854">
        <v>25</v>
      </c>
      <c r="AJ42854">
        <v>25</v>
      </c>
      <c r="AK42854">
        <v>26</v>
      </c>
      <c r="AL42854">
        <v>26</v>
      </c>
      <c r="AM42854">
        <v>26</v>
      </c>
      <c r="AN42854">
        <v>26</v>
      </c>
      <c r="AO42854">
        <v>27</v>
      </c>
      <c r="AP42854">
        <v>27</v>
      </c>
      <c r="AQ42854">
        <v>27</v>
      </c>
    </row>
    <row r="42855" spans="1:43">
      <c r="A42855" t="s">
        <v>26243</v>
      </c>
      <c r="B42855" t="s">
        <v>26244</v>
      </c>
      <c r="C42855" t="s">
        <v>14853</v>
      </c>
      <c r="D42855" t="s">
        <v>14854</v>
      </c>
      <c r="E42855" t="s">
        <v>14797</v>
      </c>
      <c r="F42855" t="s">
        <v>14798</v>
      </c>
      <c r="G42855" t="s">
        <v>10734</v>
      </c>
      <c r="H42855" t="s">
        <v>10735</v>
      </c>
      <c r="I42855" s="2">
        <v>1</v>
      </c>
      <c r="J42855" s="2">
        <v>0</v>
      </c>
      <c r="K42855" s="2">
        <v>0</v>
      </c>
      <c r="L42855" t="s">
        <v>120</v>
      </c>
      <c r="M42855" t="s">
        <v>87</v>
      </c>
      <c r="N42855" t="s">
        <v>88</v>
      </c>
      <c r="O42855" t="s">
        <v>85</v>
      </c>
      <c r="P42855" t="s">
        <v>86</v>
      </c>
      <c r="Q42855">
        <v>17</v>
      </c>
      <c r="R42855">
        <v>17</v>
      </c>
      <c r="S42855">
        <v>18</v>
      </c>
      <c r="T42855">
        <v>18</v>
      </c>
      <c r="U42855">
        <v>18</v>
      </c>
      <c r="V42855">
        <v>18</v>
      </c>
      <c r="W42855">
        <v>18</v>
      </c>
      <c r="X42855">
        <v>19</v>
      </c>
      <c r="Y42855">
        <v>19</v>
      </c>
      <c r="Z42855">
        <v>19</v>
      </c>
      <c r="AA42855">
        <v>19</v>
      </c>
      <c r="AB42855">
        <v>20</v>
      </c>
      <c r="AC42855">
        <v>20</v>
      </c>
      <c r="AD42855">
        <v>20</v>
      </c>
      <c r="AE42855">
        <v>20</v>
      </c>
      <c r="AF42855">
        <v>21</v>
      </c>
      <c r="AG42855">
        <v>21</v>
      </c>
      <c r="AH42855">
        <v>21</v>
      </c>
      <c r="AI42855">
        <v>21</v>
      </c>
      <c r="AJ42855">
        <v>22</v>
      </c>
      <c r="AK42855">
        <v>22</v>
      </c>
      <c r="AL42855">
        <v>22</v>
      </c>
      <c r="AM42855">
        <v>22</v>
      </c>
      <c r="AN42855">
        <v>23</v>
      </c>
      <c r="AO42855">
        <v>23</v>
      </c>
      <c r="AP42855">
        <v>23</v>
      </c>
      <c r="AQ42855">
        <v>24</v>
      </c>
    </row>
    <row r="42856" spans="1:43">
      <c r="A42856" t="s">
        <v>26243</v>
      </c>
      <c r="B42856" t="s">
        <v>26244</v>
      </c>
      <c r="C42856" t="s">
        <v>14853</v>
      </c>
      <c r="D42856" t="s">
        <v>14854</v>
      </c>
      <c r="E42856" t="s">
        <v>14797</v>
      </c>
      <c r="F42856" t="s">
        <v>14798</v>
      </c>
      <c r="G42856" t="s">
        <v>10734</v>
      </c>
      <c r="H42856" t="s">
        <v>10735</v>
      </c>
      <c r="I42856" s="2">
        <v>1</v>
      </c>
      <c r="J42856" s="2">
        <v>0</v>
      </c>
      <c r="K42856" s="2">
        <v>0</v>
      </c>
      <c r="L42856" t="s">
        <v>120</v>
      </c>
      <c r="M42856" t="s">
        <v>89</v>
      </c>
      <c r="N42856" t="s">
        <v>90</v>
      </c>
      <c r="O42856" t="s">
        <v>85</v>
      </c>
      <c r="P42856" t="s">
        <v>86</v>
      </c>
      <c r="Q42856">
        <v>17</v>
      </c>
      <c r="R42856">
        <v>18</v>
      </c>
      <c r="S42856">
        <v>18</v>
      </c>
      <c r="T42856">
        <v>19</v>
      </c>
      <c r="U42856">
        <v>20</v>
      </c>
      <c r="V42856">
        <v>20</v>
      </c>
      <c r="W42856">
        <v>21</v>
      </c>
      <c r="X42856">
        <v>21</v>
      </c>
      <c r="Y42856">
        <v>22</v>
      </c>
      <c r="Z42856">
        <v>22</v>
      </c>
      <c r="AA42856">
        <v>23</v>
      </c>
      <c r="AB42856">
        <v>23</v>
      </c>
      <c r="AC42856">
        <v>24</v>
      </c>
      <c r="AD42856">
        <v>24</v>
      </c>
      <c r="AE42856">
        <v>25</v>
      </c>
      <c r="AF42856">
        <v>25</v>
      </c>
      <c r="AG42856">
        <v>25</v>
      </c>
      <c r="AH42856">
        <v>25</v>
      </c>
      <c r="AI42856">
        <v>26</v>
      </c>
      <c r="AJ42856">
        <v>26</v>
      </c>
      <c r="AK42856">
        <v>26</v>
      </c>
      <c r="AL42856">
        <v>26</v>
      </c>
      <c r="AM42856">
        <v>27</v>
      </c>
      <c r="AN42856">
        <v>27</v>
      </c>
      <c r="AO42856">
        <v>27</v>
      </c>
      <c r="AP42856">
        <v>27</v>
      </c>
      <c r="AQ42856">
        <v>28</v>
      </c>
    </row>
    <row r="42857" spans="1:43">
      <c r="A42857" t="s">
        <v>26243</v>
      </c>
      <c r="B42857" t="s">
        <v>26244</v>
      </c>
      <c r="C42857" t="s">
        <v>14853</v>
      </c>
      <c r="D42857" t="s">
        <v>14854</v>
      </c>
      <c r="E42857" t="s">
        <v>14797</v>
      </c>
      <c r="F42857" t="s">
        <v>14798</v>
      </c>
      <c r="G42857" t="s">
        <v>10734</v>
      </c>
      <c r="H42857" t="s">
        <v>10735</v>
      </c>
      <c r="I42857" s="2">
        <v>1</v>
      </c>
      <c r="J42857" s="2">
        <v>0</v>
      </c>
      <c r="K42857" s="2">
        <v>0</v>
      </c>
      <c r="L42857" t="s">
        <v>120</v>
      </c>
      <c r="M42857" t="s">
        <v>83</v>
      </c>
      <c r="N42857" t="s">
        <v>91</v>
      </c>
      <c r="O42857" t="s">
        <v>85</v>
      </c>
      <c r="P42857" t="s">
        <v>86</v>
      </c>
      <c r="Q42857">
        <v>17</v>
      </c>
      <c r="R42857">
        <v>18</v>
      </c>
      <c r="S42857">
        <v>18</v>
      </c>
      <c r="T42857">
        <v>18</v>
      </c>
      <c r="U42857">
        <v>19</v>
      </c>
      <c r="V42857">
        <v>19</v>
      </c>
      <c r="W42857">
        <v>20</v>
      </c>
      <c r="X42857">
        <v>20</v>
      </c>
      <c r="Y42857">
        <v>20</v>
      </c>
      <c r="Z42857">
        <v>21</v>
      </c>
      <c r="AA42857">
        <v>21</v>
      </c>
      <c r="AB42857">
        <v>22</v>
      </c>
      <c r="AC42857">
        <v>22</v>
      </c>
      <c r="AD42857">
        <v>22</v>
      </c>
      <c r="AE42857">
        <v>23</v>
      </c>
      <c r="AF42857">
        <v>23</v>
      </c>
      <c r="AG42857">
        <v>24</v>
      </c>
      <c r="AH42857">
        <v>24</v>
      </c>
      <c r="AI42857">
        <v>25</v>
      </c>
      <c r="AJ42857">
        <v>25</v>
      </c>
      <c r="AK42857">
        <v>26</v>
      </c>
      <c r="AL42857">
        <v>26</v>
      </c>
      <c r="AM42857">
        <v>26</v>
      </c>
      <c r="AN42857">
        <v>26</v>
      </c>
      <c r="AO42857">
        <v>27</v>
      </c>
      <c r="AP42857">
        <v>27</v>
      </c>
      <c r="AQ42857">
        <v>27</v>
      </c>
    </row>
    <row r="42858" spans="1:43">
      <c r="A42858" t="s">
        <v>26245</v>
      </c>
      <c r="B42858" t="s">
        <v>26246</v>
      </c>
      <c r="C42858" t="s">
        <v>15497</v>
      </c>
      <c r="D42858" t="s">
        <v>15498</v>
      </c>
      <c r="E42858" t="s">
        <v>15475</v>
      </c>
      <c r="F42858" t="s">
        <v>15476</v>
      </c>
      <c r="G42858" t="s">
        <v>10734</v>
      </c>
      <c r="H42858" t="s">
        <v>10735</v>
      </c>
      <c r="I42858" s="2">
        <v>1</v>
      </c>
      <c r="J42858" s="2">
        <v>0</v>
      </c>
      <c r="K42858" s="2">
        <v>0</v>
      </c>
      <c r="L42858" t="s">
        <v>120</v>
      </c>
      <c r="M42858" t="s">
        <v>83</v>
      </c>
      <c r="N42858" t="s">
        <v>84</v>
      </c>
      <c r="O42858" t="s">
        <v>85</v>
      </c>
      <c r="P42858" t="s">
        <v>86</v>
      </c>
      <c r="Q42858">
        <v>122</v>
      </c>
      <c r="R42858">
        <v>124</v>
      </c>
      <c r="S42858">
        <v>126</v>
      </c>
      <c r="T42858">
        <v>127</v>
      </c>
      <c r="U42858">
        <v>129</v>
      </c>
      <c r="V42858">
        <v>131</v>
      </c>
      <c r="W42858">
        <v>132</v>
      </c>
      <c r="X42858">
        <v>134</v>
      </c>
      <c r="Y42858">
        <v>135</v>
      </c>
      <c r="Z42858">
        <v>137</v>
      </c>
      <c r="AA42858">
        <v>139</v>
      </c>
      <c r="AB42858">
        <v>140</v>
      </c>
      <c r="AC42858">
        <v>142</v>
      </c>
      <c r="AD42858">
        <v>143</v>
      </c>
      <c r="AE42858">
        <v>145</v>
      </c>
      <c r="AF42858">
        <v>146</v>
      </c>
      <c r="AG42858">
        <v>147</v>
      </c>
      <c r="AH42858">
        <v>149</v>
      </c>
      <c r="AI42858">
        <v>150</v>
      </c>
      <c r="AJ42858">
        <v>152</v>
      </c>
      <c r="AK42858">
        <v>153</v>
      </c>
      <c r="AL42858">
        <v>154</v>
      </c>
      <c r="AM42858">
        <v>154</v>
      </c>
      <c r="AN42858">
        <v>154</v>
      </c>
      <c r="AO42858">
        <v>154</v>
      </c>
      <c r="AP42858">
        <v>155</v>
      </c>
      <c r="AQ42858">
        <v>155</v>
      </c>
    </row>
    <row r="42859" spans="1:43">
      <c r="A42859" t="s">
        <v>26245</v>
      </c>
      <c r="B42859" t="s">
        <v>26246</v>
      </c>
      <c r="C42859" t="s">
        <v>15497</v>
      </c>
      <c r="D42859" t="s">
        <v>15498</v>
      </c>
      <c r="E42859" t="s">
        <v>15475</v>
      </c>
      <c r="F42859" t="s">
        <v>15476</v>
      </c>
      <c r="G42859" t="s">
        <v>10734</v>
      </c>
      <c r="H42859" t="s">
        <v>10735</v>
      </c>
      <c r="I42859" s="2">
        <v>1</v>
      </c>
      <c r="J42859" s="2">
        <v>0</v>
      </c>
      <c r="K42859" s="2">
        <v>0</v>
      </c>
      <c r="L42859" t="s">
        <v>120</v>
      </c>
      <c r="M42859" t="s">
        <v>87</v>
      </c>
      <c r="N42859" t="s">
        <v>88</v>
      </c>
      <c r="O42859" t="s">
        <v>85</v>
      </c>
      <c r="P42859" t="s">
        <v>86</v>
      </c>
      <c r="Q42859">
        <v>122</v>
      </c>
      <c r="R42859">
        <v>123</v>
      </c>
      <c r="S42859">
        <v>123</v>
      </c>
      <c r="T42859">
        <v>124</v>
      </c>
      <c r="U42859">
        <v>124</v>
      </c>
      <c r="V42859">
        <v>125</v>
      </c>
      <c r="W42859">
        <v>125</v>
      </c>
      <c r="X42859">
        <v>126</v>
      </c>
      <c r="Y42859">
        <v>126</v>
      </c>
      <c r="Z42859">
        <v>127</v>
      </c>
      <c r="AA42859">
        <v>127</v>
      </c>
      <c r="AB42859">
        <v>128</v>
      </c>
      <c r="AC42859">
        <v>128</v>
      </c>
      <c r="AD42859">
        <v>129</v>
      </c>
      <c r="AE42859">
        <v>129</v>
      </c>
      <c r="AF42859">
        <v>130</v>
      </c>
      <c r="AG42859">
        <v>130</v>
      </c>
      <c r="AH42859">
        <v>131</v>
      </c>
      <c r="AI42859">
        <v>131</v>
      </c>
      <c r="AJ42859">
        <v>132</v>
      </c>
      <c r="AK42859">
        <v>132</v>
      </c>
      <c r="AL42859">
        <v>133</v>
      </c>
      <c r="AM42859">
        <v>133</v>
      </c>
      <c r="AN42859">
        <v>133</v>
      </c>
      <c r="AO42859">
        <v>134</v>
      </c>
      <c r="AP42859">
        <v>134</v>
      </c>
      <c r="AQ42859">
        <v>135</v>
      </c>
    </row>
    <row r="42860" spans="1:43">
      <c r="A42860" t="s">
        <v>26245</v>
      </c>
      <c r="B42860" t="s">
        <v>26246</v>
      </c>
      <c r="C42860" t="s">
        <v>15497</v>
      </c>
      <c r="D42860" t="s">
        <v>15498</v>
      </c>
      <c r="E42860" t="s">
        <v>15475</v>
      </c>
      <c r="F42860" t="s">
        <v>15476</v>
      </c>
      <c r="G42860" t="s">
        <v>10734</v>
      </c>
      <c r="H42860" t="s">
        <v>10735</v>
      </c>
      <c r="I42860" s="2">
        <v>1</v>
      </c>
      <c r="J42860" s="2">
        <v>0</v>
      </c>
      <c r="K42860" s="2">
        <v>0</v>
      </c>
      <c r="L42860" t="s">
        <v>120</v>
      </c>
      <c r="M42860" t="s">
        <v>89</v>
      </c>
      <c r="N42860" t="s">
        <v>90</v>
      </c>
      <c r="O42860" t="s">
        <v>85</v>
      </c>
      <c r="P42860" t="s">
        <v>86</v>
      </c>
      <c r="Q42860">
        <v>122</v>
      </c>
      <c r="R42860">
        <v>125</v>
      </c>
      <c r="S42860">
        <v>128</v>
      </c>
      <c r="T42860">
        <v>130</v>
      </c>
      <c r="U42860">
        <v>133</v>
      </c>
      <c r="V42860">
        <v>135</v>
      </c>
      <c r="W42860">
        <v>138</v>
      </c>
      <c r="X42860">
        <v>140</v>
      </c>
      <c r="Y42860">
        <v>142</v>
      </c>
      <c r="Z42860">
        <v>144</v>
      </c>
      <c r="AA42860">
        <v>146</v>
      </c>
      <c r="AB42860">
        <v>148</v>
      </c>
      <c r="AC42860">
        <v>151</v>
      </c>
      <c r="AD42860">
        <v>153</v>
      </c>
      <c r="AE42860">
        <v>154</v>
      </c>
      <c r="AF42860">
        <v>154</v>
      </c>
      <c r="AG42860">
        <v>154</v>
      </c>
      <c r="AH42860">
        <v>155</v>
      </c>
      <c r="AI42860">
        <v>155</v>
      </c>
      <c r="AJ42860">
        <v>155</v>
      </c>
      <c r="AK42860">
        <v>155</v>
      </c>
      <c r="AL42860">
        <v>155</v>
      </c>
      <c r="AM42860">
        <v>156</v>
      </c>
      <c r="AN42860">
        <v>156</v>
      </c>
      <c r="AO42860">
        <v>156</v>
      </c>
      <c r="AP42860">
        <v>156</v>
      </c>
      <c r="AQ42860">
        <v>156</v>
      </c>
    </row>
    <row r="42861" spans="1:43">
      <c r="A42861" t="s">
        <v>26245</v>
      </c>
      <c r="B42861" t="s">
        <v>26246</v>
      </c>
      <c r="C42861" t="s">
        <v>15497</v>
      </c>
      <c r="D42861" t="s">
        <v>15498</v>
      </c>
      <c r="E42861" t="s">
        <v>15475</v>
      </c>
      <c r="F42861" t="s">
        <v>15476</v>
      </c>
      <c r="G42861" t="s">
        <v>10734</v>
      </c>
      <c r="H42861" t="s">
        <v>10735</v>
      </c>
      <c r="I42861" s="2">
        <v>1</v>
      </c>
      <c r="J42861" s="2">
        <v>0</v>
      </c>
      <c r="K42861" s="2">
        <v>0</v>
      </c>
      <c r="L42861" t="s">
        <v>120</v>
      </c>
      <c r="M42861" t="s">
        <v>83</v>
      </c>
      <c r="N42861" t="s">
        <v>91</v>
      </c>
      <c r="O42861" t="s">
        <v>85</v>
      </c>
      <c r="P42861" t="s">
        <v>86</v>
      </c>
      <c r="Q42861">
        <v>122</v>
      </c>
      <c r="R42861">
        <v>124</v>
      </c>
      <c r="S42861">
        <v>126</v>
      </c>
      <c r="T42861">
        <v>127</v>
      </c>
      <c r="U42861">
        <v>129</v>
      </c>
      <c r="V42861">
        <v>131</v>
      </c>
      <c r="W42861">
        <v>132</v>
      </c>
      <c r="X42861">
        <v>134</v>
      </c>
      <c r="Y42861">
        <v>135</v>
      </c>
      <c r="Z42861">
        <v>137</v>
      </c>
      <c r="AA42861">
        <v>139</v>
      </c>
      <c r="AB42861">
        <v>140</v>
      </c>
      <c r="AC42861">
        <v>142</v>
      </c>
      <c r="AD42861">
        <v>143</v>
      </c>
      <c r="AE42861">
        <v>145</v>
      </c>
      <c r="AF42861">
        <v>146</v>
      </c>
      <c r="AG42861">
        <v>147</v>
      </c>
      <c r="AH42861">
        <v>149</v>
      </c>
      <c r="AI42861">
        <v>150</v>
      </c>
      <c r="AJ42861">
        <v>152</v>
      </c>
      <c r="AK42861">
        <v>153</v>
      </c>
      <c r="AL42861">
        <v>154</v>
      </c>
      <c r="AM42861">
        <v>154</v>
      </c>
      <c r="AN42861">
        <v>154</v>
      </c>
      <c r="AO42861">
        <v>154</v>
      </c>
      <c r="AP42861">
        <v>155</v>
      </c>
      <c r="AQ42861">
        <v>155</v>
      </c>
    </row>
    <row r="42862" spans="1:43">
      <c r="A42862" t="s">
        <v>26247</v>
      </c>
      <c r="B42862" t="s">
        <v>26248</v>
      </c>
      <c r="C42862" t="s">
        <v>15497</v>
      </c>
      <c r="D42862" t="s">
        <v>15498</v>
      </c>
      <c r="E42862" t="s">
        <v>15475</v>
      </c>
      <c r="F42862" t="s">
        <v>15476</v>
      </c>
      <c r="G42862" t="s">
        <v>10734</v>
      </c>
      <c r="H42862" t="s">
        <v>10735</v>
      </c>
      <c r="I42862" s="2">
        <v>1</v>
      </c>
      <c r="J42862" s="2">
        <v>0</v>
      </c>
      <c r="K42862" s="2">
        <v>0</v>
      </c>
      <c r="L42862" t="s">
        <v>120</v>
      </c>
      <c r="M42862" t="s">
        <v>83</v>
      </c>
      <c r="N42862" t="s">
        <v>84</v>
      </c>
      <c r="O42862" t="s">
        <v>85</v>
      </c>
      <c r="P42862" t="s">
        <v>86</v>
      </c>
      <c r="Q42862">
        <v>255</v>
      </c>
      <c r="R42862">
        <v>259</v>
      </c>
      <c r="S42862">
        <v>262</v>
      </c>
      <c r="T42862">
        <v>266</v>
      </c>
      <c r="U42862">
        <v>269</v>
      </c>
      <c r="V42862">
        <v>273</v>
      </c>
      <c r="W42862">
        <v>276</v>
      </c>
      <c r="X42862">
        <v>279</v>
      </c>
      <c r="Y42862">
        <v>283</v>
      </c>
      <c r="Z42862">
        <v>286</v>
      </c>
      <c r="AA42862">
        <v>289</v>
      </c>
      <c r="AB42862">
        <v>292</v>
      </c>
      <c r="AC42862">
        <v>295</v>
      </c>
      <c r="AD42862">
        <v>298</v>
      </c>
      <c r="AE42862">
        <v>301</v>
      </c>
      <c r="AF42862">
        <v>305</v>
      </c>
      <c r="AG42862">
        <v>308</v>
      </c>
      <c r="AH42862">
        <v>311</v>
      </c>
      <c r="AI42862">
        <v>314</v>
      </c>
      <c r="AJ42862">
        <v>317</v>
      </c>
      <c r="AK42862">
        <v>320</v>
      </c>
      <c r="AL42862">
        <v>321</v>
      </c>
      <c r="AM42862">
        <v>321</v>
      </c>
      <c r="AN42862">
        <v>322</v>
      </c>
      <c r="AO42862">
        <v>322</v>
      </c>
      <c r="AP42862">
        <v>323</v>
      </c>
      <c r="AQ42862">
        <v>323</v>
      </c>
    </row>
    <row r="42863" spans="1:43">
      <c r="A42863" t="s">
        <v>26247</v>
      </c>
      <c r="B42863" t="s">
        <v>26248</v>
      </c>
      <c r="C42863" t="s">
        <v>15497</v>
      </c>
      <c r="D42863" t="s">
        <v>15498</v>
      </c>
      <c r="E42863" t="s">
        <v>15475</v>
      </c>
      <c r="F42863" t="s">
        <v>15476</v>
      </c>
      <c r="G42863" t="s">
        <v>10734</v>
      </c>
      <c r="H42863" t="s">
        <v>10735</v>
      </c>
      <c r="I42863" s="2">
        <v>1</v>
      </c>
      <c r="J42863" s="2">
        <v>0</v>
      </c>
      <c r="K42863" s="2">
        <v>0</v>
      </c>
      <c r="L42863" t="s">
        <v>120</v>
      </c>
      <c r="M42863" t="s">
        <v>87</v>
      </c>
      <c r="N42863" t="s">
        <v>88</v>
      </c>
      <c r="O42863" t="s">
        <v>85</v>
      </c>
      <c r="P42863" t="s">
        <v>86</v>
      </c>
      <c r="Q42863">
        <v>255</v>
      </c>
      <c r="R42863">
        <v>256</v>
      </c>
      <c r="S42863">
        <v>257</v>
      </c>
      <c r="T42863">
        <v>258</v>
      </c>
      <c r="U42863">
        <v>259</v>
      </c>
      <c r="V42863">
        <v>260</v>
      </c>
      <c r="W42863">
        <v>261</v>
      </c>
      <c r="X42863">
        <v>262</v>
      </c>
      <c r="Y42863">
        <v>263</v>
      </c>
      <c r="Z42863">
        <v>265</v>
      </c>
      <c r="AA42863">
        <v>266</v>
      </c>
      <c r="AB42863">
        <v>267</v>
      </c>
      <c r="AC42863">
        <v>268</v>
      </c>
      <c r="AD42863">
        <v>269</v>
      </c>
      <c r="AE42863">
        <v>270</v>
      </c>
      <c r="AF42863">
        <v>271</v>
      </c>
      <c r="AG42863">
        <v>272</v>
      </c>
      <c r="AH42863">
        <v>273</v>
      </c>
      <c r="AI42863">
        <v>274</v>
      </c>
      <c r="AJ42863">
        <v>275</v>
      </c>
      <c r="AK42863">
        <v>276</v>
      </c>
      <c r="AL42863">
        <v>276</v>
      </c>
      <c r="AM42863">
        <v>277</v>
      </c>
      <c r="AN42863">
        <v>278</v>
      </c>
      <c r="AO42863">
        <v>279</v>
      </c>
      <c r="AP42863">
        <v>280</v>
      </c>
      <c r="AQ42863">
        <v>281</v>
      </c>
    </row>
    <row r="42864" spans="1:43">
      <c r="A42864" t="s">
        <v>26247</v>
      </c>
      <c r="B42864" t="s">
        <v>26248</v>
      </c>
      <c r="C42864" t="s">
        <v>15497</v>
      </c>
      <c r="D42864" t="s">
        <v>15498</v>
      </c>
      <c r="E42864" t="s">
        <v>15475</v>
      </c>
      <c r="F42864" t="s">
        <v>15476</v>
      </c>
      <c r="G42864" t="s">
        <v>10734</v>
      </c>
      <c r="H42864" t="s">
        <v>10735</v>
      </c>
      <c r="I42864" s="2">
        <v>1</v>
      </c>
      <c r="J42864" s="2">
        <v>0</v>
      </c>
      <c r="K42864" s="2">
        <v>0</v>
      </c>
      <c r="L42864" t="s">
        <v>120</v>
      </c>
      <c r="M42864" t="s">
        <v>89</v>
      </c>
      <c r="N42864" t="s">
        <v>90</v>
      </c>
      <c r="O42864" t="s">
        <v>85</v>
      </c>
      <c r="P42864" t="s">
        <v>86</v>
      </c>
      <c r="Q42864">
        <v>255</v>
      </c>
      <c r="R42864">
        <v>261</v>
      </c>
      <c r="S42864">
        <v>267</v>
      </c>
      <c r="T42864">
        <v>272</v>
      </c>
      <c r="U42864">
        <v>278</v>
      </c>
      <c r="V42864">
        <v>283</v>
      </c>
      <c r="W42864">
        <v>287</v>
      </c>
      <c r="X42864">
        <v>292</v>
      </c>
      <c r="Y42864">
        <v>297</v>
      </c>
      <c r="Z42864">
        <v>301</v>
      </c>
      <c r="AA42864">
        <v>305</v>
      </c>
      <c r="AB42864">
        <v>310</v>
      </c>
      <c r="AC42864">
        <v>314</v>
      </c>
      <c r="AD42864">
        <v>318</v>
      </c>
      <c r="AE42864">
        <v>321</v>
      </c>
      <c r="AF42864">
        <v>322</v>
      </c>
      <c r="AG42864">
        <v>322</v>
      </c>
      <c r="AH42864">
        <v>323</v>
      </c>
      <c r="AI42864">
        <v>323</v>
      </c>
      <c r="AJ42864">
        <v>324</v>
      </c>
      <c r="AK42864">
        <v>324</v>
      </c>
      <c r="AL42864">
        <v>324</v>
      </c>
      <c r="AM42864">
        <v>325</v>
      </c>
      <c r="AN42864">
        <v>325</v>
      </c>
      <c r="AO42864">
        <v>325</v>
      </c>
      <c r="AP42864">
        <v>326</v>
      </c>
      <c r="AQ42864">
        <v>326</v>
      </c>
    </row>
    <row r="42865" spans="1:43">
      <c r="A42865" t="s">
        <v>26247</v>
      </c>
      <c r="B42865" t="s">
        <v>26248</v>
      </c>
      <c r="C42865" t="s">
        <v>15497</v>
      </c>
      <c r="D42865" t="s">
        <v>15498</v>
      </c>
      <c r="E42865" t="s">
        <v>15475</v>
      </c>
      <c r="F42865" t="s">
        <v>15476</v>
      </c>
      <c r="G42865" t="s">
        <v>10734</v>
      </c>
      <c r="H42865" t="s">
        <v>10735</v>
      </c>
      <c r="I42865" s="2">
        <v>1</v>
      </c>
      <c r="J42865" s="2">
        <v>0</v>
      </c>
      <c r="K42865" s="2">
        <v>0</v>
      </c>
      <c r="L42865" t="s">
        <v>120</v>
      </c>
      <c r="M42865" t="s">
        <v>83</v>
      </c>
      <c r="N42865" t="s">
        <v>91</v>
      </c>
      <c r="O42865" t="s">
        <v>85</v>
      </c>
      <c r="P42865" t="s">
        <v>86</v>
      </c>
      <c r="Q42865">
        <v>255</v>
      </c>
      <c r="R42865">
        <v>259</v>
      </c>
      <c r="S42865">
        <v>262</v>
      </c>
      <c r="T42865">
        <v>266</v>
      </c>
      <c r="U42865">
        <v>269</v>
      </c>
      <c r="V42865">
        <v>273</v>
      </c>
      <c r="W42865">
        <v>276</v>
      </c>
      <c r="X42865">
        <v>279</v>
      </c>
      <c r="Y42865">
        <v>283</v>
      </c>
      <c r="Z42865">
        <v>286</v>
      </c>
      <c r="AA42865">
        <v>289</v>
      </c>
      <c r="AB42865">
        <v>292</v>
      </c>
      <c r="AC42865">
        <v>295</v>
      </c>
      <c r="AD42865">
        <v>298</v>
      </c>
      <c r="AE42865">
        <v>301</v>
      </c>
      <c r="AF42865">
        <v>305</v>
      </c>
      <c r="AG42865">
        <v>308</v>
      </c>
      <c r="AH42865">
        <v>311</v>
      </c>
      <c r="AI42865">
        <v>314</v>
      </c>
      <c r="AJ42865">
        <v>317</v>
      </c>
      <c r="AK42865">
        <v>320</v>
      </c>
      <c r="AL42865">
        <v>321</v>
      </c>
      <c r="AM42865">
        <v>321</v>
      </c>
      <c r="AN42865">
        <v>322</v>
      </c>
      <c r="AO42865">
        <v>322</v>
      </c>
      <c r="AP42865">
        <v>323</v>
      </c>
      <c r="AQ42865">
        <v>323</v>
      </c>
    </row>
    <row r="42866" spans="1:43">
      <c r="A42866" t="s">
        <v>26249</v>
      </c>
      <c r="B42866" t="s">
        <v>26250</v>
      </c>
      <c r="C42866" t="s">
        <v>15535</v>
      </c>
      <c r="D42866" t="s">
        <v>15536</v>
      </c>
      <c r="E42866" t="s">
        <v>15475</v>
      </c>
      <c r="F42866" t="s">
        <v>15476</v>
      </c>
      <c r="G42866" t="s">
        <v>10734</v>
      </c>
      <c r="H42866" t="s">
        <v>10735</v>
      </c>
      <c r="I42866" s="2">
        <v>1</v>
      </c>
      <c r="J42866" s="2">
        <v>0</v>
      </c>
      <c r="K42866" s="2">
        <v>0</v>
      </c>
      <c r="L42866" t="s">
        <v>120</v>
      </c>
      <c r="M42866" t="s">
        <v>83</v>
      </c>
      <c r="N42866" t="s">
        <v>84</v>
      </c>
      <c r="O42866" t="s">
        <v>85</v>
      </c>
      <c r="P42866" t="s">
        <v>86</v>
      </c>
      <c r="Q42866">
        <v>34</v>
      </c>
      <c r="R42866">
        <v>35</v>
      </c>
      <c r="S42866">
        <v>35</v>
      </c>
      <c r="T42866">
        <v>36</v>
      </c>
      <c r="U42866">
        <v>36</v>
      </c>
      <c r="V42866">
        <v>37</v>
      </c>
      <c r="W42866">
        <v>37</v>
      </c>
      <c r="X42866">
        <v>38</v>
      </c>
      <c r="Y42866">
        <v>38</v>
      </c>
      <c r="Z42866">
        <v>38</v>
      </c>
      <c r="AA42866">
        <v>39</v>
      </c>
      <c r="AB42866">
        <v>39</v>
      </c>
      <c r="AC42866">
        <v>40</v>
      </c>
      <c r="AD42866">
        <v>40</v>
      </c>
      <c r="AE42866">
        <v>40</v>
      </c>
      <c r="AF42866">
        <v>41</v>
      </c>
      <c r="AG42866">
        <v>41</v>
      </c>
      <c r="AH42866">
        <v>42</v>
      </c>
      <c r="AI42866">
        <v>42</v>
      </c>
      <c r="AJ42866">
        <v>42</v>
      </c>
      <c r="AK42866">
        <v>43</v>
      </c>
      <c r="AL42866">
        <v>43</v>
      </c>
      <c r="AM42866">
        <v>43</v>
      </c>
      <c r="AN42866">
        <v>43</v>
      </c>
      <c r="AO42866">
        <v>43</v>
      </c>
      <c r="AP42866">
        <v>43</v>
      </c>
      <c r="AQ42866">
        <v>43</v>
      </c>
    </row>
    <row r="42867" spans="1:43">
      <c r="A42867" t="s">
        <v>26249</v>
      </c>
      <c r="B42867" t="s">
        <v>26250</v>
      </c>
      <c r="C42867" t="s">
        <v>15535</v>
      </c>
      <c r="D42867" t="s">
        <v>15536</v>
      </c>
      <c r="E42867" t="s">
        <v>15475</v>
      </c>
      <c r="F42867" t="s">
        <v>15476</v>
      </c>
      <c r="G42867" t="s">
        <v>10734</v>
      </c>
      <c r="H42867" t="s">
        <v>10735</v>
      </c>
      <c r="I42867" s="2">
        <v>1</v>
      </c>
      <c r="J42867" s="2">
        <v>0</v>
      </c>
      <c r="K42867" s="2">
        <v>0</v>
      </c>
      <c r="L42867" t="s">
        <v>120</v>
      </c>
      <c r="M42867" t="s">
        <v>87</v>
      </c>
      <c r="N42867" t="s">
        <v>88</v>
      </c>
      <c r="O42867" t="s">
        <v>85</v>
      </c>
      <c r="P42867" t="s">
        <v>86</v>
      </c>
      <c r="Q42867">
        <v>34</v>
      </c>
      <c r="R42867">
        <v>34</v>
      </c>
      <c r="S42867">
        <v>34</v>
      </c>
      <c r="T42867">
        <v>34</v>
      </c>
      <c r="U42867">
        <v>35</v>
      </c>
      <c r="V42867">
        <v>35</v>
      </c>
      <c r="W42867">
        <v>35</v>
      </c>
      <c r="X42867">
        <v>35</v>
      </c>
      <c r="Y42867">
        <v>35</v>
      </c>
      <c r="Z42867">
        <v>35</v>
      </c>
      <c r="AA42867">
        <v>35</v>
      </c>
      <c r="AB42867">
        <v>36</v>
      </c>
      <c r="AC42867">
        <v>36</v>
      </c>
      <c r="AD42867">
        <v>36</v>
      </c>
      <c r="AE42867">
        <v>36</v>
      </c>
      <c r="AF42867">
        <v>36</v>
      </c>
      <c r="AG42867">
        <v>36</v>
      </c>
      <c r="AH42867">
        <v>36</v>
      </c>
      <c r="AI42867">
        <v>36</v>
      </c>
      <c r="AJ42867">
        <v>36</v>
      </c>
      <c r="AK42867">
        <v>37</v>
      </c>
      <c r="AL42867">
        <v>37</v>
      </c>
      <c r="AM42867">
        <v>37</v>
      </c>
      <c r="AN42867">
        <v>37</v>
      </c>
      <c r="AO42867">
        <v>37</v>
      </c>
      <c r="AP42867">
        <v>37</v>
      </c>
      <c r="AQ42867">
        <v>37</v>
      </c>
    </row>
    <row r="42868" spans="1:43">
      <c r="A42868" t="s">
        <v>26249</v>
      </c>
      <c r="B42868" t="s">
        <v>26250</v>
      </c>
      <c r="C42868" t="s">
        <v>15535</v>
      </c>
      <c r="D42868" t="s">
        <v>15536</v>
      </c>
      <c r="E42868" t="s">
        <v>15475</v>
      </c>
      <c r="F42868" t="s">
        <v>15476</v>
      </c>
      <c r="G42868" t="s">
        <v>10734</v>
      </c>
      <c r="H42868" t="s">
        <v>10735</v>
      </c>
      <c r="I42868" s="2">
        <v>1</v>
      </c>
      <c r="J42868" s="2">
        <v>0</v>
      </c>
      <c r="K42868" s="2">
        <v>0</v>
      </c>
      <c r="L42868" t="s">
        <v>120</v>
      </c>
      <c r="M42868" t="s">
        <v>89</v>
      </c>
      <c r="N42868" t="s">
        <v>90</v>
      </c>
      <c r="O42868" t="s">
        <v>85</v>
      </c>
      <c r="P42868" t="s">
        <v>86</v>
      </c>
      <c r="Q42868">
        <v>34</v>
      </c>
      <c r="R42868">
        <v>34</v>
      </c>
      <c r="S42868">
        <v>35</v>
      </c>
      <c r="T42868">
        <v>36</v>
      </c>
      <c r="U42868">
        <v>37</v>
      </c>
      <c r="V42868">
        <v>37</v>
      </c>
      <c r="W42868">
        <v>38</v>
      </c>
      <c r="X42868">
        <v>39</v>
      </c>
      <c r="Y42868">
        <v>39</v>
      </c>
      <c r="Z42868">
        <v>40</v>
      </c>
      <c r="AA42868">
        <v>40</v>
      </c>
      <c r="AB42868">
        <v>41</v>
      </c>
      <c r="AC42868">
        <v>41</v>
      </c>
      <c r="AD42868">
        <v>42</v>
      </c>
      <c r="AE42868">
        <v>42</v>
      </c>
      <c r="AF42868">
        <v>42</v>
      </c>
      <c r="AG42868">
        <v>42</v>
      </c>
      <c r="AH42868">
        <v>42</v>
      </c>
      <c r="AI42868">
        <v>42</v>
      </c>
      <c r="AJ42868">
        <v>43</v>
      </c>
      <c r="AK42868">
        <v>43</v>
      </c>
      <c r="AL42868">
        <v>43</v>
      </c>
      <c r="AM42868">
        <v>43</v>
      </c>
      <c r="AN42868">
        <v>43</v>
      </c>
      <c r="AO42868">
        <v>43</v>
      </c>
      <c r="AP42868">
        <v>43</v>
      </c>
      <c r="AQ42868">
        <v>43</v>
      </c>
    </row>
    <row r="42869" spans="1:43">
      <c r="A42869" t="s">
        <v>26249</v>
      </c>
      <c r="B42869" t="s">
        <v>26250</v>
      </c>
      <c r="C42869" t="s">
        <v>15535</v>
      </c>
      <c r="D42869" t="s">
        <v>15536</v>
      </c>
      <c r="E42869" t="s">
        <v>15475</v>
      </c>
      <c r="F42869" t="s">
        <v>15476</v>
      </c>
      <c r="G42869" t="s">
        <v>10734</v>
      </c>
      <c r="H42869" t="s">
        <v>10735</v>
      </c>
      <c r="I42869" s="2">
        <v>1</v>
      </c>
      <c r="J42869" s="2">
        <v>0</v>
      </c>
      <c r="K42869" s="2">
        <v>0</v>
      </c>
      <c r="L42869" t="s">
        <v>120</v>
      </c>
      <c r="M42869" t="s">
        <v>83</v>
      </c>
      <c r="N42869" t="s">
        <v>91</v>
      </c>
      <c r="O42869" t="s">
        <v>85</v>
      </c>
      <c r="P42869" t="s">
        <v>86</v>
      </c>
      <c r="Q42869">
        <v>34</v>
      </c>
      <c r="R42869">
        <v>35</v>
      </c>
      <c r="S42869">
        <v>35</v>
      </c>
      <c r="T42869">
        <v>36</v>
      </c>
      <c r="U42869">
        <v>36</v>
      </c>
      <c r="V42869">
        <v>37</v>
      </c>
      <c r="W42869">
        <v>37</v>
      </c>
      <c r="X42869">
        <v>38</v>
      </c>
      <c r="Y42869">
        <v>38</v>
      </c>
      <c r="Z42869">
        <v>38</v>
      </c>
      <c r="AA42869">
        <v>39</v>
      </c>
      <c r="AB42869">
        <v>39</v>
      </c>
      <c r="AC42869">
        <v>40</v>
      </c>
      <c r="AD42869">
        <v>40</v>
      </c>
      <c r="AE42869">
        <v>40</v>
      </c>
      <c r="AF42869">
        <v>41</v>
      </c>
      <c r="AG42869">
        <v>41</v>
      </c>
      <c r="AH42869">
        <v>42</v>
      </c>
      <c r="AI42869">
        <v>42</v>
      </c>
      <c r="AJ42869">
        <v>42</v>
      </c>
      <c r="AK42869">
        <v>43</v>
      </c>
      <c r="AL42869">
        <v>43</v>
      </c>
      <c r="AM42869">
        <v>43</v>
      </c>
      <c r="AN42869">
        <v>43</v>
      </c>
      <c r="AO42869">
        <v>43</v>
      </c>
      <c r="AP42869">
        <v>43</v>
      </c>
      <c r="AQ42869">
        <v>43</v>
      </c>
    </row>
    <row r="42870" spans="1:43">
      <c r="A42870" t="s">
        <v>26251</v>
      </c>
      <c r="B42870" t="s">
        <v>26252</v>
      </c>
      <c r="C42870" t="s">
        <v>15535</v>
      </c>
      <c r="D42870" t="s">
        <v>15536</v>
      </c>
      <c r="E42870" t="s">
        <v>15475</v>
      </c>
      <c r="F42870" t="s">
        <v>15476</v>
      </c>
      <c r="G42870" t="s">
        <v>10734</v>
      </c>
      <c r="H42870" t="s">
        <v>10735</v>
      </c>
      <c r="I42870" s="2">
        <v>1</v>
      </c>
      <c r="J42870" s="2">
        <v>0</v>
      </c>
      <c r="K42870" s="2">
        <v>0</v>
      </c>
      <c r="L42870" t="s">
        <v>120</v>
      </c>
      <c r="M42870" t="s">
        <v>83</v>
      </c>
      <c r="N42870" t="s">
        <v>84</v>
      </c>
      <c r="O42870" t="s">
        <v>85</v>
      </c>
      <c r="P42870" t="s">
        <v>86</v>
      </c>
      <c r="Q42870">
        <v>32</v>
      </c>
      <c r="R42870">
        <v>32</v>
      </c>
      <c r="S42870">
        <v>33</v>
      </c>
      <c r="T42870">
        <v>33</v>
      </c>
      <c r="U42870">
        <v>33</v>
      </c>
      <c r="V42870">
        <v>34</v>
      </c>
      <c r="W42870">
        <v>34</v>
      </c>
      <c r="X42870">
        <v>35</v>
      </c>
      <c r="Y42870">
        <v>35</v>
      </c>
      <c r="Z42870">
        <v>35</v>
      </c>
      <c r="AA42870">
        <v>36</v>
      </c>
      <c r="AB42870">
        <v>36</v>
      </c>
      <c r="AC42870">
        <v>37</v>
      </c>
      <c r="AD42870">
        <v>37</v>
      </c>
      <c r="AE42870">
        <v>37</v>
      </c>
      <c r="AF42870">
        <v>38</v>
      </c>
      <c r="AG42870">
        <v>38</v>
      </c>
      <c r="AH42870">
        <v>38</v>
      </c>
      <c r="AI42870">
        <v>39</v>
      </c>
      <c r="AJ42870">
        <v>39</v>
      </c>
      <c r="AK42870">
        <v>40</v>
      </c>
      <c r="AL42870">
        <v>40</v>
      </c>
      <c r="AM42870">
        <v>40</v>
      </c>
      <c r="AN42870">
        <v>40</v>
      </c>
      <c r="AO42870">
        <v>40</v>
      </c>
      <c r="AP42870">
        <v>40</v>
      </c>
      <c r="AQ42870">
        <v>40</v>
      </c>
    </row>
    <row r="42871" spans="1:43">
      <c r="A42871" t="s">
        <v>26251</v>
      </c>
      <c r="B42871" t="s">
        <v>26252</v>
      </c>
      <c r="C42871" t="s">
        <v>15535</v>
      </c>
      <c r="D42871" t="s">
        <v>15536</v>
      </c>
      <c r="E42871" t="s">
        <v>15475</v>
      </c>
      <c r="F42871" t="s">
        <v>15476</v>
      </c>
      <c r="G42871" t="s">
        <v>10734</v>
      </c>
      <c r="H42871" t="s">
        <v>10735</v>
      </c>
      <c r="I42871" s="2">
        <v>1</v>
      </c>
      <c r="J42871" s="2">
        <v>0</v>
      </c>
      <c r="K42871" s="2">
        <v>0</v>
      </c>
      <c r="L42871" t="s">
        <v>120</v>
      </c>
      <c r="M42871" t="s">
        <v>87</v>
      </c>
      <c r="N42871" t="s">
        <v>88</v>
      </c>
      <c r="O42871" t="s">
        <v>85</v>
      </c>
      <c r="P42871" t="s">
        <v>86</v>
      </c>
      <c r="Q42871">
        <v>32</v>
      </c>
      <c r="R42871">
        <v>33</v>
      </c>
      <c r="S42871">
        <v>33</v>
      </c>
      <c r="T42871">
        <v>33</v>
      </c>
      <c r="U42871">
        <v>33</v>
      </c>
      <c r="V42871">
        <v>33</v>
      </c>
      <c r="W42871">
        <v>33</v>
      </c>
      <c r="X42871">
        <v>33</v>
      </c>
      <c r="Y42871">
        <v>33</v>
      </c>
      <c r="Z42871">
        <v>34</v>
      </c>
      <c r="AA42871">
        <v>34</v>
      </c>
      <c r="AB42871">
        <v>34</v>
      </c>
      <c r="AC42871">
        <v>34</v>
      </c>
      <c r="AD42871">
        <v>34</v>
      </c>
      <c r="AE42871">
        <v>34</v>
      </c>
      <c r="AF42871">
        <v>34</v>
      </c>
      <c r="AG42871">
        <v>34</v>
      </c>
      <c r="AH42871">
        <v>34</v>
      </c>
      <c r="AI42871">
        <v>35</v>
      </c>
      <c r="AJ42871">
        <v>35</v>
      </c>
      <c r="AK42871">
        <v>35</v>
      </c>
      <c r="AL42871">
        <v>35</v>
      </c>
      <c r="AM42871">
        <v>35</v>
      </c>
      <c r="AN42871">
        <v>35</v>
      </c>
      <c r="AO42871">
        <v>35</v>
      </c>
      <c r="AP42871">
        <v>35</v>
      </c>
      <c r="AQ42871">
        <v>35</v>
      </c>
    </row>
    <row r="42872" spans="1:43">
      <c r="A42872" t="s">
        <v>26251</v>
      </c>
      <c r="B42872" t="s">
        <v>26252</v>
      </c>
      <c r="C42872" t="s">
        <v>15535</v>
      </c>
      <c r="D42872" t="s">
        <v>15536</v>
      </c>
      <c r="E42872" t="s">
        <v>15475</v>
      </c>
      <c r="F42872" t="s">
        <v>15476</v>
      </c>
      <c r="G42872" t="s">
        <v>10734</v>
      </c>
      <c r="H42872" t="s">
        <v>10735</v>
      </c>
      <c r="I42872" s="2">
        <v>1</v>
      </c>
      <c r="J42872" s="2">
        <v>0</v>
      </c>
      <c r="K42872" s="2">
        <v>0</v>
      </c>
      <c r="L42872" t="s">
        <v>120</v>
      </c>
      <c r="M42872" t="s">
        <v>89</v>
      </c>
      <c r="N42872" t="s">
        <v>90</v>
      </c>
      <c r="O42872" t="s">
        <v>85</v>
      </c>
      <c r="P42872" t="s">
        <v>86</v>
      </c>
      <c r="Q42872">
        <v>32</v>
      </c>
      <c r="R42872">
        <v>33</v>
      </c>
      <c r="S42872">
        <v>33</v>
      </c>
      <c r="T42872">
        <v>34</v>
      </c>
      <c r="U42872">
        <v>35</v>
      </c>
      <c r="V42872">
        <v>35</v>
      </c>
      <c r="W42872">
        <v>36</v>
      </c>
      <c r="X42872">
        <v>37</v>
      </c>
      <c r="Y42872">
        <v>37</v>
      </c>
      <c r="Z42872">
        <v>38</v>
      </c>
      <c r="AA42872">
        <v>38</v>
      </c>
      <c r="AB42872">
        <v>39</v>
      </c>
      <c r="AC42872">
        <v>39</v>
      </c>
      <c r="AD42872">
        <v>40</v>
      </c>
      <c r="AE42872">
        <v>40</v>
      </c>
      <c r="AF42872">
        <v>40</v>
      </c>
      <c r="AG42872">
        <v>40</v>
      </c>
      <c r="AH42872">
        <v>40</v>
      </c>
      <c r="AI42872">
        <v>40</v>
      </c>
      <c r="AJ42872">
        <v>40</v>
      </c>
      <c r="AK42872">
        <v>40</v>
      </c>
      <c r="AL42872">
        <v>40</v>
      </c>
      <c r="AM42872">
        <v>40</v>
      </c>
      <c r="AN42872">
        <v>40</v>
      </c>
      <c r="AO42872">
        <v>40</v>
      </c>
      <c r="AP42872">
        <v>40</v>
      </c>
      <c r="AQ42872">
        <v>40</v>
      </c>
    </row>
    <row r="42873" spans="1:43">
      <c r="A42873" t="s">
        <v>26251</v>
      </c>
      <c r="B42873" t="s">
        <v>26252</v>
      </c>
      <c r="C42873" t="s">
        <v>15535</v>
      </c>
      <c r="D42873" t="s">
        <v>15536</v>
      </c>
      <c r="E42873" t="s">
        <v>15475</v>
      </c>
      <c r="F42873" t="s">
        <v>15476</v>
      </c>
      <c r="G42873" t="s">
        <v>10734</v>
      </c>
      <c r="H42873" t="s">
        <v>10735</v>
      </c>
      <c r="I42873" s="2">
        <v>1</v>
      </c>
      <c r="J42873" s="2">
        <v>0</v>
      </c>
      <c r="K42873" s="2">
        <v>0</v>
      </c>
      <c r="L42873" t="s">
        <v>120</v>
      </c>
      <c r="M42873" t="s">
        <v>83</v>
      </c>
      <c r="N42873" t="s">
        <v>91</v>
      </c>
      <c r="O42873" t="s">
        <v>85</v>
      </c>
      <c r="P42873" t="s">
        <v>86</v>
      </c>
      <c r="Q42873">
        <v>32</v>
      </c>
      <c r="R42873">
        <v>32</v>
      </c>
      <c r="S42873">
        <v>33</v>
      </c>
      <c r="T42873">
        <v>33</v>
      </c>
      <c r="U42873">
        <v>33</v>
      </c>
      <c r="V42873">
        <v>34</v>
      </c>
      <c r="W42873">
        <v>34</v>
      </c>
      <c r="X42873">
        <v>35</v>
      </c>
      <c r="Y42873">
        <v>35</v>
      </c>
      <c r="Z42873">
        <v>35</v>
      </c>
      <c r="AA42873">
        <v>36</v>
      </c>
      <c r="AB42873">
        <v>36</v>
      </c>
      <c r="AC42873">
        <v>37</v>
      </c>
      <c r="AD42873">
        <v>37</v>
      </c>
      <c r="AE42873">
        <v>37</v>
      </c>
      <c r="AF42873">
        <v>38</v>
      </c>
      <c r="AG42873">
        <v>38</v>
      </c>
      <c r="AH42873">
        <v>38</v>
      </c>
      <c r="AI42873">
        <v>39</v>
      </c>
      <c r="AJ42873">
        <v>39</v>
      </c>
      <c r="AK42873">
        <v>40</v>
      </c>
      <c r="AL42873">
        <v>40</v>
      </c>
      <c r="AM42873">
        <v>40</v>
      </c>
      <c r="AN42873">
        <v>40</v>
      </c>
      <c r="AO42873">
        <v>40</v>
      </c>
      <c r="AP42873">
        <v>40</v>
      </c>
      <c r="AQ42873">
        <v>40</v>
      </c>
    </row>
    <row r="42874" spans="1:43">
      <c r="A42874" t="s">
        <v>26253</v>
      </c>
      <c r="B42874" t="s">
        <v>26254</v>
      </c>
      <c r="C42874" t="s">
        <v>15573</v>
      </c>
      <c r="D42874" t="s">
        <v>15574</v>
      </c>
      <c r="E42874" t="s">
        <v>15475</v>
      </c>
      <c r="F42874" t="s">
        <v>15476</v>
      </c>
      <c r="G42874" t="s">
        <v>10734</v>
      </c>
      <c r="H42874" t="s">
        <v>10735</v>
      </c>
      <c r="I42874" s="2">
        <v>1</v>
      </c>
      <c r="J42874" s="2">
        <v>0</v>
      </c>
      <c r="K42874" s="2">
        <v>0</v>
      </c>
      <c r="L42874" t="s">
        <v>120</v>
      </c>
      <c r="M42874" t="s">
        <v>83</v>
      </c>
      <c r="N42874" t="s">
        <v>84</v>
      </c>
      <c r="O42874" t="s">
        <v>85</v>
      </c>
      <c r="P42874" t="s">
        <v>86</v>
      </c>
      <c r="Q42874">
        <v>48</v>
      </c>
      <c r="R42874">
        <v>49</v>
      </c>
      <c r="S42874">
        <v>49</v>
      </c>
      <c r="T42874">
        <v>50</v>
      </c>
      <c r="U42874">
        <v>51</v>
      </c>
      <c r="V42874">
        <v>51</v>
      </c>
      <c r="W42874">
        <v>52</v>
      </c>
      <c r="X42874">
        <v>53</v>
      </c>
      <c r="Y42874">
        <v>53</v>
      </c>
      <c r="Z42874">
        <v>54</v>
      </c>
      <c r="AA42874">
        <v>54</v>
      </c>
      <c r="AB42874">
        <v>55</v>
      </c>
      <c r="AC42874">
        <v>55</v>
      </c>
      <c r="AD42874">
        <v>56</v>
      </c>
      <c r="AE42874">
        <v>57</v>
      </c>
      <c r="AF42874">
        <v>57</v>
      </c>
      <c r="AG42874">
        <v>58</v>
      </c>
      <c r="AH42874">
        <v>58</v>
      </c>
      <c r="AI42874">
        <v>59</v>
      </c>
      <c r="AJ42874">
        <v>59</v>
      </c>
      <c r="AK42874">
        <v>60</v>
      </c>
      <c r="AL42874">
        <v>60</v>
      </c>
      <c r="AM42874">
        <v>60</v>
      </c>
      <c r="AN42874">
        <v>60</v>
      </c>
      <c r="AO42874">
        <v>60</v>
      </c>
      <c r="AP42874">
        <v>60</v>
      </c>
      <c r="AQ42874">
        <v>60</v>
      </c>
    </row>
    <row r="42875" spans="1:43">
      <c r="A42875" t="s">
        <v>26253</v>
      </c>
      <c r="B42875" t="s">
        <v>26254</v>
      </c>
      <c r="C42875" t="s">
        <v>15573</v>
      </c>
      <c r="D42875" t="s">
        <v>15574</v>
      </c>
      <c r="E42875" t="s">
        <v>15475</v>
      </c>
      <c r="F42875" t="s">
        <v>15476</v>
      </c>
      <c r="G42875" t="s">
        <v>10734</v>
      </c>
      <c r="H42875" t="s">
        <v>10735</v>
      </c>
      <c r="I42875" s="2">
        <v>1</v>
      </c>
      <c r="J42875" s="2">
        <v>0</v>
      </c>
      <c r="K42875" s="2">
        <v>0</v>
      </c>
      <c r="L42875" t="s">
        <v>120</v>
      </c>
      <c r="M42875" t="s">
        <v>87</v>
      </c>
      <c r="N42875" t="s">
        <v>88</v>
      </c>
      <c r="O42875" t="s">
        <v>85</v>
      </c>
      <c r="P42875" t="s">
        <v>86</v>
      </c>
      <c r="Q42875">
        <v>48</v>
      </c>
      <c r="R42875">
        <v>48</v>
      </c>
      <c r="S42875">
        <v>48</v>
      </c>
      <c r="T42875">
        <v>48</v>
      </c>
      <c r="U42875">
        <v>48</v>
      </c>
      <c r="V42875">
        <v>49</v>
      </c>
      <c r="W42875">
        <v>49</v>
      </c>
      <c r="X42875">
        <v>49</v>
      </c>
      <c r="Y42875">
        <v>49</v>
      </c>
      <c r="Z42875">
        <v>49</v>
      </c>
      <c r="AA42875">
        <v>50</v>
      </c>
      <c r="AB42875">
        <v>50</v>
      </c>
      <c r="AC42875">
        <v>50</v>
      </c>
      <c r="AD42875">
        <v>50</v>
      </c>
      <c r="AE42875">
        <v>50</v>
      </c>
      <c r="AF42875">
        <v>50</v>
      </c>
      <c r="AG42875">
        <v>51</v>
      </c>
      <c r="AH42875">
        <v>51</v>
      </c>
      <c r="AI42875">
        <v>51</v>
      </c>
      <c r="AJ42875">
        <v>51</v>
      </c>
      <c r="AK42875">
        <v>51</v>
      </c>
      <c r="AL42875">
        <v>51</v>
      </c>
      <c r="AM42875">
        <v>51</v>
      </c>
      <c r="AN42875">
        <v>52</v>
      </c>
      <c r="AO42875">
        <v>52</v>
      </c>
      <c r="AP42875">
        <v>52</v>
      </c>
      <c r="AQ42875">
        <v>52</v>
      </c>
    </row>
    <row r="42876" spans="1:43">
      <c r="A42876" t="s">
        <v>26253</v>
      </c>
      <c r="B42876" t="s">
        <v>26254</v>
      </c>
      <c r="C42876" t="s">
        <v>15573</v>
      </c>
      <c r="D42876" t="s">
        <v>15574</v>
      </c>
      <c r="E42876" t="s">
        <v>15475</v>
      </c>
      <c r="F42876" t="s">
        <v>15476</v>
      </c>
      <c r="G42876" t="s">
        <v>10734</v>
      </c>
      <c r="H42876" t="s">
        <v>10735</v>
      </c>
      <c r="I42876" s="2">
        <v>1</v>
      </c>
      <c r="J42876" s="2">
        <v>0</v>
      </c>
      <c r="K42876" s="2">
        <v>0</v>
      </c>
      <c r="L42876" t="s">
        <v>120</v>
      </c>
      <c r="M42876" t="s">
        <v>89</v>
      </c>
      <c r="N42876" t="s">
        <v>90</v>
      </c>
      <c r="O42876" t="s">
        <v>85</v>
      </c>
      <c r="P42876" t="s">
        <v>86</v>
      </c>
      <c r="Q42876">
        <v>48</v>
      </c>
      <c r="R42876">
        <v>49</v>
      </c>
      <c r="S42876">
        <v>50</v>
      </c>
      <c r="T42876">
        <v>51</v>
      </c>
      <c r="U42876">
        <v>52</v>
      </c>
      <c r="V42876">
        <v>53</v>
      </c>
      <c r="W42876">
        <v>54</v>
      </c>
      <c r="X42876">
        <v>54</v>
      </c>
      <c r="Y42876">
        <v>55</v>
      </c>
      <c r="Z42876">
        <v>56</v>
      </c>
      <c r="AA42876">
        <v>57</v>
      </c>
      <c r="AB42876">
        <v>58</v>
      </c>
      <c r="AC42876">
        <v>58</v>
      </c>
      <c r="AD42876">
        <v>59</v>
      </c>
      <c r="AE42876">
        <v>60</v>
      </c>
      <c r="AF42876">
        <v>60</v>
      </c>
      <c r="AG42876">
        <v>60</v>
      </c>
      <c r="AH42876">
        <v>60</v>
      </c>
      <c r="AI42876">
        <v>60</v>
      </c>
      <c r="AJ42876">
        <v>60</v>
      </c>
      <c r="AK42876">
        <v>60</v>
      </c>
      <c r="AL42876">
        <v>60</v>
      </c>
      <c r="AM42876">
        <v>60</v>
      </c>
      <c r="AN42876">
        <v>60</v>
      </c>
      <c r="AO42876">
        <v>60</v>
      </c>
      <c r="AP42876">
        <v>60</v>
      </c>
      <c r="AQ42876">
        <v>60</v>
      </c>
    </row>
    <row r="42877" spans="1:43">
      <c r="A42877" t="s">
        <v>26253</v>
      </c>
      <c r="B42877" t="s">
        <v>26254</v>
      </c>
      <c r="C42877" t="s">
        <v>15573</v>
      </c>
      <c r="D42877" t="s">
        <v>15574</v>
      </c>
      <c r="E42877" t="s">
        <v>15475</v>
      </c>
      <c r="F42877" t="s">
        <v>15476</v>
      </c>
      <c r="G42877" t="s">
        <v>10734</v>
      </c>
      <c r="H42877" t="s">
        <v>10735</v>
      </c>
      <c r="I42877" s="2">
        <v>1</v>
      </c>
      <c r="J42877" s="2">
        <v>0</v>
      </c>
      <c r="K42877" s="2">
        <v>0</v>
      </c>
      <c r="L42877" t="s">
        <v>120</v>
      </c>
      <c r="M42877" t="s">
        <v>83</v>
      </c>
      <c r="N42877" t="s">
        <v>91</v>
      </c>
      <c r="O42877" t="s">
        <v>85</v>
      </c>
      <c r="P42877" t="s">
        <v>86</v>
      </c>
      <c r="Q42877">
        <v>48</v>
      </c>
      <c r="R42877">
        <v>49</v>
      </c>
      <c r="S42877">
        <v>49</v>
      </c>
      <c r="T42877">
        <v>50</v>
      </c>
      <c r="U42877">
        <v>51</v>
      </c>
      <c r="V42877">
        <v>51</v>
      </c>
      <c r="W42877">
        <v>52</v>
      </c>
      <c r="X42877">
        <v>53</v>
      </c>
      <c r="Y42877">
        <v>53</v>
      </c>
      <c r="Z42877">
        <v>54</v>
      </c>
      <c r="AA42877">
        <v>54</v>
      </c>
      <c r="AB42877">
        <v>55</v>
      </c>
      <c r="AC42877">
        <v>55</v>
      </c>
      <c r="AD42877">
        <v>56</v>
      </c>
      <c r="AE42877">
        <v>57</v>
      </c>
      <c r="AF42877">
        <v>57</v>
      </c>
      <c r="AG42877">
        <v>58</v>
      </c>
      <c r="AH42877">
        <v>58</v>
      </c>
      <c r="AI42877">
        <v>59</v>
      </c>
      <c r="AJ42877">
        <v>59</v>
      </c>
      <c r="AK42877">
        <v>60</v>
      </c>
      <c r="AL42877">
        <v>60</v>
      </c>
      <c r="AM42877">
        <v>60</v>
      </c>
      <c r="AN42877">
        <v>60</v>
      </c>
      <c r="AO42877">
        <v>60</v>
      </c>
      <c r="AP42877">
        <v>60</v>
      </c>
      <c r="AQ42877">
        <v>60</v>
      </c>
    </row>
    <row r="42878" spans="1:43">
      <c r="A42878" t="s">
        <v>26255</v>
      </c>
      <c r="B42878" t="s">
        <v>26256</v>
      </c>
      <c r="C42878" t="s">
        <v>15573</v>
      </c>
      <c r="D42878" t="s">
        <v>15574</v>
      </c>
      <c r="E42878" t="s">
        <v>15475</v>
      </c>
      <c r="F42878" t="s">
        <v>15476</v>
      </c>
      <c r="G42878" t="s">
        <v>10734</v>
      </c>
      <c r="H42878" t="s">
        <v>10735</v>
      </c>
      <c r="I42878" s="2">
        <v>1</v>
      </c>
      <c r="J42878" s="2">
        <v>0</v>
      </c>
      <c r="K42878" s="2">
        <v>0</v>
      </c>
      <c r="L42878" t="s">
        <v>120</v>
      </c>
      <c r="M42878" t="s">
        <v>83</v>
      </c>
      <c r="N42878" t="s">
        <v>84</v>
      </c>
      <c r="O42878" t="s">
        <v>85</v>
      </c>
      <c r="P42878" t="s">
        <v>86</v>
      </c>
      <c r="Q42878">
        <v>12</v>
      </c>
      <c r="R42878">
        <v>12</v>
      </c>
      <c r="S42878">
        <v>12</v>
      </c>
      <c r="T42878">
        <v>12</v>
      </c>
      <c r="U42878">
        <v>12</v>
      </c>
      <c r="V42878">
        <v>12</v>
      </c>
      <c r="W42878">
        <v>12</v>
      </c>
      <c r="X42878">
        <v>13</v>
      </c>
      <c r="Y42878">
        <v>13</v>
      </c>
      <c r="Z42878">
        <v>13</v>
      </c>
      <c r="AA42878">
        <v>13</v>
      </c>
      <c r="AB42878">
        <v>13</v>
      </c>
      <c r="AC42878">
        <v>13</v>
      </c>
      <c r="AD42878">
        <v>13</v>
      </c>
      <c r="AE42878">
        <v>13</v>
      </c>
      <c r="AF42878">
        <v>14</v>
      </c>
      <c r="AG42878">
        <v>14</v>
      </c>
      <c r="AH42878">
        <v>14</v>
      </c>
      <c r="AI42878">
        <v>14</v>
      </c>
      <c r="AJ42878">
        <v>14</v>
      </c>
      <c r="AK42878">
        <v>14</v>
      </c>
      <c r="AL42878">
        <v>14</v>
      </c>
      <c r="AM42878">
        <v>14</v>
      </c>
      <c r="AN42878">
        <v>14</v>
      </c>
      <c r="AO42878">
        <v>14</v>
      </c>
      <c r="AP42878">
        <v>14</v>
      </c>
      <c r="AQ42878">
        <v>14</v>
      </c>
    </row>
    <row r="42879" spans="1:43">
      <c r="A42879" t="s">
        <v>26255</v>
      </c>
      <c r="B42879" t="s">
        <v>26256</v>
      </c>
      <c r="C42879" t="s">
        <v>15573</v>
      </c>
      <c r="D42879" t="s">
        <v>15574</v>
      </c>
      <c r="E42879" t="s">
        <v>15475</v>
      </c>
      <c r="F42879" t="s">
        <v>15476</v>
      </c>
      <c r="G42879" t="s">
        <v>10734</v>
      </c>
      <c r="H42879" t="s">
        <v>10735</v>
      </c>
      <c r="I42879" s="2">
        <v>1</v>
      </c>
      <c r="J42879" s="2">
        <v>0</v>
      </c>
      <c r="K42879" s="2">
        <v>0</v>
      </c>
      <c r="L42879" t="s">
        <v>120</v>
      </c>
      <c r="M42879" t="s">
        <v>87</v>
      </c>
      <c r="N42879" t="s">
        <v>88</v>
      </c>
      <c r="O42879" t="s">
        <v>85</v>
      </c>
      <c r="P42879" t="s">
        <v>86</v>
      </c>
      <c r="Q42879">
        <v>12</v>
      </c>
      <c r="R42879">
        <v>12</v>
      </c>
      <c r="S42879">
        <v>12</v>
      </c>
      <c r="T42879">
        <v>13</v>
      </c>
      <c r="U42879">
        <v>13</v>
      </c>
      <c r="V42879">
        <v>13</v>
      </c>
      <c r="W42879">
        <v>13</v>
      </c>
      <c r="X42879">
        <v>13</v>
      </c>
      <c r="Y42879">
        <v>13</v>
      </c>
      <c r="Z42879">
        <v>13</v>
      </c>
      <c r="AA42879">
        <v>13</v>
      </c>
      <c r="AB42879">
        <v>13</v>
      </c>
      <c r="AC42879">
        <v>13</v>
      </c>
      <c r="AD42879">
        <v>13</v>
      </c>
      <c r="AE42879">
        <v>13</v>
      </c>
      <c r="AF42879">
        <v>13</v>
      </c>
      <c r="AG42879">
        <v>13</v>
      </c>
      <c r="AH42879">
        <v>13</v>
      </c>
      <c r="AI42879">
        <v>13</v>
      </c>
      <c r="AJ42879">
        <v>13</v>
      </c>
      <c r="AK42879">
        <v>13</v>
      </c>
      <c r="AL42879">
        <v>13</v>
      </c>
      <c r="AM42879">
        <v>13</v>
      </c>
      <c r="AN42879">
        <v>13</v>
      </c>
      <c r="AO42879">
        <v>13</v>
      </c>
      <c r="AP42879">
        <v>13</v>
      </c>
      <c r="AQ42879">
        <v>13</v>
      </c>
    </row>
    <row r="42880" spans="1:43">
      <c r="A42880" t="s">
        <v>26255</v>
      </c>
      <c r="B42880" t="s">
        <v>26256</v>
      </c>
      <c r="C42880" t="s">
        <v>15573</v>
      </c>
      <c r="D42880" t="s">
        <v>15574</v>
      </c>
      <c r="E42880" t="s">
        <v>15475</v>
      </c>
      <c r="F42880" t="s">
        <v>15476</v>
      </c>
      <c r="G42880" t="s">
        <v>10734</v>
      </c>
      <c r="H42880" t="s">
        <v>10735</v>
      </c>
      <c r="I42880" s="2">
        <v>1</v>
      </c>
      <c r="J42880" s="2">
        <v>0</v>
      </c>
      <c r="K42880" s="2">
        <v>0</v>
      </c>
      <c r="L42880" t="s">
        <v>120</v>
      </c>
      <c r="M42880" t="s">
        <v>89</v>
      </c>
      <c r="N42880" t="s">
        <v>90</v>
      </c>
      <c r="O42880" t="s">
        <v>85</v>
      </c>
      <c r="P42880" t="s">
        <v>86</v>
      </c>
      <c r="Q42880">
        <v>12</v>
      </c>
      <c r="R42880">
        <v>12</v>
      </c>
      <c r="S42880">
        <v>12</v>
      </c>
      <c r="T42880">
        <v>12</v>
      </c>
      <c r="U42880">
        <v>13</v>
      </c>
      <c r="V42880">
        <v>13</v>
      </c>
      <c r="W42880">
        <v>13</v>
      </c>
      <c r="X42880">
        <v>13</v>
      </c>
      <c r="Y42880">
        <v>13</v>
      </c>
      <c r="Z42880">
        <v>14</v>
      </c>
      <c r="AA42880">
        <v>14</v>
      </c>
      <c r="AB42880">
        <v>14</v>
      </c>
      <c r="AC42880">
        <v>14</v>
      </c>
      <c r="AD42880">
        <v>14</v>
      </c>
      <c r="AE42880">
        <v>14</v>
      </c>
      <c r="AF42880">
        <v>14</v>
      </c>
      <c r="AG42880">
        <v>14</v>
      </c>
      <c r="AH42880">
        <v>14</v>
      </c>
      <c r="AI42880">
        <v>14</v>
      </c>
      <c r="AJ42880">
        <v>14</v>
      </c>
      <c r="AK42880">
        <v>14</v>
      </c>
      <c r="AL42880">
        <v>14</v>
      </c>
      <c r="AM42880">
        <v>14</v>
      </c>
      <c r="AN42880">
        <v>14</v>
      </c>
      <c r="AO42880">
        <v>14</v>
      </c>
      <c r="AP42880">
        <v>14</v>
      </c>
      <c r="AQ42880">
        <v>14</v>
      </c>
    </row>
    <row r="42881" spans="1:43">
      <c r="A42881" t="s">
        <v>26255</v>
      </c>
      <c r="B42881" t="s">
        <v>26256</v>
      </c>
      <c r="C42881" t="s">
        <v>15573</v>
      </c>
      <c r="D42881" t="s">
        <v>15574</v>
      </c>
      <c r="E42881" t="s">
        <v>15475</v>
      </c>
      <c r="F42881" t="s">
        <v>15476</v>
      </c>
      <c r="G42881" t="s">
        <v>10734</v>
      </c>
      <c r="H42881" t="s">
        <v>10735</v>
      </c>
      <c r="I42881" s="2">
        <v>1</v>
      </c>
      <c r="J42881" s="2">
        <v>0</v>
      </c>
      <c r="K42881" s="2">
        <v>0</v>
      </c>
      <c r="L42881" t="s">
        <v>120</v>
      </c>
      <c r="M42881" t="s">
        <v>83</v>
      </c>
      <c r="N42881" t="s">
        <v>91</v>
      </c>
      <c r="O42881" t="s">
        <v>85</v>
      </c>
      <c r="P42881" t="s">
        <v>86</v>
      </c>
      <c r="Q42881">
        <v>12</v>
      </c>
      <c r="R42881">
        <v>12</v>
      </c>
      <c r="S42881">
        <v>12</v>
      </c>
      <c r="T42881">
        <v>12</v>
      </c>
      <c r="U42881">
        <v>12</v>
      </c>
      <c r="V42881">
        <v>12</v>
      </c>
      <c r="W42881">
        <v>12</v>
      </c>
      <c r="X42881">
        <v>13</v>
      </c>
      <c r="Y42881">
        <v>13</v>
      </c>
      <c r="Z42881">
        <v>13</v>
      </c>
      <c r="AA42881">
        <v>13</v>
      </c>
      <c r="AB42881">
        <v>13</v>
      </c>
      <c r="AC42881">
        <v>13</v>
      </c>
      <c r="AD42881">
        <v>13</v>
      </c>
      <c r="AE42881">
        <v>13</v>
      </c>
      <c r="AF42881">
        <v>14</v>
      </c>
      <c r="AG42881">
        <v>14</v>
      </c>
      <c r="AH42881">
        <v>14</v>
      </c>
      <c r="AI42881">
        <v>14</v>
      </c>
      <c r="AJ42881">
        <v>14</v>
      </c>
      <c r="AK42881">
        <v>14</v>
      </c>
      <c r="AL42881">
        <v>14</v>
      </c>
      <c r="AM42881">
        <v>14</v>
      </c>
      <c r="AN42881">
        <v>14</v>
      </c>
      <c r="AO42881">
        <v>14</v>
      </c>
      <c r="AP42881">
        <v>14</v>
      </c>
      <c r="AQ42881">
        <v>14</v>
      </c>
    </row>
    <row r="42882" spans="1:43">
      <c r="A42882" t="s">
        <v>26257</v>
      </c>
      <c r="B42882" t="s">
        <v>26258</v>
      </c>
      <c r="C42882" t="s">
        <v>15573</v>
      </c>
      <c r="D42882" t="s">
        <v>15574</v>
      </c>
      <c r="E42882" t="s">
        <v>15475</v>
      </c>
      <c r="F42882" t="s">
        <v>15476</v>
      </c>
      <c r="G42882" t="s">
        <v>10734</v>
      </c>
      <c r="H42882" t="s">
        <v>10735</v>
      </c>
      <c r="I42882" s="2">
        <v>1</v>
      </c>
      <c r="J42882" s="2">
        <v>0</v>
      </c>
      <c r="K42882" s="2">
        <v>0</v>
      </c>
      <c r="L42882" t="s">
        <v>120</v>
      </c>
      <c r="M42882" t="s">
        <v>83</v>
      </c>
      <c r="N42882" t="s">
        <v>84</v>
      </c>
      <c r="O42882" t="s">
        <v>85</v>
      </c>
      <c r="P42882" t="s">
        <v>86</v>
      </c>
      <c r="Q42882">
        <v>53</v>
      </c>
      <c r="R42882">
        <v>54</v>
      </c>
      <c r="S42882">
        <v>54</v>
      </c>
      <c r="T42882">
        <v>55</v>
      </c>
      <c r="U42882">
        <v>56</v>
      </c>
      <c r="V42882">
        <v>56</v>
      </c>
      <c r="W42882">
        <v>57</v>
      </c>
      <c r="X42882">
        <v>58</v>
      </c>
      <c r="Y42882">
        <v>58</v>
      </c>
      <c r="Z42882">
        <v>59</v>
      </c>
      <c r="AA42882">
        <v>60</v>
      </c>
      <c r="AB42882">
        <v>60</v>
      </c>
      <c r="AC42882">
        <v>61</v>
      </c>
      <c r="AD42882">
        <v>61</v>
      </c>
      <c r="AE42882">
        <v>62</v>
      </c>
      <c r="AF42882">
        <v>63</v>
      </c>
      <c r="AG42882">
        <v>63</v>
      </c>
      <c r="AH42882">
        <v>64</v>
      </c>
      <c r="AI42882">
        <v>64</v>
      </c>
      <c r="AJ42882">
        <v>65</v>
      </c>
      <c r="AK42882">
        <v>66</v>
      </c>
      <c r="AL42882">
        <v>66</v>
      </c>
      <c r="AM42882">
        <v>66</v>
      </c>
      <c r="AN42882">
        <v>66</v>
      </c>
      <c r="AO42882">
        <v>66</v>
      </c>
      <c r="AP42882">
        <v>66</v>
      </c>
      <c r="AQ42882">
        <v>66</v>
      </c>
    </row>
    <row r="42883" spans="1:43">
      <c r="A42883" t="s">
        <v>26257</v>
      </c>
      <c r="B42883" t="s">
        <v>26258</v>
      </c>
      <c r="C42883" t="s">
        <v>15573</v>
      </c>
      <c r="D42883" t="s">
        <v>15574</v>
      </c>
      <c r="E42883" t="s">
        <v>15475</v>
      </c>
      <c r="F42883" t="s">
        <v>15476</v>
      </c>
      <c r="G42883" t="s">
        <v>10734</v>
      </c>
      <c r="H42883" t="s">
        <v>10735</v>
      </c>
      <c r="I42883" s="2">
        <v>1</v>
      </c>
      <c r="J42883" s="2">
        <v>0</v>
      </c>
      <c r="K42883" s="2">
        <v>0</v>
      </c>
      <c r="L42883" t="s">
        <v>120</v>
      </c>
      <c r="M42883" t="s">
        <v>87</v>
      </c>
      <c r="N42883" t="s">
        <v>88</v>
      </c>
      <c r="O42883" t="s">
        <v>85</v>
      </c>
      <c r="P42883" t="s">
        <v>86</v>
      </c>
      <c r="Q42883">
        <v>53</v>
      </c>
      <c r="R42883">
        <v>54</v>
      </c>
      <c r="S42883">
        <v>54</v>
      </c>
      <c r="T42883">
        <v>54</v>
      </c>
      <c r="U42883">
        <v>54</v>
      </c>
      <c r="V42883">
        <v>54</v>
      </c>
      <c r="W42883">
        <v>55</v>
      </c>
      <c r="X42883">
        <v>55</v>
      </c>
      <c r="Y42883">
        <v>55</v>
      </c>
      <c r="Z42883">
        <v>55</v>
      </c>
      <c r="AA42883">
        <v>55</v>
      </c>
      <c r="AB42883">
        <v>56</v>
      </c>
      <c r="AC42883">
        <v>56</v>
      </c>
      <c r="AD42883">
        <v>56</v>
      </c>
      <c r="AE42883">
        <v>56</v>
      </c>
      <c r="AF42883">
        <v>56</v>
      </c>
      <c r="AG42883">
        <v>57</v>
      </c>
      <c r="AH42883">
        <v>57</v>
      </c>
      <c r="AI42883">
        <v>57</v>
      </c>
      <c r="AJ42883">
        <v>57</v>
      </c>
      <c r="AK42883">
        <v>57</v>
      </c>
      <c r="AL42883">
        <v>57</v>
      </c>
      <c r="AM42883">
        <v>58</v>
      </c>
      <c r="AN42883">
        <v>58</v>
      </c>
      <c r="AO42883">
        <v>58</v>
      </c>
      <c r="AP42883">
        <v>58</v>
      </c>
      <c r="AQ42883">
        <v>58</v>
      </c>
    </row>
    <row r="42884" spans="1:43">
      <c r="A42884" t="s">
        <v>26257</v>
      </c>
      <c r="B42884" t="s">
        <v>26258</v>
      </c>
      <c r="C42884" t="s">
        <v>15573</v>
      </c>
      <c r="D42884" t="s">
        <v>15574</v>
      </c>
      <c r="E42884" t="s">
        <v>15475</v>
      </c>
      <c r="F42884" t="s">
        <v>15476</v>
      </c>
      <c r="G42884" t="s">
        <v>10734</v>
      </c>
      <c r="H42884" t="s">
        <v>10735</v>
      </c>
      <c r="I42884" s="2">
        <v>1</v>
      </c>
      <c r="J42884" s="2">
        <v>0</v>
      </c>
      <c r="K42884" s="2">
        <v>0</v>
      </c>
      <c r="L42884" t="s">
        <v>120</v>
      </c>
      <c r="M42884" t="s">
        <v>89</v>
      </c>
      <c r="N42884" t="s">
        <v>90</v>
      </c>
      <c r="O42884" t="s">
        <v>85</v>
      </c>
      <c r="P42884" t="s">
        <v>86</v>
      </c>
      <c r="Q42884">
        <v>53</v>
      </c>
      <c r="R42884">
        <v>55</v>
      </c>
      <c r="S42884">
        <v>56</v>
      </c>
      <c r="T42884">
        <v>57</v>
      </c>
      <c r="U42884">
        <v>58</v>
      </c>
      <c r="V42884">
        <v>59</v>
      </c>
      <c r="W42884">
        <v>60</v>
      </c>
      <c r="X42884">
        <v>61</v>
      </c>
      <c r="Y42884">
        <v>62</v>
      </c>
      <c r="Z42884">
        <v>63</v>
      </c>
      <c r="AA42884">
        <v>63</v>
      </c>
      <c r="AB42884">
        <v>64</v>
      </c>
      <c r="AC42884">
        <v>65</v>
      </c>
      <c r="AD42884">
        <v>66</v>
      </c>
      <c r="AE42884">
        <v>67</v>
      </c>
      <c r="AF42884">
        <v>67</v>
      </c>
      <c r="AG42884">
        <v>67</v>
      </c>
      <c r="AH42884">
        <v>67</v>
      </c>
      <c r="AI42884">
        <v>67</v>
      </c>
      <c r="AJ42884">
        <v>67</v>
      </c>
      <c r="AK42884">
        <v>67</v>
      </c>
      <c r="AL42884">
        <v>67</v>
      </c>
      <c r="AM42884">
        <v>67</v>
      </c>
      <c r="AN42884">
        <v>67</v>
      </c>
      <c r="AO42884">
        <v>67</v>
      </c>
      <c r="AP42884">
        <v>67</v>
      </c>
      <c r="AQ42884">
        <v>67</v>
      </c>
    </row>
    <row r="42885" spans="1:43">
      <c r="A42885" t="s">
        <v>26257</v>
      </c>
      <c r="B42885" t="s">
        <v>26258</v>
      </c>
      <c r="C42885" t="s">
        <v>15573</v>
      </c>
      <c r="D42885" t="s">
        <v>15574</v>
      </c>
      <c r="E42885" t="s">
        <v>15475</v>
      </c>
      <c r="F42885" t="s">
        <v>15476</v>
      </c>
      <c r="G42885" t="s">
        <v>10734</v>
      </c>
      <c r="H42885" t="s">
        <v>10735</v>
      </c>
      <c r="I42885" s="2">
        <v>1</v>
      </c>
      <c r="J42885" s="2">
        <v>0</v>
      </c>
      <c r="K42885" s="2">
        <v>0</v>
      </c>
      <c r="L42885" t="s">
        <v>120</v>
      </c>
      <c r="M42885" t="s">
        <v>83</v>
      </c>
      <c r="N42885" t="s">
        <v>91</v>
      </c>
      <c r="O42885" t="s">
        <v>85</v>
      </c>
      <c r="P42885" t="s">
        <v>86</v>
      </c>
      <c r="Q42885">
        <v>53</v>
      </c>
      <c r="R42885">
        <v>54</v>
      </c>
      <c r="S42885">
        <v>54</v>
      </c>
      <c r="T42885">
        <v>55</v>
      </c>
      <c r="U42885">
        <v>56</v>
      </c>
      <c r="V42885">
        <v>56</v>
      </c>
      <c r="W42885">
        <v>57</v>
      </c>
      <c r="X42885">
        <v>58</v>
      </c>
      <c r="Y42885">
        <v>58</v>
      </c>
      <c r="Z42885">
        <v>59</v>
      </c>
      <c r="AA42885">
        <v>60</v>
      </c>
      <c r="AB42885">
        <v>60</v>
      </c>
      <c r="AC42885">
        <v>61</v>
      </c>
      <c r="AD42885">
        <v>61</v>
      </c>
      <c r="AE42885">
        <v>62</v>
      </c>
      <c r="AF42885">
        <v>63</v>
      </c>
      <c r="AG42885">
        <v>63</v>
      </c>
      <c r="AH42885">
        <v>64</v>
      </c>
      <c r="AI42885">
        <v>64</v>
      </c>
      <c r="AJ42885">
        <v>65</v>
      </c>
      <c r="AK42885">
        <v>66</v>
      </c>
      <c r="AL42885">
        <v>66</v>
      </c>
      <c r="AM42885">
        <v>66</v>
      </c>
      <c r="AN42885">
        <v>66</v>
      </c>
      <c r="AO42885">
        <v>66</v>
      </c>
      <c r="AP42885">
        <v>66</v>
      </c>
      <c r="AQ42885">
        <v>66</v>
      </c>
    </row>
    <row r="42886" spans="1:43">
      <c r="A42886" t="s">
        <v>26259</v>
      </c>
      <c r="B42886" t="s">
        <v>26260</v>
      </c>
      <c r="C42886" t="s">
        <v>15573</v>
      </c>
      <c r="D42886" t="s">
        <v>15574</v>
      </c>
      <c r="E42886" t="s">
        <v>15475</v>
      </c>
      <c r="F42886" t="s">
        <v>15476</v>
      </c>
      <c r="G42886" t="s">
        <v>10734</v>
      </c>
      <c r="H42886" t="s">
        <v>10735</v>
      </c>
      <c r="I42886" s="2">
        <v>1</v>
      </c>
      <c r="J42886" s="2">
        <v>0</v>
      </c>
      <c r="K42886" s="2">
        <v>0</v>
      </c>
      <c r="L42886" t="s">
        <v>120</v>
      </c>
      <c r="M42886" t="s">
        <v>83</v>
      </c>
      <c r="N42886" t="s">
        <v>84</v>
      </c>
      <c r="O42886" t="s">
        <v>85</v>
      </c>
      <c r="P42886" t="s">
        <v>86</v>
      </c>
      <c r="Q42886">
        <v>27</v>
      </c>
      <c r="R42886">
        <v>28</v>
      </c>
      <c r="S42886">
        <v>28</v>
      </c>
      <c r="T42886">
        <v>29</v>
      </c>
      <c r="U42886">
        <v>29</v>
      </c>
      <c r="V42886">
        <v>29</v>
      </c>
      <c r="W42886">
        <v>30</v>
      </c>
      <c r="X42886">
        <v>30</v>
      </c>
      <c r="Y42886">
        <v>30</v>
      </c>
      <c r="Z42886">
        <v>31</v>
      </c>
      <c r="AA42886">
        <v>31</v>
      </c>
      <c r="AB42886">
        <v>31</v>
      </c>
      <c r="AC42886">
        <v>32</v>
      </c>
      <c r="AD42886">
        <v>32</v>
      </c>
      <c r="AE42886">
        <v>32</v>
      </c>
      <c r="AF42886">
        <v>33</v>
      </c>
      <c r="AG42886">
        <v>33</v>
      </c>
      <c r="AH42886">
        <v>33</v>
      </c>
      <c r="AI42886">
        <v>33</v>
      </c>
      <c r="AJ42886">
        <v>34</v>
      </c>
      <c r="AK42886">
        <v>34</v>
      </c>
      <c r="AL42886">
        <v>34</v>
      </c>
      <c r="AM42886">
        <v>34</v>
      </c>
      <c r="AN42886">
        <v>34</v>
      </c>
      <c r="AO42886">
        <v>34</v>
      </c>
      <c r="AP42886">
        <v>34</v>
      </c>
      <c r="AQ42886">
        <v>34</v>
      </c>
    </row>
    <row r="42887" spans="1:43">
      <c r="A42887" t="s">
        <v>26259</v>
      </c>
      <c r="B42887" t="s">
        <v>26260</v>
      </c>
      <c r="C42887" t="s">
        <v>15573</v>
      </c>
      <c r="D42887" t="s">
        <v>15574</v>
      </c>
      <c r="E42887" t="s">
        <v>15475</v>
      </c>
      <c r="F42887" t="s">
        <v>15476</v>
      </c>
      <c r="G42887" t="s">
        <v>10734</v>
      </c>
      <c r="H42887" t="s">
        <v>10735</v>
      </c>
      <c r="I42887" s="2">
        <v>1</v>
      </c>
      <c r="J42887" s="2">
        <v>0</v>
      </c>
      <c r="K42887" s="2">
        <v>0</v>
      </c>
      <c r="L42887" t="s">
        <v>120</v>
      </c>
      <c r="M42887" t="s">
        <v>87</v>
      </c>
      <c r="N42887" t="s">
        <v>88</v>
      </c>
      <c r="O42887" t="s">
        <v>85</v>
      </c>
      <c r="P42887" t="s">
        <v>86</v>
      </c>
      <c r="Q42887">
        <v>27</v>
      </c>
      <c r="R42887">
        <v>27</v>
      </c>
      <c r="S42887">
        <v>27</v>
      </c>
      <c r="T42887">
        <v>28</v>
      </c>
      <c r="U42887">
        <v>28</v>
      </c>
      <c r="V42887">
        <v>28</v>
      </c>
      <c r="W42887">
        <v>28</v>
      </c>
      <c r="X42887">
        <v>28</v>
      </c>
      <c r="Y42887">
        <v>28</v>
      </c>
      <c r="Z42887">
        <v>28</v>
      </c>
      <c r="AA42887">
        <v>28</v>
      </c>
      <c r="AB42887">
        <v>28</v>
      </c>
      <c r="AC42887">
        <v>28</v>
      </c>
      <c r="AD42887">
        <v>29</v>
      </c>
      <c r="AE42887">
        <v>29</v>
      </c>
      <c r="AF42887">
        <v>29</v>
      </c>
      <c r="AG42887">
        <v>29</v>
      </c>
      <c r="AH42887">
        <v>29</v>
      </c>
      <c r="AI42887">
        <v>29</v>
      </c>
      <c r="AJ42887">
        <v>29</v>
      </c>
      <c r="AK42887">
        <v>29</v>
      </c>
      <c r="AL42887">
        <v>29</v>
      </c>
      <c r="AM42887">
        <v>29</v>
      </c>
      <c r="AN42887">
        <v>29</v>
      </c>
      <c r="AO42887">
        <v>30</v>
      </c>
      <c r="AP42887">
        <v>30</v>
      </c>
      <c r="AQ42887">
        <v>30</v>
      </c>
    </row>
    <row r="42888" spans="1:43">
      <c r="A42888" t="s">
        <v>26259</v>
      </c>
      <c r="B42888" t="s">
        <v>26260</v>
      </c>
      <c r="C42888" t="s">
        <v>15573</v>
      </c>
      <c r="D42888" t="s">
        <v>15574</v>
      </c>
      <c r="E42888" t="s">
        <v>15475</v>
      </c>
      <c r="F42888" t="s">
        <v>15476</v>
      </c>
      <c r="G42888" t="s">
        <v>10734</v>
      </c>
      <c r="H42888" t="s">
        <v>10735</v>
      </c>
      <c r="I42888" s="2">
        <v>1</v>
      </c>
      <c r="J42888" s="2">
        <v>0</v>
      </c>
      <c r="K42888" s="2">
        <v>0</v>
      </c>
      <c r="L42888" t="s">
        <v>120</v>
      </c>
      <c r="M42888" t="s">
        <v>89</v>
      </c>
      <c r="N42888" t="s">
        <v>90</v>
      </c>
      <c r="O42888" t="s">
        <v>85</v>
      </c>
      <c r="P42888" t="s">
        <v>86</v>
      </c>
      <c r="Q42888">
        <v>27</v>
      </c>
      <c r="R42888">
        <v>27</v>
      </c>
      <c r="S42888">
        <v>28</v>
      </c>
      <c r="T42888">
        <v>28</v>
      </c>
      <c r="U42888">
        <v>29</v>
      </c>
      <c r="V42888">
        <v>30</v>
      </c>
      <c r="W42888">
        <v>30</v>
      </c>
      <c r="X42888">
        <v>31</v>
      </c>
      <c r="Y42888">
        <v>31</v>
      </c>
      <c r="Z42888">
        <v>31</v>
      </c>
      <c r="AA42888">
        <v>32</v>
      </c>
      <c r="AB42888">
        <v>32</v>
      </c>
      <c r="AC42888">
        <v>33</v>
      </c>
      <c r="AD42888">
        <v>33</v>
      </c>
      <c r="AE42888">
        <v>34</v>
      </c>
      <c r="AF42888">
        <v>34</v>
      </c>
      <c r="AG42888">
        <v>34</v>
      </c>
      <c r="AH42888">
        <v>34</v>
      </c>
      <c r="AI42888">
        <v>34</v>
      </c>
      <c r="AJ42888">
        <v>34</v>
      </c>
      <c r="AK42888">
        <v>34</v>
      </c>
      <c r="AL42888">
        <v>34</v>
      </c>
      <c r="AM42888">
        <v>34</v>
      </c>
      <c r="AN42888">
        <v>34</v>
      </c>
      <c r="AO42888">
        <v>34</v>
      </c>
      <c r="AP42888">
        <v>34</v>
      </c>
      <c r="AQ42888">
        <v>34</v>
      </c>
    </row>
    <row r="42889" spans="1:43">
      <c r="A42889" t="s">
        <v>26259</v>
      </c>
      <c r="B42889" t="s">
        <v>26260</v>
      </c>
      <c r="C42889" t="s">
        <v>15573</v>
      </c>
      <c r="D42889" t="s">
        <v>15574</v>
      </c>
      <c r="E42889" t="s">
        <v>15475</v>
      </c>
      <c r="F42889" t="s">
        <v>15476</v>
      </c>
      <c r="G42889" t="s">
        <v>10734</v>
      </c>
      <c r="H42889" t="s">
        <v>10735</v>
      </c>
      <c r="I42889" s="2">
        <v>1</v>
      </c>
      <c r="J42889" s="2">
        <v>0</v>
      </c>
      <c r="K42889" s="2">
        <v>0</v>
      </c>
      <c r="L42889" t="s">
        <v>120</v>
      </c>
      <c r="M42889" t="s">
        <v>83</v>
      </c>
      <c r="N42889" t="s">
        <v>91</v>
      </c>
      <c r="O42889" t="s">
        <v>85</v>
      </c>
      <c r="P42889" t="s">
        <v>86</v>
      </c>
      <c r="Q42889">
        <v>27</v>
      </c>
      <c r="R42889">
        <v>28</v>
      </c>
      <c r="S42889">
        <v>28</v>
      </c>
      <c r="T42889">
        <v>29</v>
      </c>
      <c r="U42889">
        <v>29</v>
      </c>
      <c r="V42889">
        <v>29</v>
      </c>
      <c r="W42889">
        <v>30</v>
      </c>
      <c r="X42889">
        <v>30</v>
      </c>
      <c r="Y42889">
        <v>30</v>
      </c>
      <c r="Z42889">
        <v>31</v>
      </c>
      <c r="AA42889">
        <v>31</v>
      </c>
      <c r="AB42889">
        <v>31</v>
      </c>
      <c r="AC42889">
        <v>32</v>
      </c>
      <c r="AD42889">
        <v>32</v>
      </c>
      <c r="AE42889">
        <v>32</v>
      </c>
      <c r="AF42889">
        <v>33</v>
      </c>
      <c r="AG42889">
        <v>33</v>
      </c>
      <c r="AH42889">
        <v>33</v>
      </c>
      <c r="AI42889">
        <v>33</v>
      </c>
      <c r="AJ42889">
        <v>34</v>
      </c>
      <c r="AK42889">
        <v>34</v>
      </c>
      <c r="AL42889">
        <v>34</v>
      </c>
      <c r="AM42889">
        <v>34</v>
      </c>
      <c r="AN42889">
        <v>34</v>
      </c>
      <c r="AO42889">
        <v>34</v>
      </c>
      <c r="AP42889">
        <v>34</v>
      </c>
      <c r="AQ42889">
        <v>34</v>
      </c>
    </row>
    <row r="42890" spans="1:43">
      <c r="A42890" t="s">
        <v>26261</v>
      </c>
      <c r="B42890" t="s">
        <v>26262</v>
      </c>
      <c r="C42890" t="s">
        <v>15631</v>
      </c>
      <c r="D42890" t="s">
        <v>15632</v>
      </c>
      <c r="E42890" t="s">
        <v>15475</v>
      </c>
      <c r="F42890" t="s">
        <v>15476</v>
      </c>
      <c r="G42890" t="s">
        <v>10734</v>
      </c>
      <c r="H42890" t="s">
        <v>10735</v>
      </c>
      <c r="I42890" s="2">
        <v>1</v>
      </c>
      <c r="J42890" s="2">
        <v>0</v>
      </c>
      <c r="K42890" s="2">
        <v>0</v>
      </c>
      <c r="L42890" t="s">
        <v>120</v>
      </c>
      <c r="M42890" t="s">
        <v>83</v>
      </c>
      <c r="N42890" t="s">
        <v>84</v>
      </c>
      <c r="O42890" t="s">
        <v>85</v>
      </c>
      <c r="P42890" t="s">
        <v>86</v>
      </c>
      <c r="Q42890">
        <v>8</v>
      </c>
      <c r="R42890">
        <v>8</v>
      </c>
      <c r="S42890">
        <v>8</v>
      </c>
      <c r="T42890">
        <v>8</v>
      </c>
      <c r="U42890">
        <v>8</v>
      </c>
      <c r="V42890">
        <v>9</v>
      </c>
      <c r="W42890">
        <v>9</v>
      </c>
      <c r="X42890">
        <v>9</v>
      </c>
      <c r="Y42890">
        <v>9</v>
      </c>
      <c r="Z42890">
        <v>9</v>
      </c>
      <c r="AA42890">
        <v>9</v>
      </c>
      <c r="AB42890">
        <v>9</v>
      </c>
      <c r="AC42890">
        <v>9</v>
      </c>
      <c r="AD42890">
        <v>9</v>
      </c>
      <c r="AE42890">
        <v>9</v>
      </c>
      <c r="AF42890">
        <v>9</v>
      </c>
      <c r="AG42890">
        <v>10</v>
      </c>
      <c r="AH42890">
        <v>10</v>
      </c>
      <c r="AI42890">
        <v>10</v>
      </c>
      <c r="AJ42890">
        <v>10</v>
      </c>
      <c r="AK42890">
        <v>10</v>
      </c>
      <c r="AL42890">
        <v>10</v>
      </c>
      <c r="AM42890">
        <v>10</v>
      </c>
      <c r="AN42890">
        <v>10</v>
      </c>
      <c r="AO42890">
        <v>10</v>
      </c>
      <c r="AP42890">
        <v>10</v>
      </c>
      <c r="AQ42890">
        <v>10</v>
      </c>
    </row>
    <row r="42891" spans="1:43">
      <c r="A42891" t="s">
        <v>26261</v>
      </c>
      <c r="B42891" t="s">
        <v>26262</v>
      </c>
      <c r="C42891" t="s">
        <v>15631</v>
      </c>
      <c r="D42891" t="s">
        <v>15632</v>
      </c>
      <c r="E42891" t="s">
        <v>15475</v>
      </c>
      <c r="F42891" t="s">
        <v>15476</v>
      </c>
      <c r="G42891" t="s">
        <v>10734</v>
      </c>
      <c r="H42891" t="s">
        <v>10735</v>
      </c>
      <c r="I42891" s="2">
        <v>1</v>
      </c>
      <c r="J42891" s="2">
        <v>0</v>
      </c>
      <c r="K42891" s="2">
        <v>0</v>
      </c>
      <c r="L42891" t="s">
        <v>120</v>
      </c>
      <c r="M42891" t="s">
        <v>87</v>
      </c>
      <c r="N42891" t="s">
        <v>88</v>
      </c>
      <c r="O42891" t="s">
        <v>85</v>
      </c>
      <c r="P42891" t="s">
        <v>86</v>
      </c>
      <c r="Q42891">
        <v>8</v>
      </c>
      <c r="R42891">
        <v>8</v>
      </c>
      <c r="S42891">
        <v>8</v>
      </c>
      <c r="T42891">
        <v>8</v>
      </c>
      <c r="U42891">
        <v>8</v>
      </c>
      <c r="V42891">
        <v>8</v>
      </c>
      <c r="W42891">
        <v>8</v>
      </c>
      <c r="X42891">
        <v>8</v>
      </c>
      <c r="Y42891">
        <v>8</v>
      </c>
      <c r="Z42891">
        <v>8</v>
      </c>
      <c r="AA42891">
        <v>8</v>
      </c>
      <c r="AB42891">
        <v>8</v>
      </c>
      <c r="AC42891">
        <v>8</v>
      </c>
      <c r="AD42891">
        <v>8</v>
      </c>
      <c r="AE42891">
        <v>8</v>
      </c>
      <c r="AF42891">
        <v>8</v>
      </c>
      <c r="AG42891">
        <v>8</v>
      </c>
      <c r="AH42891">
        <v>8</v>
      </c>
      <c r="AI42891">
        <v>8</v>
      </c>
      <c r="AJ42891">
        <v>9</v>
      </c>
      <c r="AK42891">
        <v>9</v>
      </c>
      <c r="AL42891">
        <v>9</v>
      </c>
      <c r="AM42891">
        <v>9</v>
      </c>
      <c r="AN42891">
        <v>9</v>
      </c>
      <c r="AO42891">
        <v>9</v>
      </c>
      <c r="AP42891">
        <v>9</v>
      </c>
      <c r="AQ42891">
        <v>9</v>
      </c>
    </row>
    <row r="42892" spans="1:43">
      <c r="A42892" t="s">
        <v>26261</v>
      </c>
      <c r="B42892" t="s">
        <v>26262</v>
      </c>
      <c r="C42892" t="s">
        <v>15631</v>
      </c>
      <c r="D42892" t="s">
        <v>15632</v>
      </c>
      <c r="E42892" t="s">
        <v>15475</v>
      </c>
      <c r="F42892" t="s">
        <v>15476</v>
      </c>
      <c r="G42892" t="s">
        <v>10734</v>
      </c>
      <c r="H42892" t="s">
        <v>10735</v>
      </c>
      <c r="I42892" s="2">
        <v>1</v>
      </c>
      <c r="J42892" s="2">
        <v>0</v>
      </c>
      <c r="K42892" s="2">
        <v>0</v>
      </c>
      <c r="L42892" t="s">
        <v>120</v>
      </c>
      <c r="M42892" t="s">
        <v>89</v>
      </c>
      <c r="N42892" t="s">
        <v>90</v>
      </c>
      <c r="O42892" t="s">
        <v>85</v>
      </c>
      <c r="P42892" t="s">
        <v>86</v>
      </c>
      <c r="Q42892">
        <v>8</v>
      </c>
      <c r="R42892">
        <v>8</v>
      </c>
      <c r="S42892">
        <v>8</v>
      </c>
      <c r="T42892">
        <v>9</v>
      </c>
      <c r="U42892">
        <v>9</v>
      </c>
      <c r="V42892">
        <v>9</v>
      </c>
      <c r="W42892">
        <v>9</v>
      </c>
      <c r="X42892">
        <v>9</v>
      </c>
      <c r="Y42892">
        <v>9</v>
      </c>
      <c r="Z42892">
        <v>9</v>
      </c>
      <c r="AA42892">
        <v>10</v>
      </c>
      <c r="AB42892">
        <v>10</v>
      </c>
      <c r="AC42892">
        <v>10</v>
      </c>
      <c r="AD42892">
        <v>10</v>
      </c>
      <c r="AE42892">
        <v>10</v>
      </c>
      <c r="AF42892">
        <v>10</v>
      </c>
      <c r="AG42892">
        <v>10</v>
      </c>
      <c r="AH42892">
        <v>10</v>
      </c>
      <c r="AI42892">
        <v>10</v>
      </c>
      <c r="AJ42892">
        <v>10</v>
      </c>
      <c r="AK42892">
        <v>10</v>
      </c>
      <c r="AL42892">
        <v>10</v>
      </c>
      <c r="AM42892">
        <v>10</v>
      </c>
      <c r="AN42892">
        <v>10</v>
      </c>
      <c r="AO42892">
        <v>10</v>
      </c>
      <c r="AP42892">
        <v>10</v>
      </c>
      <c r="AQ42892">
        <v>10</v>
      </c>
    </row>
    <row r="42893" spans="1:43">
      <c r="A42893" t="s">
        <v>26261</v>
      </c>
      <c r="B42893" t="s">
        <v>26262</v>
      </c>
      <c r="C42893" t="s">
        <v>15631</v>
      </c>
      <c r="D42893" t="s">
        <v>15632</v>
      </c>
      <c r="E42893" t="s">
        <v>15475</v>
      </c>
      <c r="F42893" t="s">
        <v>15476</v>
      </c>
      <c r="G42893" t="s">
        <v>10734</v>
      </c>
      <c r="H42893" t="s">
        <v>10735</v>
      </c>
      <c r="I42893" s="2">
        <v>1</v>
      </c>
      <c r="J42893" s="2">
        <v>0</v>
      </c>
      <c r="K42893" s="2">
        <v>0</v>
      </c>
      <c r="L42893" t="s">
        <v>120</v>
      </c>
      <c r="M42893" t="s">
        <v>83</v>
      </c>
      <c r="N42893" t="s">
        <v>91</v>
      </c>
      <c r="O42893" t="s">
        <v>85</v>
      </c>
      <c r="P42893" t="s">
        <v>86</v>
      </c>
      <c r="Q42893">
        <v>8</v>
      </c>
      <c r="R42893">
        <v>8</v>
      </c>
      <c r="S42893">
        <v>8</v>
      </c>
      <c r="T42893">
        <v>8</v>
      </c>
      <c r="U42893">
        <v>8</v>
      </c>
      <c r="V42893">
        <v>9</v>
      </c>
      <c r="W42893">
        <v>9</v>
      </c>
      <c r="X42893">
        <v>9</v>
      </c>
      <c r="Y42893">
        <v>9</v>
      </c>
      <c r="Z42893">
        <v>9</v>
      </c>
      <c r="AA42893">
        <v>9</v>
      </c>
      <c r="AB42893">
        <v>9</v>
      </c>
      <c r="AC42893">
        <v>9</v>
      </c>
      <c r="AD42893">
        <v>9</v>
      </c>
      <c r="AE42893">
        <v>9</v>
      </c>
      <c r="AF42893">
        <v>9</v>
      </c>
      <c r="AG42893">
        <v>10</v>
      </c>
      <c r="AH42893">
        <v>10</v>
      </c>
      <c r="AI42893">
        <v>10</v>
      </c>
      <c r="AJ42893">
        <v>10</v>
      </c>
      <c r="AK42893">
        <v>10</v>
      </c>
      <c r="AL42893">
        <v>10</v>
      </c>
      <c r="AM42893">
        <v>10</v>
      </c>
      <c r="AN42893">
        <v>10</v>
      </c>
      <c r="AO42893">
        <v>10</v>
      </c>
      <c r="AP42893">
        <v>10</v>
      </c>
      <c r="AQ42893">
        <v>10</v>
      </c>
    </row>
    <row r="42894" spans="1:43">
      <c r="A42894" t="s">
        <v>26263</v>
      </c>
      <c r="B42894" t="s">
        <v>26264</v>
      </c>
      <c r="C42894" t="s">
        <v>15631</v>
      </c>
      <c r="D42894" t="s">
        <v>15632</v>
      </c>
      <c r="E42894" t="s">
        <v>15475</v>
      </c>
      <c r="F42894" t="s">
        <v>15476</v>
      </c>
      <c r="G42894" t="s">
        <v>10734</v>
      </c>
      <c r="H42894" t="s">
        <v>10735</v>
      </c>
      <c r="I42894" s="2">
        <v>1</v>
      </c>
      <c r="J42894" s="2">
        <v>0</v>
      </c>
      <c r="K42894" s="2">
        <v>0</v>
      </c>
      <c r="L42894" t="s">
        <v>120</v>
      </c>
      <c r="M42894" t="s">
        <v>83</v>
      </c>
      <c r="N42894" t="s">
        <v>84</v>
      </c>
      <c r="O42894" t="s">
        <v>85</v>
      </c>
      <c r="P42894" t="s">
        <v>86</v>
      </c>
      <c r="Q42894">
        <v>2</v>
      </c>
      <c r="R42894">
        <v>2</v>
      </c>
      <c r="S42894">
        <v>2</v>
      </c>
      <c r="T42894">
        <v>2</v>
      </c>
      <c r="U42894">
        <v>2</v>
      </c>
      <c r="V42894">
        <v>2</v>
      </c>
      <c r="W42894">
        <v>2</v>
      </c>
      <c r="X42894">
        <v>2</v>
      </c>
      <c r="Y42894">
        <v>2</v>
      </c>
      <c r="Z42894">
        <v>2</v>
      </c>
      <c r="AA42894">
        <v>2</v>
      </c>
      <c r="AB42894">
        <v>2</v>
      </c>
      <c r="AC42894">
        <v>2</v>
      </c>
      <c r="AD42894">
        <v>2</v>
      </c>
      <c r="AE42894">
        <v>2</v>
      </c>
      <c r="AF42894">
        <v>2</v>
      </c>
      <c r="AG42894">
        <v>2</v>
      </c>
      <c r="AH42894">
        <v>2</v>
      </c>
      <c r="AI42894">
        <v>2</v>
      </c>
      <c r="AJ42894">
        <v>2</v>
      </c>
      <c r="AK42894">
        <v>2</v>
      </c>
      <c r="AL42894">
        <v>2</v>
      </c>
      <c r="AM42894">
        <v>2</v>
      </c>
      <c r="AN42894">
        <v>2</v>
      </c>
      <c r="AO42894">
        <v>2</v>
      </c>
      <c r="AP42894">
        <v>2</v>
      </c>
      <c r="AQ42894">
        <v>2</v>
      </c>
    </row>
    <row r="42895" spans="1:43">
      <c r="A42895" t="s">
        <v>26263</v>
      </c>
      <c r="B42895" t="s">
        <v>26264</v>
      </c>
      <c r="C42895" t="s">
        <v>15631</v>
      </c>
      <c r="D42895" t="s">
        <v>15632</v>
      </c>
      <c r="E42895" t="s">
        <v>15475</v>
      </c>
      <c r="F42895" t="s">
        <v>15476</v>
      </c>
      <c r="G42895" t="s">
        <v>10734</v>
      </c>
      <c r="H42895" t="s">
        <v>10735</v>
      </c>
      <c r="I42895" s="2">
        <v>1</v>
      </c>
      <c r="J42895" s="2">
        <v>0</v>
      </c>
      <c r="K42895" s="2">
        <v>0</v>
      </c>
      <c r="L42895" t="s">
        <v>120</v>
      </c>
      <c r="M42895" t="s">
        <v>87</v>
      </c>
      <c r="N42895" t="s">
        <v>88</v>
      </c>
      <c r="O42895" t="s">
        <v>85</v>
      </c>
      <c r="P42895" t="s">
        <v>86</v>
      </c>
      <c r="Q42895">
        <v>2</v>
      </c>
      <c r="R42895">
        <v>2</v>
      </c>
      <c r="S42895">
        <v>2</v>
      </c>
      <c r="T42895">
        <v>2</v>
      </c>
      <c r="U42895">
        <v>2</v>
      </c>
      <c r="V42895">
        <v>2</v>
      </c>
      <c r="W42895">
        <v>2</v>
      </c>
      <c r="X42895">
        <v>2</v>
      </c>
      <c r="Y42895">
        <v>2</v>
      </c>
      <c r="Z42895">
        <v>2</v>
      </c>
      <c r="AA42895">
        <v>2</v>
      </c>
      <c r="AB42895">
        <v>2</v>
      </c>
      <c r="AC42895">
        <v>2</v>
      </c>
      <c r="AD42895">
        <v>2</v>
      </c>
      <c r="AE42895">
        <v>2</v>
      </c>
      <c r="AF42895">
        <v>2</v>
      </c>
      <c r="AG42895">
        <v>2</v>
      </c>
      <c r="AH42895">
        <v>2</v>
      </c>
      <c r="AI42895">
        <v>2</v>
      </c>
      <c r="AJ42895">
        <v>2</v>
      </c>
      <c r="AK42895">
        <v>2</v>
      </c>
      <c r="AL42895">
        <v>2</v>
      </c>
      <c r="AM42895">
        <v>2</v>
      </c>
      <c r="AN42895">
        <v>2</v>
      </c>
      <c r="AO42895">
        <v>2</v>
      </c>
      <c r="AP42895">
        <v>2</v>
      </c>
      <c r="AQ42895">
        <v>2</v>
      </c>
    </row>
    <row r="42896" spans="1:43">
      <c r="A42896" t="s">
        <v>26263</v>
      </c>
      <c r="B42896" t="s">
        <v>26264</v>
      </c>
      <c r="C42896" t="s">
        <v>15631</v>
      </c>
      <c r="D42896" t="s">
        <v>15632</v>
      </c>
      <c r="E42896" t="s">
        <v>15475</v>
      </c>
      <c r="F42896" t="s">
        <v>15476</v>
      </c>
      <c r="G42896" t="s">
        <v>10734</v>
      </c>
      <c r="H42896" t="s">
        <v>10735</v>
      </c>
      <c r="I42896" s="2">
        <v>1</v>
      </c>
      <c r="J42896" s="2">
        <v>0</v>
      </c>
      <c r="K42896" s="2">
        <v>0</v>
      </c>
      <c r="L42896" t="s">
        <v>120</v>
      </c>
      <c r="M42896" t="s">
        <v>89</v>
      </c>
      <c r="N42896" t="s">
        <v>90</v>
      </c>
      <c r="O42896" t="s">
        <v>85</v>
      </c>
      <c r="P42896" t="s">
        <v>86</v>
      </c>
      <c r="Q42896">
        <v>2</v>
      </c>
      <c r="R42896">
        <v>2</v>
      </c>
      <c r="S42896">
        <v>2</v>
      </c>
      <c r="T42896">
        <v>2</v>
      </c>
      <c r="U42896">
        <v>2</v>
      </c>
      <c r="V42896">
        <v>2</v>
      </c>
      <c r="W42896">
        <v>2</v>
      </c>
      <c r="X42896">
        <v>2</v>
      </c>
      <c r="Y42896">
        <v>2</v>
      </c>
      <c r="Z42896">
        <v>2</v>
      </c>
      <c r="AA42896">
        <v>2</v>
      </c>
      <c r="AB42896">
        <v>2</v>
      </c>
      <c r="AC42896">
        <v>2</v>
      </c>
      <c r="AD42896">
        <v>2</v>
      </c>
      <c r="AE42896">
        <v>2</v>
      </c>
      <c r="AF42896">
        <v>2</v>
      </c>
      <c r="AG42896">
        <v>2</v>
      </c>
      <c r="AH42896">
        <v>2</v>
      </c>
      <c r="AI42896">
        <v>2</v>
      </c>
      <c r="AJ42896">
        <v>2</v>
      </c>
      <c r="AK42896">
        <v>2</v>
      </c>
      <c r="AL42896">
        <v>2</v>
      </c>
      <c r="AM42896">
        <v>2</v>
      </c>
      <c r="AN42896">
        <v>2</v>
      </c>
      <c r="AO42896">
        <v>2</v>
      </c>
      <c r="AP42896">
        <v>2</v>
      </c>
      <c r="AQ42896">
        <v>2</v>
      </c>
    </row>
    <row r="42897" spans="1:43">
      <c r="A42897" t="s">
        <v>26263</v>
      </c>
      <c r="B42897" t="s">
        <v>26264</v>
      </c>
      <c r="C42897" t="s">
        <v>15631</v>
      </c>
      <c r="D42897" t="s">
        <v>15632</v>
      </c>
      <c r="E42897" t="s">
        <v>15475</v>
      </c>
      <c r="F42897" t="s">
        <v>15476</v>
      </c>
      <c r="G42897" t="s">
        <v>10734</v>
      </c>
      <c r="H42897" t="s">
        <v>10735</v>
      </c>
      <c r="I42897" s="2">
        <v>1</v>
      </c>
      <c r="J42897" s="2">
        <v>0</v>
      </c>
      <c r="K42897" s="2">
        <v>0</v>
      </c>
      <c r="L42897" t="s">
        <v>120</v>
      </c>
      <c r="M42897" t="s">
        <v>83</v>
      </c>
      <c r="N42897" t="s">
        <v>91</v>
      </c>
      <c r="O42897" t="s">
        <v>85</v>
      </c>
      <c r="P42897" t="s">
        <v>86</v>
      </c>
      <c r="Q42897">
        <v>2</v>
      </c>
      <c r="R42897">
        <v>2</v>
      </c>
      <c r="S42897">
        <v>2</v>
      </c>
      <c r="T42897">
        <v>2</v>
      </c>
      <c r="U42897">
        <v>2</v>
      </c>
      <c r="V42897">
        <v>2</v>
      </c>
      <c r="W42897">
        <v>2</v>
      </c>
      <c r="X42897">
        <v>2</v>
      </c>
      <c r="Y42897">
        <v>2</v>
      </c>
      <c r="Z42897">
        <v>2</v>
      </c>
      <c r="AA42897">
        <v>2</v>
      </c>
      <c r="AB42897">
        <v>2</v>
      </c>
      <c r="AC42897">
        <v>2</v>
      </c>
      <c r="AD42897">
        <v>2</v>
      </c>
      <c r="AE42897">
        <v>2</v>
      </c>
      <c r="AF42897">
        <v>2</v>
      </c>
      <c r="AG42897">
        <v>2</v>
      </c>
      <c r="AH42897">
        <v>2</v>
      </c>
      <c r="AI42897">
        <v>2</v>
      </c>
      <c r="AJ42897">
        <v>2</v>
      </c>
      <c r="AK42897">
        <v>2</v>
      </c>
      <c r="AL42897">
        <v>2</v>
      </c>
      <c r="AM42897">
        <v>2</v>
      </c>
      <c r="AN42897">
        <v>2</v>
      </c>
      <c r="AO42897">
        <v>2</v>
      </c>
      <c r="AP42897">
        <v>2</v>
      </c>
      <c r="AQ42897">
        <v>2</v>
      </c>
    </row>
    <row r="42898" spans="1:43">
      <c r="A42898" t="s">
        <v>26265</v>
      </c>
      <c r="B42898" t="s">
        <v>26266</v>
      </c>
      <c r="C42898" t="s">
        <v>26267</v>
      </c>
      <c r="D42898" t="s">
        <v>26268</v>
      </c>
      <c r="E42898" t="s">
        <v>15475</v>
      </c>
      <c r="F42898" t="s">
        <v>15476</v>
      </c>
      <c r="G42898" t="s">
        <v>10734</v>
      </c>
      <c r="H42898" t="s">
        <v>10735</v>
      </c>
      <c r="I42898" s="2">
        <v>1</v>
      </c>
      <c r="J42898" s="2">
        <v>0</v>
      </c>
      <c r="K42898" s="2">
        <v>0</v>
      </c>
      <c r="L42898" t="s">
        <v>120</v>
      </c>
      <c r="M42898" t="s">
        <v>83</v>
      </c>
      <c r="N42898" t="s">
        <v>84</v>
      </c>
      <c r="O42898" t="s">
        <v>85</v>
      </c>
      <c r="P42898" t="s">
        <v>86</v>
      </c>
      <c r="Q42898">
        <v>16</v>
      </c>
      <c r="R42898">
        <v>16</v>
      </c>
      <c r="S42898">
        <v>17</v>
      </c>
      <c r="T42898">
        <v>17</v>
      </c>
      <c r="U42898">
        <v>17</v>
      </c>
      <c r="V42898">
        <v>17</v>
      </c>
      <c r="W42898">
        <v>17</v>
      </c>
      <c r="X42898">
        <v>18</v>
      </c>
      <c r="Y42898">
        <v>18</v>
      </c>
      <c r="Z42898">
        <v>18</v>
      </c>
      <c r="AA42898">
        <v>18</v>
      </c>
      <c r="AB42898">
        <v>18</v>
      </c>
      <c r="AC42898">
        <v>19</v>
      </c>
      <c r="AD42898">
        <v>19</v>
      </c>
      <c r="AE42898">
        <v>19</v>
      </c>
      <c r="AF42898">
        <v>19</v>
      </c>
      <c r="AG42898">
        <v>19</v>
      </c>
      <c r="AH42898">
        <v>20</v>
      </c>
      <c r="AI42898">
        <v>20</v>
      </c>
      <c r="AJ42898">
        <v>20</v>
      </c>
      <c r="AK42898">
        <v>20</v>
      </c>
      <c r="AL42898">
        <v>20</v>
      </c>
      <c r="AM42898">
        <v>20</v>
      </c>
      <c r="AN42898">
        <v>20</v>
      </c>
      <c r="AO42898">
        <v>20</v>
      </c>
      <c r="AP42898">
        <v>20</v>
      </c>
      <c r="AQ42898">
        <v>20</v>
      </c>
    </row>
    <row r="42899" spans="1:43">
      <c r="A42899" t="s">
        <v>26265</v>
      </c>
      <c r="B42899" t="s">
        <v>26266</v>
      </c>
      <c r="C42899" t="s">
        <v>26267</v>
      </c>
      <c r="D42899" t="s">
        <v>26268</v>
      </c>
      <c r="E42899" t="s">
        <v>15475</v>
      </c>
      <c r="F42899" t="s">
        <v>15476</v>
      </c>
      <c r="G42899" t="s">
        <v>10734</v>
      </c>
      <c r="H42899" t="s">
        <v>10735</v>
      </c>
      <c r="I42899" s="2">
        <v>1</v>
      </c>
      <c r="J42899" s="2">
        <v>0</v>
      </c>
      <c r="K42899" s="2">
        <v>0</v>
      </c>
      <c r="L42899" t="s">
        <v>120</v>
      </c>
      <c r="M42899" t="s">
        <v>87</v>
      </c>
      <c r="N42899" t="s">
        <v>88</v>
      </c>
      <c r="O42899" t="s">
        <v>85</v>
      </c>
      <c r="P42899" t="s">
        <v>86</v>
      </c>
      <c r="Q42899">
        <v>16</v>
      </c>
      <c r="R42899">
        <v>16</v>
      </c>
      <c r="S42899">
        <v>16</v>
      </c>
      <c r="T42899">
        <v>16</v>
      </c>
      <c r="U42899">
        <v>16</v>
      </c>
      <c r="V42899">
        <v>16</v>
      </c>
      <c r="W42899">
        <v>16</v>
      </c>
      <c r="X42899">
        <v>16</v>
      </c>
      <c r="Y42899">
        <v>17</v>
      </c>
      <c r="Z42899">
        <v>17</v>
      </c>
      <c r="AA42899">
        <v>17</v>
      </c>
      <c r="AB42899">
        <v>17</v>
      </c>
      <c r="AC42899">
        <v>17</v>
      </c>
      <c r="AD42899">
        <v>17</v>
      </c>
      <c r="AE42899">
        <v>17</v>
      </c>
      <c r="AF42899">
        <v>17</v>
      </c>
      <c r="AG42899">
        <v>17</v>
      </c>
      <c r="AH42899">
        <v>17</v>
      </c>
      <c r="AI42899">
        <v>17</v>
      </c>
      <c r="AJ42899">
        <v>17</v>
      </c>
      <c r="AK42899">
        <v>17</v>
      </c>
      <c r="AL42899">
        <v>17</v>
      </c>
      <c r="AM42899">
        <v>18</v>
      </c>
      <c r="AN42899">
        <v>18</v>
      </c>
      <c r="AO42899">
        <v>18</v>
      </c>
      <c r="AP42899">
        <v>18</v>
      </c>
      <c r="AQ42899">
        <v>18</v>
      </c>
    </row>
    <row r="42900" spans="1:43">
      <c r="A42900" t="s">
        <v>26265</v>
      </c>
      <c r="B42900" t="s">
        <v>26266</v>
      </c>
      <c r="C42900" t="s">
        <v>26267</v>
      </c>
      <c r="D42900" t="s">
        <v>26268</v>
      </c>
      <c r="E42900" t="s">
        <v>15475</v>
      </c>
      <c r="F42900" t="s">
        <v>15476</v>
      </c>
      <c r="G42900" t="s">
        <v>10734</v>
      </c>
      <c r="H42900" t="s">
        <v>10735</v>
      </c>
      <c r="I42900" s="2">
        <v>1</v>
      </c>
      <c r="J42900" s="2">
        <v>0</v>
      </c>
      <c r="K42900" s="2">
        <v>0</v>
      </c>
      <c r="L42900" t="s">
        <v>120</v>
      </c>
      <c r="M42900" t="s">
        <v>89</v>
      </c>
      <c r="N42900" t="s">
        <v>90</v>
      </c>
      <c r="O42900" t="s">
        <v>85</v>
      </c>
      <c r="P42900" t="s">
        <v>86</v>
      </c>
      <c r="Q42900">
        <v>16</v>
      </c>
      <c r="R42900">
        <v>17</v>
      </c>
      <c r="S42900">
        <v>17</v>
      </c>
      <c r="T42900">
        <v>17</v>
      </c>
      <c r="U42900">
        <v>18</v>
      </c>
      <c r="V42900">
        <v>18</v>
      </c>
      <c r="W42900">
        <v>18</v>
      </c>
      <c r="X42900">
        <v>19</v>
      </c>
      <c r="Y42900">
        <v>19</v>
      </c>
      <c r="Z42900">
        <v>19</v>
      </c>
      <c r="AA42900">
        <v>19</v>
      </c>
      <c r="AB42900">
        <v>20</v>
      </c>
      <c r="AC42900">
        <v>20</v>
      </c>
      <c r="AD42900">
        <v>20</v>
      </c>
      <c r="AE42900">
        <v>20</v>
      </c>
      <c r="AF42900">
        <v>20</v>
      </c>
      <c r="AG42900">
        <v>20</v>
      </c>
      <c r="AH42900">
        <v>20</v>
      </c>
      <c r="AI42900">
        <v>20</v>
      </c>
      <c r="AJ42900">
        <v>20</v>
      </c>
      <c r="AK42900">
        <v>20</v>
      </c>
      <c r="AL42900">
        <v>20</v>
      </c>
      <c r="AM42900">
        <v>20</v>
      </c>
      <c r="AN42900">
        <v>20</v>
      </c>
      <c r="AO42900">
        <v>20</v>
      </c>
      <c r="AP42900">
        <v>20</v>
      </c>
      <c r="AQ42900">
        <v>20</v>
      </c>
    </row>
    <row r="42901" spans="1:43">
      <c r="A42901" t="s">
        <v>26265</v>
      </c>
      <c r="B42901" t="s">
        <v>26266</v>
      </c>
      <c r="C42901" t="s">
        <v>26267</v>
      </c>
      <c r="D42901" t="s">
        <v>26268</v>
      </c>
      <c r="E42901" t="s">
        <v>15475</v>
      </c>
      <c r="F42901" t="s">
        <v>15476</v>
      </c>
      <c r="G42901" t="s">
        <v>10734</v>
      </c>
      <c r="H42901" t="s">
        <v>10735</v>
      </c>
      <c r="I42901" s="2">
        <v>1</v>
      </c>
      <c r="J42901" s="2">
        <v>0</v>
      </c>
      <c r="K42901" s="2">
        <v>0</v>
      </c>
      <c r="L42901" t="s">
        <v>120</v>
      </c>
      <c r="M42901" t="s">
        <v>83</v>
      </c>
      <c r="N42901" t="s">
        <v>91</v>
      </c>
      <c r="O42901" t="s">
        <v>85</v>
      </c>
      <c r="P42901" t="s">
        <v>86</v>
      </c>
      <c r="Q42901">
        <v>16</v>
      </c>
      <c r="R42901">
        <v>16</v>
      </c>
      <c r="S42901">
        <v>17</v>
      </c>
      <c r="T42901">
        <v>17</v>
      </c>
      <c r="U42901">
        <v>17</v>
      </c>
      <c r="V42901">
        <v>17</v>
      </c>
      <c r="W42901">
        <v>17</v>
      </c>
      <c r="X42901">
        <v>18</v>
      </c>
      <c r="Y42901">
        <v>18</v>
      </c>
      <c r="Z42901">
        <v>18</v>
      </c>
      <c r="AA42901">
        <v>18</v>
      </c>
      <c r="AB42901">
        <v>18</v>
      </c>
      <c r="AC42901">
        <v>19</v>
      </c>
      <c r="AD42901">
        <v>19</v>
      </c>
      <c r="AE42901">
        <v>19</v>
      </c>
      <c r="AF42901">
        <v>19</v>
      </c>
      <c r="AG42901">
        <v>19</v>
      </c>
      <c r="AH42901">
        <v>20</v>
      </c>
      <c r="AI42901">
        <v>20</v>
      </c>
      <c r="AJ42901">
        <v>20</v>
      </c>
      <c r="AK42901">
        <v>20</v>
      </c>
      <c r="AL42901">
        <v>20</v>
      </c>
      <c r="AM42901">
        <v>20</v>
      </c>
      <c r="AN42901">
        <v>20</v>
      </c>
      <c r="AO42901">
        <v>20</v>
      </c>
      <c r="AP42901">
        <v>20</v>
      </c>
      <c r="AQ42901">
        <v>20</v>
      </c>
    </row>
    <row r="42902" spans="1:43">
      <c r="A42902" t="s">
        <v>26269</v>
      </c>
      <c r="B42902" t="s">
        <v>26270</v>
      </c>
      <c r="C42902" t="s">
        <v>26267</v>
      </c>
      <c r="D42902" t="s">
        <v>26268</v>
      </c>
      <c r="E42902" t="s">
        <v>15475</v>
      </c>
      <c r="F42902" t="s">
        <v>15476</v>
      </c>
      <c r="G42902" t="s">
        <v>10734</v>
      </c>
      <c r="H42902" t="s">
        <v>10735</v>
      </c>
      <c r="I42902" s="2">
        <v>1</v>
      </c>
      <c r="J42902" s="2">
        <v>0</v>
      </c>
      <c r="K42902" s="2">
        <v>0</v>
      </c>
      <c r="L42902" t="s">
        <v>120</v>
      </c>
      <c r="M42902" t="s">
        <v>83</v>
      </c>
      <c r="N42902" t="s">
        <v>84</v>
      </c>
      <c r="O42902" t="s">
        <v>85</v>
      </c>
      <c r="P42902" t="s">
        <v>86</v>
      </c>
      <c r="Q42902">
        <v>21</v>
      </c>
      <c r="R42902">
        <v>22</v>
      </c>
      <c r="S42902">
        <v>22</v>
      </c>
      <c r="T42902">
        <v>22</v>
      </c>
      <c r="U42902">
        <v>22</v>
      </c>
      <c r="V42902">
        <v>23</v>
      </c>
      <c r="W42902">
        <v>23</v>
      </c>
      <c r="X42902">
        <v>23</v>
      </c>
      <c r="Y42902">
        <v>24</v>
      </c>
      <c r="Z42902">
        <v>24</v>
      </c>
      <c r="AA42902">
        <v>24</v>
      </c>
      <c r="AB42902">
        <v>24</v>
      </c>
      <c r="AC42902">
        <v>25</v>
      </c>
      <c r="AD42902">
        <v>25</v>
      </c>
      <c r="AE42902">
        <v>25</v>
      </c>
      <c r="AF42902">
        <v>25</v>
      </c>
      <c r="AG42902">
        <v>25</v>
      </c>
      <c r="AH42902">
        <v>26</v>
      </c>
      <c r="AI42902">
        <v>26</v>
      </c>
      <c r="AJ42902">
        <v>26</v>
      </c>
      <c r="AK42902">
        <v>26</v>
      </c>
      <c r="AL42902">
        <v>26</v>
      </c>
      <c r="AM42902">
        <v>26</v>
      </c>
      <c r="AN42902">
        <v>26</v>
      </c>
      <c r="AO42902">
        <v>26</v>
      </c>
      <c r="AP42902">
        <v>26</v>
      </c>
      <c r="AQ42902">
        <v>26</v>
      </c>
    </row>
    <row r="42903" spans="1:43">
      <c r="A42903" t="s">
        <v>26269</v>
      </c>
      <c r="B42903" t="s">
        <v>26270</v>
      </c>
      <c r="C42903" t="s">
        <v>26267</v>
      </c>
      <c r="D42903" t="s">
        <v>26268</v>
      </c>
      <c r="E42903" t="s">
        <v>15475</v>
      </c>
      <c r="F42903" t="s">
        <v>15476</v>
      </c>
      <c r="G42903" t="s">
        <v>10734</v>
      </c>
      <c r="H42903" t="s">
        <v>10735</v>
      </c>
      <c r="I42903" s="2">
        <v>1</v>
      </c>
      <c r="J42903" s="2">
        <v>0</v>
      </c>
      <c r="K42903" s="2">
        <v>0</v>
      </c>
      <c r="L42903" t="s">
        <v>120</v>
      </c>
      <c r="M42903" t="s">
        <v>87</v>
      </c>
      <c r="N42903" t="s">
        <v>88</v>
      </c>
      <c r="O42903" t="s">
        <v>85</v>
      </c>
      <c r="P42903" t="s">
        <v>86</v>
      </c>
      <c r="Q42903">
        <v>21</v>
      </c>
      <c r="R42903">
        <v>21</v>
      </c>
      <c r="S42903">
        <v>21</v>
      </c>
      <c r="T42903">
        <v>21</v>
      </c>
      <c r="U42903">
        <v>21</v>
      </c>
      <c r="V42903">
        <v>22</v>
      </c>
      <c r="W42903">
        <v>22</v>
      </c>
      <c r="X42903">
        <v>22</v>
      </c>
      <c r="Y42903">
        <v>22</v>
      </c>
      <c r="Z42903">
        <v>22</v>
      </c>
      <c r="AA42903">
        <v>22</v>
      </c>
      <c r="AB42903">
        <v>22</v>
      </c>
      <c r="AC42903">
        <v>22</v>
      </c>
      <c r="AD42903">
        <v>22</v>
      </c>
      <c r="AE42903">
        <v>22</v>
      </c>
      <c r="AF42903">
        <v>22</v>
      </c>
      <c r="AG42903">
        <v>23</v>
      </c>
      <c r="AH42903">
        <v>23</v>
      </c>
      <c r="AI42903">
        <v>23</v>
      </c>
      <c r="AJ42903">
        <v>23</v>
      </c>
      <c r="AK42903">
        <v>23</v>
      </c>
      <c r="AL42903">
        <v>23</v>
      </c>
      <c r="AM42903">
        <v>23</v>
      </c>
      <c r="AN42903">
        <v>23</v>
      </c>
      <c r="AO42903">
        <v>23</v>
      </c>
      <c r="AP42903">
        <v>23</v>
      </c>
      <c r="AQ42903">
        <v>23</v>
      </c>
    </row>
    <row r="42904" spans="1:43">
      <c r="A42904" t="s">
        <v>26269</v>
      </c>
      <c r="B42904" t="s">
        <v>26270</v>
      </c>
      <c r="C42904" t="s">
        <v>26267</v>
      </c>
      <c r="D42904" t="s">
        <v>26268</v>
      </c>
      <c r="E42904" t="s">
        <v>15475</v>
      </c>
      <c r="F42904" t="s">
        <v>15476</v>
      </c>
      <c r="G42904" t="s">
        <v>10734</v>
      </c>
      <c r="H42904" t="s">
        <v>10735</v>
      </c>
      <c r="I42904" s="2">
        <v>1</v>
      </c>
      <c r="J42904" s="2">
        <v>0</v>
      </c>
      <c r="K42904" s="2">
        <v>0</v>
      </c>
      <c r="L42904" t="s">
        <v>120</v>
      </c>
      <c r="M42904" t="s">
        <v>89</v>
      </c>
      <c r="N42904" t="s">
        <v>90</v>
      </c>
      <c r="O42904" t="s">
        <v>85</v>
      </c>
      <c r="P42904" t="s">
        <v>86</v>
      </c>
      <c r="Q42904">
        <v>21</v>
      </c>
      <c r="R42904">
        <v>22</v>
      </c>
      <c r="S42904">
        <v>22</v>
      </c>
      <c r="T42904">
        <v>23</v>
      </c>
      <c r="U42904">
        <v>23</v>
      </c>
      <c r="V42904">
        <v>24</v>
      </c>
      <c r="W42904">
        <v>24</v>
      </c>
      <c r="X42904">
        <v>24</v>
      </c>
      <c r="Y42904">
        <v>25</v>
      </c>
      <c r="Z42904">
        <v>25</v>
      </c>
      <c r="AA42904">
        <v>25</v>
      </c>
      <c r="AB42904">
        <v>26</v>
      </c>
      <c r="AC42904">
        <v>26</v>
      </c>
      <c r="AD42904">
        <v>26</v>
      </c>
      <c r="AE42904">
        <v>27</v>
      </c>
      <c r="AF42904">
        <v>27</v>
      </c>
      <c r="AG42904">
        <v>27</v>
      </c>
      <c r="AH42904">
        <v>27</v>
      </c>
      <c r="AI42904">
        <v>27</v>
      </c>
      <c r="AJ42904">
        <v>27</v>
      </c>
      <c r="AK42904">
        <v>27</v>
      </c>
      <c r="AL42904">
        <v>27</v>
      </c>
      <c r="AM42904">
        <v>27</v>
      </c>
      <c r="AN42904">
        <v>27</v>
      </c>
      <c r="AO42904">
        <v>27</v>
      </c>
      <c r="AP42904">
        <v>27</v>
      </c>
      <c r="AQ42904">
        <v>27</v>
      </c>
    </row>
    <row r="42905" spans="1:43">
      <c r="A42905" t="s">
        <v>26269</v>
      </c>
      <c r="B42905" t="s">
        <v>26270</v>
      </c>
      <c r="C42905" t="s">
        <v>26267</v>
      </c>
      <c r="D42905" t="s">
        <v>26268</v>
      </c>
      <c r="E42905" t="s">
        <v>15475</v>
      </c>
      <c r="F42905" t="s">
        <v>15476</v>
      </c>
      <c r="G42905" t="s">
        <v>10734</v>
      </c>
      <c r="H42905" t="s">
        <v>10735</v>
      </c>
      <c r="I42905" s="2">
        <v>1</v>
      </c>
      <c r="J42905" s="2">
        <v>0</v>
      </c>
      <c r="K42905" s="2">
        <v>0</v>
      </c>
      <c r="L42905" t="s">
        <v>120</v>
      </c>
      <c r="M42905" t="s">
        <v>83</v>
      </c>
      <c r="N42905" t="s">
        <v>91</v>
      </c>
      <c r="O42905" t="s">
        <v>85</v>
      </c>
      <c r="P42905" t="s">
        <v>86</v>
      </c>
      <c r="Q42905">
        <v>21</v>
      </c>
      <c r="R42905">
        <v>22</v>
      </c>
      <c r="S42905">
        <v>22</v>
      </c>
      <c r="T42905">
        <v>22</v>
      </c>
      <c r="U42905">
        <v>22</v>
      </c>
      <c r="V42905">
        <v>23</v>
      </c>
      <c r="W42905">
        <v>23</v>
      </c>
      <c r="X42905">
        <v>23</v>
      </c>
      <c r="Y42905">
        <v>24</v>
      </c>
      <c r="Z42905">
        <v>24</v>
      </c>
      <c r="AA42905">
        <v>24</v>
      </c>
      <c r="AB42905">
        <v>24</v>
      </c>
      <c r="AC42905">
        <v>25</v>
      </c>
      <c r="AD42905">
        <v>25</v>
      </c>
      <c r="AE42905">
        <v>25</v>
      </c>
      <c r="AF42905">
        <v>25</v>
      </c>
      <c r="AG42905">
        <v>25</v>
      </c>
      <c r="AH42905">
        <v>26</v>
      </c>
      <c r="AI42905">
        <v>26</v>
      </c>
      <c r="AJ42905">
        <v>26</v>
      </c>
      <c r="AK42905">
        <v>26</v>
      </c>
      <c r="AL42905">
        <v>26</v>
      </c>
      <c r="AM42905">
        <v>26</v>
      </c>
      <c r="AN42905">
        <v>26</v>
      </c>
      <c r="AO42905">
        <v>26</v>
      </c>
      <c r="AP42905">
        <v>26</v>
      </c>
      <c r="AQ42905">
        <v>26</v>
      </c>
    </row>
    <row r="42906" spans="1:43">
      <c r="A42906" t="s">
        <v>26271</v>
      </c>
      <c r="B42906" t="s">
        <v>26272</v>
      </c>
      <c r="C42906" t="s">
        <v>26267</v>
      </c>
      <c r="D42906" t="s">
        <v>26268</v>
      </c>
      <c r="E42906" t="s">
        <v>15475</v>
      </c>
      <c r="F42906" t="s">
        <v>15476</v>
      </c>
      <c r="G42906" t="s">
        <v>10734</v>
      </c>
      <c r="H42906" t="s">
        <v>10735</v>
      </c>
      <c r="I42906" s="2">
        <v>1</v>
      </c>
      <c r="J42906" s="2">
        <v>0</v>
      </c>
      <c r="K42906" s="2">
        <v>0</v>
      </c>
      <c r="L42906" t="s">
        <v>120</v>
      </c>
      <c r="M42906" t="s">
        <v>83</v>
      </c>
      <c r="N42906" t="s">
        <v>84</v>
      </c>
      <c r="O42906" t="s">
        <v>85</v>
      </c>
      <c r="P42906" t="s">
        <v>86</v>
      </c>
      <c r="Q42906">
        <v>3</v>
      </c>
      <c r="R42906">
        <v>3</v>
      </c>
      <c r="S42906">
        <v>3</v>
      </c>
      <c r="T42906">
        <v>3</v>
      </c>
      <c r="U42906">
        <v>3</v>
      </c>
      <c r="V42906">
        <v>3</v>
      </c>
      <c r="W42906">
        <v>3</v>
      </c>
      <c r="X42906">
        <v>3</v>
      </c>
      <c r="Y42906">
        <v>3</v>
      </c>
      <c r="Z42906">
        <v>3</v>
      </c>
      <c r="AA42906">
        <v>3</v>
      </c>
      <c r="AB42906">
        <v>3</v>
      </c>
      <c r="AC42906">
        <v>3</v>
      </c>
      <c r="AD42906">
        <v>3</v>
      </c>
      <c r="AE42906">
        <v>3</v>
      </c>
      <c r="AF42906">
        <v>3</v>
      </c>
      <c r="AG42906">
        <v>3</v>
      </c>
      <c r="AH42906">
        <v>3</v>
      </c>
      <c r="AI42906">
        <v>3</v>
      </c>
      <c r="AJ42906">
        <v>3</v>
      </c>
      <c r="AK42906">
        <v>3</v>
      </c>
      <c r="AL42906">
        <v>3</v>
      </c>
      <c r="AM42906">
        <v>3</v>
      </c>
      <c r="AN42906">
        <v>3</v>
      </c>
      <c r="AO42906">
        <v>3</v>
      </c>
      <c r="AP42906">
        <v>3</v>
      </c>
      <c r="AQ42906">
        <v>3</v>
      </c>
    </row>
    <row r="42907" spans="1:43">
      <c r="A42907" t="s">
        <v>26271</v>
      </c>
      <c r="B42907" t="s">
        <v>26272</v>
      </c>
      <c r="C42907" t="s">
        <v>26267</v>
      </c>
      <c r="D42907" t="s">
        <v>26268</v>
      </c>
      <c r="E42907" t="s">
        <v>15475</v>
      </c>
      <c r="F42907" t="s">
        <v>15476</v>
      </c>
      <c r="G42907" t="s">
        <v>10734</v>
      </c>
      <c r="H42907" t="s">
        <v>10735</v>
      </c>
      <c r="I42907" s="2">
        <v>1</v>
      </c>
      <c r="J42907" s="2">
        <v>0</v>
      </c>
      <c r="K42907" s="2">
        <v>0</v>
      </c>
      <c r="L42907" t="s">
        <v>120</v>
      </c>
      <c r="M42907" t="s">
        <v>87</v>
      </c>
      <c r="N42907" t="s">
        <v>88</v>
      </c>
      <c r="O42907" t="s">
        <v>85</v>
      </c>
      <c r="P42907" t="s">
        <v>86</v>
      </c>
      <c r="Q42907">
        <v>3</v>
      </c>
      <c r="R42907">
        <v>3</v>
      </c>
      <c r="S42907">
        <v>3</v>
      </c>
      <c r="T42907">
        <v>3</v>
      </c>
      <c r="U42907">
        <v>3</v>
      </c>
      <c r="V42907">
        <v>3</v>
      </c>
      <c r="W42907">
        <v>3</v>
      </c>
      <c r="X42907">
        <v>3</v>
      </c>
      <c r="Y42907">
        <v>3</v>
      </c>
      <c r="Z42907">
        <v>3</v>
      </c>
      <c r="AA42907">
        <v>3</v>
      </c>
      <c r="AB42907">
        <v>3</v>
      </c>
      <c r="AC42907">
        <v>3</v>
      </c>
      <c r="AD42907">
        <v>3</v>
      </c>
      <c r="AE42907">
        <v>3</v>
      </c>
      <c r="AF42907">
        <v>3</v>
      </c>
      <c r="AG42907">
        <v>3</v>
      </c>
      <c r="AH42907">
        <v>3</v>
      </c>
      <c r="AI42907">
        <v>3</v>
      </c>
      <c r="AJ42907">
        <v>3</v>
      </c>
      <c r="AK42907">
        <v>3</v>
      </c>
      <c r="AL42907">
        <v>3</v>
      </c>
      <c r="AM42907">
        <v>3</v>
      </c>
      <c r="AN42907">
        <v>3</v>
      </c>
      <c r="AO42907">
        <v>3</v>
      </c>
      <c r="AP42907">
        <v>3</v>
      </c>
      <c r="AQ42907">
        <v>3</v>
      </c>
    </row>
    <row r="42908" spans="1:43">
      <c r="A42908" t="s">
        <v>26271</v>
      </c>
      <c r="B42908" t="s">
        <v>26272</v>
      </c>
      <c r="C42908" t="s">
        <v>26267</v>
      </c>
      <c r="D42908" t="s">
        <v>26268</v>
      </c>
      <c r="E42908" t="s">
        <v>15475</v>
      </c>
      <c r="F42908" t="s">
        <v>15476</v>
      </c>
      <c r="G42908" t="s">
        <v>10734</v>
      </c>
      <c r="H42908" t="s">
        <v>10735</v>
      </c>
      <c r="I42908" s="2">
        <v>1</v>
      </c>
      <c r="J42908" s="2">
        <v>0</v>
      </c>
      <c r="K42908" s="2">
        <v>0</v>
      </c>
      <c r="L42908" t="s">
        <v>120</v>
      </c>
      <c r="M42908" t="s">
        <v>89</v>
      </c>
      <c r="N42908" t="s">
        <v>90</v>
      </c>
      <c r="O42908" t="s">
        <v>85</v>
      </c>
      <c r="P42908" t="s">
        <v>86</v>
      </c>
      <c r="Q42908">
        <v>3</v>
      </c>
      <c r="R42908">
        <v>3</v>
      </c>
      <c r="S42908">
        <v>3</v>
      </c>
      <c r="T42908">
        <v>3</v>
      </c>
      <c r="U42908">
        <v>3</v>
      </c>
      <c r="V42908">
        <v>3</v>
      </c>
      <c r="W42908">
        <v>3</v>
      </c>
      <c r="X42908">
        <v>3</v>
      </c>
      <c r="Y42908">
        <v>3</v>
      </c>
      <c r="Z42908">
        <v>3</v>
      </c>
      <c r="AA42908">
        <v>3</v>
      </c>
      <c r="AB42908">
        <v>3</v>
      </c>
      <c r="AC42908">
        <v>3</v>
      </c>
      <c r="AD42908">
        <v>3</v>
      </c>
      <c r="AE42908">
        <v>3</v>
      </c>
      <c r="AF42908">
        <v>3</v>
      </c>
      <c r="AG42908">
        <v>3</v>
      </c>
      <c r="AH42908">
        <v>3</v>
      </c>
      <c r="AI42908">
        <v>3</v>
      </c>
      <c r="AJ42908">
        <v>3</v>
      </c>
      <c r="AK42908">
        <v>3</v>
      </c>
      <c r="AL42908">
        <v>3</v>
      </c>
      <c r="AM42908">
        <v>3</v>
      </c>
      <c r="AN42908">
        <v>3</v>
      </c>
      <c r="AO42908">
        <v>3</v>
      </c>
      <c r="AP42908">
        <v>3</v>
      </c>
      <c r="AQ42908">
        <v>3</v>
      </c>
    </row>
    <row r="42909" spans="1:43">
      <c r="A42909" t="s">
        <v>26271</v>
      </c>
      <c r="B42909" t="s">
        <v>26272</v>
      </c>
      <c r="C42909" t="s">
        <v>26267</v>
      </c>
      <c r="D42909" t="s">
        <v>26268</v>
      </c>
      <c r="E42909" t="s">
        <v>15475</v>
      </c>
      <c r="F42909" t="s">
        <v>15476</v>
      </c>
      <c r="G42909" t="s">
        <v>10734</v>
      </c>
      <c r="H42909" t="s">
        <v>10735</v>
      </c>
      <c r="I42909" s="2">
        <v>1</v>
      </c>
      <c r="J42909" s="2">
        <v>0</v>
      </c>
      <c r="K42909" s="2">
        <v>0</v>
      </c>
      <c r="L42909" t="s">
        <v>120</v>
      </c>
      <c r="M42909" t="s">
        <v>83</v>
      </c>
      <c r="N42909" t="s">
        <v>91</v>
      </c>
      <c r="O42909" t="s">
        <v>85</v>
      </c>
      <c r="P42909" t="s">
        <v>86</v>
      </c>
      <c r="Q42909">
        <v>3</v>
      </c>
      <c r="R42909">
        <v>3</v>
      </c>
      <c r="S42909">
        <v>3</v>
      </c>
      <c r="T42909">
        <v>3</v>
      </c>
      <c r="U42909">
        <v>3</v>
      </c>
      <c r="V42909">
        <v>3</v>
      </c>
      <c r="W42909">
        <v>3</v>
      </c>
      <c r="X42909">
        <v>3</v>
      </c>
      <c r="Y42909">
        <v>3</v>
      </c>
      <c r="Z42909">
        <v>3</v>
      </c>
      <c r="AA42909">
        <v>3</v>
      </c>
      <c r="AB42909">
        <v>3</v>
      </c>
      <c r="AC42909">
        <v>3</v>
      </c>
      <c r="AD42909">
        <v>3</v>
      </c>
      <c r="AE42909">
        <v>3</v>
      </c>
      <c r="AF42909">
        <v>3</v>
      </c>
      <c r="AG42909">
        <v>3</v>
      </c>
      <c r="AH42909">
        <v>3</v>
      </c>
      <c r="AI42909">
        <v>3</v>
      </c>
      <c r="AJ42909">
        <v>3</v>
      </c>
      <c r="AK42909">
        <v>3</v>
      </c>
      <c r="AL42909">
        <v>3</v>
      </c>
      <c r="AM42909">
        <v>3</v>
      </c>
      <c r="AN42909">
        <v>3</v>
      </c>
      <c r="AO42909">
        <v>3</v>
      </c>
      <c r="AP42909">
        <v>3</v>
      </c>
      <c r="AQ42909">
        <v>3</v>
      </c>
    </row>
    <row r="42910" spans="1:43">
      <c r="A42910" t="s">
        <v>26273</v>
      </c>
      <c r="B42910" t="s">
        <v>26274</v>
      </c>
      <c r="C42910" t="s">
        <v>26267</v>
      </c>
      <c r="D42910" t="s">
        <v>26268</v>
      </c>
      <c r="E42910" t="s">
        <v>15475</v>
      </c>
      <c r="F42910" t="s">
        <v>15476</v>
      </c>
      <c r="G42910" t="s">
        <v>10734</v>
      </c>
      <c r="H42910" t="s">
        <v>10735</v>
      </c>
      <c r="I42910" s="2">
        <v>1</v>
      </c>
      <c r="J42910" s="2">
        <v>0</v>
      </c>
      <c r="K42910" s="2">
        <v>0</v>
      </c>
      <c r="L42910" t="s">
        <v>120</v>
      </c>
      <c r="M42910" t="s">
        <v>83</v>
      </c>
      <c r="N42910" t="s">
        <v>84</v>
      </c>
      <c r="O42910" t="s">
        <v>85</v>
      </c>
      <c r="P42910" t="s">
        <v>86</v>
      </c>
      <c r="Q42910">
        <v>3</v>
      </c>
      <c r="R42910">
        <v>3</v>
      </c>
      <c r="S42910">
        <v>3</v>
      </c>
      <c r="T42910">
        <v>3</v>
      </c>
      <c r="U42910">
        <v>4</v>
      </c>
      <c r="V42910">
        <v>4</v>
      </c>
      <c r="W42910">
        <v>4</v>
      </c>
      <c r="X42910">
        <v>4</v>
      </c>
      <c r="Y42910">
        <v>4</v>
      </c>
      <c r="Z42910">
        <v>4</v>
      </c>
      <c r="AA42910">
        <v>4</v>
      </c>
      <c r="AB42910">
        <v>4</v>
      </c>
      <c r="AC42910">
        <v>4</v>
      </c>
      <c r="AD42910">
        <v>4</v>
      </c>
      <c r="AE42910">
        <v>4</v>
      </c>
      <c r="AF42910">
        <v>4</v>
      </c>
      <c r="AG42910">
        <v>4</v>
      </c>
      <c r="AH42910">
        <v>4</v>
      </c>
      <c r="AI42910">
        <v>4</v>
      </c>
      <c r="AJ42910">
        <v>4</v>
      </c>
      <c r="AK42910">
        <v>4</v>
      </c>
      <c r="AL42910">
        <v>4</v>
      </c>
      <c r="AM42910">
        <v>4</v>
      </c>
      <c r="AN42910">
        <v>4</v>
      </c>
      <c r="AO42910">
        <v>4</v>
      </c>
      <c r="AP42910">
        <v>4</v>
      </c>
      <c r="AQ42910">
        <v>4</v>
      </c>
    </row>
    <row r="42911" spans="1:43">
      <c r="A42911" t="s">
        <v>26273</v>
      </c>
      <c r="B42911" t="s">
        <v>26274</v>
      </c>
      <c r="C42911" t="s">
        <v>26267</v>
      </c>
      <c r="D42911" t="s">
        <v>26268</v>
      </c>
      <c r="E42911" t="s">
        <v>15475</v>
      </c>
      <c r="F42911" t="s">
        <v>15476</v>
      </c>
      <c r="G42911" t="s">
        <v>10734</v>
      </c>
      <c r="H42911" t="s">
        <v>10735</v>
      </c>
      <c r="I42911" s="2">
        <v>1</v>
      </c>
      <c r="J42911" s="2">
        <v>0</v>
      </c>
      <c r="K42911" s="2">
        <v>0</v>
      </c>
      <c r="L42911" t="s">
        <v>120</v>
      </c>
      <c r="M42911" t="s">
        <v>87</v>
      </c>
      <c r="N42911" t="s">
        <v>88</v>
      </c>
      <c r="O42911" t="s">
        <v>85</v>
      </c>
      <c r="P42911" t="s">
        <v>86</v>
      </c>
      <c r="Q42911">
        <v>3</v>
      </c>
      <c r="R42911">
        <v>3</v>
      </c>
      <c r="S42911">
        <v>3</v>
      </c>
      <c r="T42911">
        <v>3</v>
      </c>
      <c r="U42911">
        <v>3</v>
      </c>
      <c r="V42911">
        <v>3</v>
      </c>
      <c r="W42911">
        <v>3</v>
      </c>
      <c r="X42911">
        <v>3</v>
      </c>
      <c r="Y42911">
        <v>3</v>
      </c>
      <c r="Z42911">
        <v>3</v>
      </c>
      <c r="AA42911">
        <v>3</v>
      </c>
      <c r="AB42911">
        <v>3</v>
      </c>
      <c r="AC42911">
        <v>3</v>
      </c>
      <c r="AD42911">
        <v>3</v>
      </c>
      <c r="AE42911">
        <v>3</v>
      </c>
      <c r="AF42911">
        <v>4</v>
      </c>
      <c r="AG42911">
        <v>4</v>
      </c>
      <c r="AH42911">
        <v>4</v>
      </c>
      <c r="AI42911">
        <v>4</v>
      </c>
      <c r="AJ42911">
        <v>4</v>
      </c>
      <c r="AK42911">
        <v>4</v>
      </c>
      <c r="AL42911">
        <v>4</v>
      </c>
      <c r="AM42911">
        <v>4</v>
      </c>
      <c r="AN42911">
        <v>4</v>
      </c>
      <c r="AO42911">
        <v>4</v>
      </c>
      <c r="AP42911">
        <v>4</v>
      </c>
      <c r="AQ42911">
        <v>4</v>
      </c>
    </row>
    <row r="42912" spans="1:43">
      <c r="A42912" t="s">
        <v>26273</v>
      </c>
      <c r="B42912" t="s">
        <v>26274</v>
      </c>
      <c r="C42912" t="s">
        <v>26267</v>
      </c>
      <c r="D42912" t="s">
        <v>26268</v>
      </c>
      <c r="E42912" t="s">
        <v>15475</v>
      </c>
      <c r="F42912" t="s">
        <v>15476</v>
      </c>
      <c r="G42912" t="s">
        <v>10734</v>
      </c>
      <c r="H42912" t="s">
        <v>10735</v>
      </c>
      <c r="I42912" s="2">
        <v>1</v>
      </c>
      <c r="J42912" s="2">
        <v>0</v>
      </c>
      <c r="K42912" s="2">
        <v>0</v>
      </c>
      <c r="L42912" t="s">
        <v>120</v>
      </c>
      <c r="M42912" t="s">
        <v>89</v>
      </c>
      <c r="N42912" t="s">
        <v>90</v>
      </c>
      <c r="O42912" t="s">
        <v>85</v>
      </c>
      <c r="P42912" t="s">
        <v>86</v>
      </c>
      <c r="Q42912">
        <v>3</v>
      </c>
      <c r="R42912">
        <v>3</v>
      </c>
      <c r="S42912">
        <v>4</v>
      </c>
      <c r="T42912">
        <v>4</v>
      </c>
      <c r="U42912">
        <v>4</v>
      </c>
      <c r="V42912">
        <v>4</v>
      </c>
      <c r="W42912">
        <v>4</v>
      </c>
      <c r="X42912">
        <v>4</v>
      </c>
      <c r="Y42912">
        <v>4</v>
      </c>
      <c r="Z42912">
        <v>4</v>
      </c>
      <c r="AA42912">
        <v>4</v>
      </c>
      <c r="AB42912">
        <v>4</v>
      </c>
      <c r="AC42912">
        <v>4</v>
      </c>
      <c r="AD42912">
        <v>4</v>
      </c>
      <c r="AE42912">
        <v>4</v>
      </c>
      <c r="AF42912">
        <v>4</v>
      </c>
      <c r="AG42912">
        <v>4</v>
      </c>
      <c r="AH42912">
        <v>4</v>
      </c>
      <c r="AI42912">
        <v>4</v>
      </c>
      <c r="AJ42912">
        <v>4</v>
      </c>
      <c r="AK42912">
        <v>4</v>
      </c>
      <c r="AL42912">
        <v>4</v>
      </c>
      <c r="AM42912">
        <v>4</v>
      </c>
      <c r="AN42912">
        <v>4</v>
      </c>
      <c r="AO42912">
        <v>4</v>
      </c>
      <c r="AP42912">
        <v>4</v>
      </c>
      <c r="AQ42912">
        <v>4</v>
      </c>
    </row>
    <row r="42913" spans="1:43">
      <c r="A42913" t="s">
        <v>26273</v>
      </c>
      <c r="B42913" t="s">
        <v>26274</v>
      </c>
      <c r="C42913" t="s">
        <v>26267</v>
      </c>
      <c r="D42913" t="s">
        <v>26268</v>
      </c>
      <c r="E42913" t="s">
        <v>15475</v>
      </c>
      <c r="F42913" t="s">
        <v>15476</v>
      </c>
      <c r="G42913" t="s">
        <v>10734</v>
      </c>
      <c r="H42913" t="s">
        <v>10735</v>
      </c>
      <c r="I42913" s="2">
        <v>1</v>
      </c>
      <c r="J42913" s="2">
        <v>0</v>
      </c>
      <c r="K42913" s="2">
        <v>0</v>
      </c>
      <c r="L42913" t="s">
        <v>120</v>
      </c>
      <c r="M42913" t="s">
        <v>83</v>
      </c>
      <c r="N42913" t="s">
        <v>91</v>
      </c>
      <c r="O42913" t="s">
        <v>85</v>
      </c>
      <c r="P42913" t="s">
        <v>86</v>
      </c>
      <c r="Q42913">
        <v>3</v>
      </c>
      <c r="R42913">
        <v>3</v>
      </c>
      <c r="S42913">
        <v>3</v>
      </c>
      <c r="T42913">
        <v>3</v>
      </c>
      <c r="U42913">
        <v>4</v>
      </c>
      <c r="V42913">
        <v>4</v>
      </c>
      <c r="W42913">
        <v>4</v>
      </c>
      <c r="X42913">
        <v>4</v>
      </c>
      <c r="Y42913">
        <v>4</v>
      </c>
      <c r="Z42913">
        <v>4</v>
      </c>
      <c r="AA42913">
        <v>4</v>
      </c>
      <c r="AB42913">
        <v>4</v>
      </c>
      <c r="AC42913">
        <v>4</v>
      </c>
      <c r="AD42913">
        <v>4</v>
      </c>
      <c r="AE42913">
        <v>4</v>
      </c>
      <c r="AF42913">
        <v>4</v>
      </c>
      <c r="AG42913">
        <v>4</v>
      </c>
      <c r="AH42913">
        <v>4</v>
      </c>
      <c r="AI42913">
        <v>4</v>
      </c>
      <c r="AJ42913">
        <v>4</v>
      </c>
      <c r="AK42913">
        <v>4</v>
      </c>
      <c r="AL42913">
        <v>4</v>
      </c>
      <c r="AM42913">
        <v>4</v>
      </c>
      <c r="AN42913">
        <v>4</v>
      </c>
      <c r="AO42913">
        <v>4</v>
      </c>
      <c r="AP42913">
        <v>4</v>
      </c>
      <c r="AQ42913">
        <v>4</v>
      </c>
    </row>
    <row r="42914" spans="1:43">
      <c r="A42914" t="s">
        <v>26275</v>
      </c>
      <c r="B42914" t="s">
        <v>26276</v>
      </c>
      <c r="C42914" t="s">
        <v>26267</v>
      </c>
      <c r="D42914" t="s">
        <v>26268</v>
      </c>
      <c r="E42914" t="s">
        <v>15475</v>
      </c>
      <c r="F42914" t="s">
        <v>15476</v>
      </c>
      <c r="G42914" t="s">
        <v>10734</v>
      </c>
      <c r="H42914" t="s">
        <v>10735</v>
      </c>
      <c r="I42914" s="2">
        <v>1</v>
      </c>
      <c r="J42914" s="2">
        <v>0</v>
      </c>
      <c r="K42914" s="2">
        <v>0</v>
      </c>
      <c r="L42914" t="s">
        <v>120</v>
      </c>
      <c r="M42914" t="s">
        <v>83</v>
      </c>
      <c r="N42914" t="s">
        <v>84</v>
      </c>
      <c r="O42914" t="s">
        <v>85</v>
      </c>
      <c r="P42914" t="s">
        <v>86</v>
      </c>
      <c r="Q42914">
        <v>19</v>
      </c>
      <c r="R42914">
        <v>19</v>
      </c>
      <c r="S42914">
        <v>19</v>
      </c>
      <c r="T42914">
        <v>20</v>
      </c>
      <c r="U42914">
        <v>20</v>
      </c>
      <c r="V42914">
        <v>20</v>
      </c>
      <c r="W42914">
        <v>20</v>
      </c>
      <c r="X42914">
        <v>21</v>
      </c>
      <c r="Y42914">
        <v>21</v>
      </c>
      <c r="Z42914">
        <v>21</v>
      </c>
      <c r="AA42914">
        <v>21</v>
      </c>
      <c r="AB42914">
        <v>21</v>
      </c>
      <c r="AC42914">
        <v>22</v>
      </c>
      <c r="AD42914">
        <v>22</v>
      </c>
      <c r="AE42914">
        <v>22</v>
      </c>
      <c r="AF42914">
        <v>22</v>
      </c>
      <c r="AG42914">
        <v>22</v>
      </c>
      <c r="AH42914">
        <v>23</v>
      </c>
      <c r="AI42914">
        <v>23</v>
      </c>
      <c r="AJ42914">
        <v>23</v>
      </c>
      <c r="AK42914">
        <v>23</v>
      </c>
      <c r="AL42914">
        <v>23</v>
      </c>
      <c r="AM42914">
        <v>23</v>
      </c>
      <c r="AN42914">
        <v>23</v>
      </c>
      <c r="AO42914">
        <v>23</v>
      </c>
      <c r="AP42914">
        <v>23</v>
      </c>
      <c r="AQ42914">
        <v>23</v>
      </c>
    </row>
    <row r="42915" spans="1:43">
      <c r="A42915" t="s">
        <v>26275</v>
      </c>
      <c r="B42915" t="s">
        <v>26276</v>
      </c>
      <c r="C42915" t="s">
        <v>26267</v>
      </c>
      <c r="D42915" t="s">
        <v>26268</v>
      </c>
      <c r="E42915" t="s">
        <v>15475</v>
      </c>
      <c r="F42915" t="s">
        <v>15476</v>
      </c>
      <c r="G42915" t="s">
        <v>10734</v>
      </c>
      <c r="H42915" t="s">
        <v>10735</v>
      </c>
      <c r="I42915" s="2">
        <v>1</v>
      </c>
      <c r="J42915" s="2">
        <v>0</v>
      </c>
      <c r="K42915" s="2">
        <v>0</v>
      </c>
      <c r="L42915" t="s">
        <v>120</v>
      </c>
      <c r="M42915" t="s">
        <v>87</v>
      </c>
      <c r="N42915" t="s">
        <v>88</v>
      </c>
      <c r="O42915" t="s">
        <v>85</v>
      </c>
      <c r="P42915" t="s">
        <v>86</v>
      </c>
      <c r="Q42915">
        <v>19</v>
      </c>
      <c r="R42915">
        <v>19</v>
      </c>
      <c r="S42915">
        <v>19</v>
      </c>
      <c r="T42915">
        <v>19</v>
      </c>
      <c r="U42915">
        <v>19</v>
      </c>
      <c r="V42915">
        <v>19</v>
      </c>
      <c r="W42915">
        <v>19</v>
      </c>
      <c r="X42915">
        <v>19</v>
      </c>
      <c r="Y42915">
        <v>19</v>
      </c>
      <c r="Z42915">
        <v>19</v>
      </c>
      <c r="AA42915">
        <v>19</v>
      </c>
      <c r="AB42915">
        <v>19</v>
      </c>
      <c r="AC42915">
        <v>20</v>
      </c>
      <c r="AD42915">
        <v>20</v>
      </c>
      <c r="AE42915">
        <v>20</v>
      </c>
      <c r="AF42915">
        <v>20</v>
      </c>
      <c r="AG42915">
        <v>20</v>
      </c>
      <c r="AH42915">
        <v>20</v>
      </c>
      <c r="AI42915">
        <v>20</v>
      </c>
      <c r="AJ42915">
        <v>20</v>
      </c>
      <c r="AK42915">
        <v>20</v>
      </c>
      <c r="AL42915">
        <v>20</v>
      </c>
      <c r="AM42915">
        <v>20</v>
      </c>
      <c r="AN42915">
        <v>20</v>
      </c>
      <c r="AO42915">
        <v>20</v>
      </c>
      <c r="AP42915">
        <v>21</v>
      </c>
      <c r="AQ42915">
        <v>21</v>
      </c>
    </row>
    <row r="42916" spans="1:43">
      <c r="A42916" t="s">
        <v>26275</v>
      </c>
      <c r="B42916" t="s">
        <v>26276</v>
      </c>
      <c r="C42916" t="s">
        <v>26267</v>
      </c>
      <c r="D42916" t="s">
        <v>26268</v>
      </c>
      <c r="E42916" t="s">
        <v>15475</v>
      </c>
      <c r="F42916" t="s">
        <v>15476</v>
      </c>
      <c r="G42916" t="s">
        <v>10734</v>
      </c>
      <c r="H42916" t="s">
        <v>10735</v>
      </c>
      <c r="I42916" s="2">
        <v>1</v>
      </c>
      <c r="J42916" s="2">
        <v>0</v>
      </c>
      <c r="K42916" s="2">
        <v>0</v>
      </c>
      <c r="L42916" t="s">
        <v>120</v>
      </c>
      <c r="M42916" t="s">
        <v>89</v>
      </c>
      <c r="N42916" t="s">
        <v>90</v>
      </c>
      <c r="O42916" t="s">
        <v>85</v>
      </c>
      <c r="P42916" t="s">
        <v>86</v>
      </c>
      <c r="Q42916">
        <v>19</v>
      </c>
      <c r="R42916">
        <v>19</v>
      </c>
      <c r="S42916">
        <v>20</v>
      </c>
      <c r="T42916">
        <v>20</v>
      </c>
      <c r="U42916">
        <v>21</v>
      </c>
      <c r="V42916">
        <v>21</v>
      </c>
      <c r="W42916">
        <v>21</v>
      </c>
      <c r="X42916">
        <v>22</v>
      </c>
      <c r="Y42916">
        <v>22</v>
      </c>
      <c r="Z42916">
        <v>22</v>
      </c>
      <c r="AA42916">
        <v>22</v>
      </c>
      <c r="AB42916">
        <v>23</v>
      </c>
      <c r="AC42916">
        <v>23</v>
      </c>
      <c r="AD42916">
        <v>23</v>
      </c>
      <c r="AE42916">
        <v>23</v>
      </c>
      <c r="AF42916">
        <v>23</v>
      </c>
      <c r="AG42916">
        <v>23</v>
      </c>
      <c r="AH42916">
        <v>23</v>
      </c>
      <c r="AI42916">
        <v>23</v>
      </c>
      <c r="AJ42916">
        <v>23</v>
      </c>
      <c r="AK42916">
        <v>23</v>
      </c>
      <c r="AL42916">
        <v>23</v>
      </c>
      <c r="AM42916">
        <v>23</v>
      </c>
      <c r="AN42916">
        <v>23</v>
      </c>
      <c r="AO42916">
        <v>23</v>
      </c>
      <c r="AP42916">
        <v>23</v>
      </c>
      <c r="AQ42916">
        <v>23</v>
      </c>
    </row>
    <row r="42917" spans="1:43">
      <c r="A42917" t="s">
        <v>26275</v>
      </c>
      <c r="B42917" t="s">
        <v>26276</v>
      </c>
      <c r="C42917" t="s">
        <v>26267</v>
      </c>
      <c r="D42917" t="s">
        <v>26268</v>
      </c>
      <c r="E42917" t="s">
        <v>15475</v>
      </c>
      <c r="F42917" t="s">
        <v>15476</v>
      </c>
      <c r="G42917" t="s">
        <v>10734</v>
      </c>
      <c r="H42917" t="s">
        <v>10735</v>
      </c>
      <c r="I42917" s="2">
        <v>1</v>
      </c>
      <c r="J42917" s="2">
        <v>0</v>
      </c>
      <c r="K42917" s="2">
        <v>0</v>
      </c>
      <c r="L42917" t="s">
        <v>120</v>
      </c>
      <c r="M42917" t="s">
        <v>83</v>
      </c>
      <c r="N42917" t="s">
        <v>91</v>
      </c>
      <c r="O42917" t="s">
        <v>85</v>
      </c>
      <c r="P42917" t="s">
        <v>86</v>
      </c>
      <c r="Q42917">
        <v>19</v>
      </c>
      <c r="R42917">
        <v>19</v>
      </c>
      <c r="S42917">
        <v>19</v>
      </c>
      <c r="T42917">
        <v>20</v>
      </c>
      <c r="U42917">
        <v>20</v>
      </c>
      <c r="V42917">
        <v>20</v>
      </c>
      <c r="W42917">
        <v>20</v>
      </c>
      <c r="X42917">
        <v>21</v>
      </c>
      <c r="Y42917">
        <v>21</v>
      </c>
      <c r="Z42917">
        <v>21</v>
      </c>
      <c r="AA42917">
        <v>21</v>
      </c>
      <c r="AB42917">
        <v>21</v>
      </c>
      <c r="AC42917">
        <v>22</v>
      </c>
      <c r="AD42917">
        <v>22</v>
      </c>
      <c r="AE42917">
        <v>22</v>
      </c>
      <c r="AF42917">
        <v>22</v>
      </c>
      <c r="AG42917">
        <v>22</v>
      </c>
      <c r="AH42917">
        <v>23</v>
      </c>
      <c r="AI42917">
        <v>23</v>
      </c>
      <c r="AJ42917">
        <v>23</v>
      </c>
      <c r="AK42917">
        <v>23</v>
      </c>
      <c r="AL42917">
        <v>23</v>
      </c>
      <c r="AM42917">
        <v>23</v>
      </c>
      <c r="AN42917">
        <v>23</v>
      </c>
      <c r="AO42917">
        <v>23</v>
      </c>
      <c r="AP42917">
        <v>23</v>
      </c>
      <c r="AQ42917">
        <v>23</v>
      </c>
    </row>
    <row r="42918" spans="1:43">
      <c r="A42918" t="s">
        <v>26277</v>
      </c>
      <c r="B42918" t="s">
        <v>26278</v>
      </c>
      <c r="C42918" t="s">
        <v>26267</v>
      </c>
      <c r="D42918" t="s">
        <v>26268</v>
      </c>
      <c r="E42918" t="s">
        <v>15475</v>
      </c>
      <c r="F42918" t="s">
        <v>15476</v>
      </c>
      <c r="G42918" t="s">
        <v>10734</v>
      </c>
      <c r="H42918" t="s">
        <v>10735</v>
      </c>
      <c r="I42918" s="2">
        <v>1</v>
      </c>
      <c r="J42918" s="2">
        <v>0</v>
      </c>
      <c r="K42918" s="2">
        <v>0</v>
      </c>
      <c r="L42918" t="s">
        <v>120</v>
      </c>
      <c r="M42918" t="s">
        <v>83</v>
      </c>
      <c r="N42918" t="s">
        <v>84</v>
      </c>
      <c r="O42918" t="s">
        <v>85</v>
      </c>
      <c r="P42918" t="s">
        <v>86</v>
      </c>
      <c r="Q42918">
        <v>11</v>
      </c>
      <c r="R42918">
        <v>11</v>
      </c>
      <c r="S42918">
        <v>11</v>
      </c>
      <c r="T42918">
        <v>11</v>
      </c>
      <c r="U42918">
        <v>11</v>
      </c>
      <c r="V42918">
        <v>12</v>
      </c>
      <c r="W42918">
        <v>12</v>
      </c>
      <c r="X42918">
        <v>12</v>
      </c>
      <c r="Y42918">
        <v>12</v>
      </c>
      <c r="Z42918">
        <v>12</v>
      </c>
      <c r="AA42918">
        <v>12</v>
      </c>
      <c r="AB42918">
        <v>12</v>
      </c>
      <c r="AC42918">
        <v>12</v>
      </c>
      <c r="AD42918">
        <v>13</v>
      </c>
      <c r="AE42918">
        <v>13</v>
      </c>
      <c r="AF42918">
        <v>13</v>
      </c>
      <c r="AG42918">
        <v>13</v>
      </c>
      <c r="AH42918">
        <v>13</v>
      </c>
      <c r="AI42918">
        <v>13</v>
      </c>
      <c r="AJ42918">
        <v>13</v>
      </c>
      <c r="AK42918">
        <v>13</v>
      </c>
      <c r="AL42918">
        <v>13</v>
      </c>
      <c r="AM42918">
        <v>13</v>
      </c>
      <c r="AN42918">
        <v>13</v>
      </c>
      <c r="AO42918">
        <v>13</v>
      </c>
      <c r="AP42918">
        <v>13</v>
      </c>
      <c r="AQ42918">
        <v>13</v>
      </c>
    </row>
    <row r="42919" spans="1:43">
      <c r="A42919" t="s">
        <v>26277</v>
      </c>
      <c r="B42919" t="s">
        <v>26278</v>
      </c>
      <c r="C42919" t="s">
        <v>26267</v>
      </c>
      <c r="D42919" t="s">
        <v>26268</v>
      </c>
      <c r="E42919" t="s">
        <v>15475</v>
      </c>
      <c r="F42919" t="s">
        <v>15476</v>
      </c>
      <c r="G42919" t="s">
        <v>10734</v>
      </c>
      <c r="H42919" t="s">
        <v>10735</v>
      </c>
      <c r="I42919" s="2">
        <v>1</v>
      </c>
      <c r="J42919" s="2">
        <v>0</v>
      </c>
      <c r="K42919" s="2">
        <v>0</v>
      </c>
      <c r="L42919" t="s">
        <v>120</v>
      </c>
      <c r="M42919" t="s">
        <v>87</v>
      </c>
      <c r="N42919" t="s">
        <v>88</v>
      </c>
      <c r="O42919" t="s">
        <v>85</v>
      </c>
      <c r="P42919" t="s">
        <v>86</v>
      </c>
      <c r="Q42919">
        <v>11</v>
      </c>
      <c r="R42919">
        <v>11</v>
      </c>
      <c r="S42919">
        <v>11</v>
      </c>
      <c r="T42919">
        <v>11</v>
      </c>
      <c r="U42919">
        <v>11</v>
      </c>
      <c r="V42919">
        <v>11</v>
      </c>
      <c r="W42919">
        <v>11</v>
      </c>
      <c r="X42919">
        <v>11</v>
      </c>
      <c r="Y42919">
        <v>11</v>
      </c>
      <c r="Z42919">
        <v>11</v>
      </c>
      <c r="AA42919">
        <v>11</v>
      </c>
      <c r="AB42919">
        <v>11</v>
      </c>
      <c r="AC42919">
        <v>11</v>
      </c>
      <c r="AD42919">
        <v>11</v>
      </c>
      <c r="AE42919">
        <v>11</v>
      </c>
      <c r="AF42919">
        <v>11</v>
      </c>
      <c r="AG42919">
        <v>11</v>
      </c>
      <c r="AH42919">
        <v>11</v>
      </c>
      <c r="AI42919">
        <v>12</v>
      </c>
      <c r="AJ42919">
        <v>12</v>
      </c>
      <c r="AK42919">
        <v>12</v>
      </c>
      <c r="AL42919">
        <v>12</v>
      </c>
      <c r="AM42919">
        <v>12</v>
      </c>
      <c r="AN42919">
        <v>12</v>
      </c>
      <c r="AO42919">
        <v>12</v>
      </c>
      <c r="AP42919">
        <v>12</v>
      </c>
      <c r="AQ42919">
        <v>12</v>
      </c>
    </row>
    <row r="42920" spans="1:43">
      <c r="A42920" t="s">
        <v>26277</v>
      </c>
      <c r="B42920" t="s">
        <v>26278</v>
      </c>
      <c r="C42920" t="s">
        <v>26267</v>
      </c>
      <c r="D42920" t="s">
        <v>26268</v>
      </c>
      <c r="E42920" t="s">
        <v>15475</v>
      </c>
      <c r="F42920" t="s">
        <v>15476</v>
      </c>
      <c r="G42920" t="s">
        <v>10734</v>
      </c>
      <c r="H42920" t="s">
        <v>10735</v>
      </c>
      <c r="I42920" s="2">
        <v>1</v>
      </c>
      <c r="J42920" s="2">
        <v>0</v>
      </c>
      <c r="K42920" s="2">
        <v>0</v>
      </c>
      <c r="L42920" t="s">
        <v>120</v>
      </c>
      <c r="M42920" t="s">
        <v>89</v>
      </c>
      <c r="N42920" t="s">
        <v>90</v>
      </c>
      <c r="O42920" t="s">
        <v>85</v>
      </c>
      <c r="P42920" t="s">
        <v>86</v>
      </c>
      <c r="Q42920">
        <v>11</v>
      </c>
      <c r="R42920">
        <v>11</v>
      </c>
      <c r="S42920">
        <v>11</v>
      </c>
      <c r="T42920">
        <v>12</v>
      </c>
      <c r="U42920">
        <v>12</v>
      </c>
      <c r="V42920">
        <v>12</v>
      </c>
      <c r="W42920">
        <v>12</v>
      </c>
      <c r="X42920">
        <v>12</v>
      </c>
      <c r="Y42920">
        <v>13</v>
      </c>
      <c r="Z42920">
        <v>13</v>
      </c>
      <c r="AA42920">
        <v>13</v>
      </c>
      <c r="AB42920">
        <v>13</v>
      </c>
      <c r="AC42920">
        <v>13</v>
      </c>
      <c r="AD42920">
        <v>13</v>
      </c>
      <c r="AE42920">
        <v>13</v>
      </c>
      <c r="AF42920">
        <v>13</v>
      </c>
      <c r="AG42920">
        <v>13</v>
      </c>
      <c r="AH42920">
        <v>13</v>
      </c>
      <c r="AI42920">
        <v>13</v>
      </c>
      <c r="AJ42920">
        <v>13</v>
      </c>
      <c r="AK42920">
        <v>13</v>
      </c>
      <c r="AL42920">
        <v>13</v>
      </c>
      <c r="AM42920">
        <v>13</v>
      </c>
      <c r="AN42920">
        <v>13</v>
      </c>
      <c r="AO42920">
        <v>13</v>
      </c>
      <c r="AP42920">
        <v>13</v>
      </c>
      <c r="AQ42920">
        <v>13</v>
      </c>
    </row>
    <row r="42921" spans="1:43">
      <c r="A42921" t="s">
        <v>26277</v>
      </c>
      <c r="B42921" t="s">
        <v>26278</v>
      </c>
      <c r="C42921" t="s">
        <v>26267</v>
      </c>
      <c r="D42921" t="s">
        <v>26268</v>
      </c>
      <c r="E42921" t="s">
        <v>15475</v>
      </c>
      <c r="F42921" t="s">
        <v>15476</v>
      </c>
      <c r="G42921" t="s">
        <v>10734</v>
      </c>
      <c r="H42921" t="s">
        <v>10735</v>
      </c>
      <c r="I42921" s="2">
        <v>1</v>
      </c>
      <c r="J42921" s="2">
        <v>0</v>
      </c>
      <c r="K42921" s="2">
        <v>0</v>
      </c>
      <c r="L42921" t="s">
        <v>120</v>
      </c>
      <c r="M42921" t="s">
        <v>83</v>
      </c>
      <c r="N42921" t="s">
        <v>91</v>
      </c>
      <c r="O42921" t="s">
        <v>85</v>
      </c>
      <c r="P42921" t="s">
        <v>86</v>
      </c>
      <c r="Q42921">
        <v>11</v>
      </c>
      <c r="R42921">
        <v>11</v>
      </c>
      <c r="S42921">
        <v>11</v>
      </c>
      <c r="T42921">
        <v>11</v>
      </c>
      <c r="U42921">
        <v>11</v>
      </c>
      <c r="V42921">
        <v>12</v>
      </c>
      <c r="W42921">
        <v>12</v>
      </c>
      <c r="X42921">
        <v>12</v>
      </c>
      <c r="Y42921">
        <v>12</v>
      </c>
      <c r="Z42921">
        <v>12</v>
      </c>
      <c r="AA42921">
        <v>12</v>
      </c>
      <c r="AB42921">
        <v>12</v>
      </c>
      <c r="AC42921">
        <v>12</v>
      </c>
      <c r="AD42921">
        <v>13</v>
      </c>
      <c r="AE42921">
        <v>13</v>
      </c>
      <c r="AF42921">
        <v>13</v>
      </c>
      <c r="AG42921">
        <v>13</v>
      </c>
      <c r="AH42921">
        <v>13</v>
      </c>
      <c r="AI42921">
        <v>13</v>
      </c>
      <c r="AJ42921">
        <v>13</v>
      </c>
      <c r="AK42921">
        <v>13</v>
      </c>
      <c r="AL42921">
        <v>13</v>
      </c>
      <c r="AM42921">
        <v>13</v>
      </c>
      <c r="AN42921">
        <v>13</v>
      </c>
      <c r="AO42921">
        <v>13</v>
      </c>
      <c r="AP42921">
        <v>13</v>
      </c>
      <c r="AQ42921">
        <v>13</v>
      </c>
    </row>
    <row r="42922" spans="1:43">
      <c r="A42922" t="s">
        <v>26279</v>
      </c>
      <c r="B42922" t="s">
        <v>26280</v>
      </c>
      <c r="C42922" t="s">
        <v>26281</v>
      </c>
      <c r="D42922" t="s">
        <v>26282</v>
      </c>
      <c r="E42922" t="s">
        <v>15475</v>
      </c>
      <c r="F42922" t="s">
        <v>15476</v>
      </c>
      <c r="G42922" t="s">
        <v>10734</v>
      </c>
      <c r="H42922" t="s">
        <v>10735</v>
      </c>
      <c r="I42922" s="2">
        <v>1</v>
      </c>
      <c r="J42922" s="2">
        <v>0</v>
      </c>
      <c r="K42922" s="2">
        <v>0</v>
      </c>
      <c r="L42922" t="s">
        <v>120</v>
      </c>
      <c r="M42922" t="s">
        <v>83</v>
      </c>
      <c r="N42922" t="s">
        <v>84</v>
      </c>
      <c r="O42922" t="s">
        <v>85</v>
      </c>
      <c r="P42922" t="s">
        <v>86</v>
      </c>
      <c r="Q42922">
        <v>16</v>
      </c>
      <c r="R42922">
        <v>16</v>
      </c>
      <c r="S42922">
        <v>16</v>
      </c>
      <c r="T42922">
        <v>16</v>
      </c>
      <c r="U42922">
        <v>17</v>
      </c>
      <c r="V42922">
        <v>17</v>
      </c>
      <c r="W42922">
        <v>17</v>
      </c>
      <c r="X42922">
        <v>17</v>
      </c>
      <c r="Y42922">
        <v>18</v>
      </c>
      <c r="Z42922">
        <v>18</v>
      </c>
      <c r="AA42922">
        <v>18</v>
      </c>
      <c r="AB42922">
        <v>18</v>
      </c>
      <c r="AC42922">
        <v>18</v>
      </c>
      <c r="AD42922">
        <v>18</v>
      </c>
      <c r="AE42922">
        <v>19</v>
      </c>
      <c r="AF42922">
        <v>19</v>
      </c>
      <c r="AG42922">
        <v>19</v>
      </c>
      <c r="AH42922">
        <v>19</v>
      </c>
      <c r="AI42922">
        <v>19</v>
      </c>
      <c r="AJ42922">
        <v>19</v>
      </c>
      <c r="AK42922">
        <v>20</v>
      </c>
      <c r="AL42922">
        <v>20</v>
      </c>
      <c r="AM42922">
        <v>20</v>
      </c>
      <c r="AN42922">
        <v>20</v>
      </c>
      <c r="AO42922">
        <v>20</v>
      </c>
      <c r="AP42922">
        <v>20</v>
      </c>
      <c r="AQ42922">
        <v>20</v>
      </c>
    </row>
    <row r="42923" spans="1:43">
      <c r="A42923" t="s">
        <v>26279</v>
      </c>
      <c r="B42923" t="s">
        <v>26280</v>
      </c>
      <c r="C42923" t="s">
        <v>26281</v>
      </c>
      <c r="D42923" t="s">
        <v>26282</v>
      </c>
      <c r="E42923" t="s">
        <v>15475</v>
      </c>
      <c r="F42923" t="s">
        <v>15476</v>
      </c>
      <c r="G42923" t="s">
        <v>10734</v>
      </c>
      <c r="H42923" t="s">
        <v>10735</v>
      </c>
      <c r="I42923" s="2">
        <v>1</v>
      </c>
      <c r="J42923" s="2">
        <v>0</v>
      </c>
      <c r="K42923" s="2">
        <v>0</v>
      </c>
      <c r="L42923" t="s">
        <v>120</v>
      </c>
      <c r="M42923" t="s">
        <v>87</v>
      </c>
      <c r="N42923" t="s">
        <v>88</v>
      </c>
      <c r="O42923" t="s">
        <v>85</v>
      </c>
      <c r="P42923" t="s">
        <v>86</v>
      </c>
      <c r="Q42923">
        <v>16</v>
      </c>
      <c r="R42923">
        <v>16</v>
      </c>
      <c r="S42923">
        <v>16</v>
      </c>
      <c r="T42923">
        <v>16</v>
      </c>
      <c r="U42923">
        <v>16</v>
      </c>
      <c r="V42923">
        <v>16</v>
      </c>
      <c r="W42923">
        <v>16</v>
      </c>
      <c r="X42923">
        <v>16</v>
      </c>
      <c r="Y42923">
        <v>16</v>
      </c>
      <c r="Z42923">
        <v>16</v>
      </c>
      <c r="AA42923">
        <v>16</v>
      </c>
      <c r="AB42923">
        <v>16</v>
      </c>
      <c r="AC42923">
        <v>16</v>
      </c>
      <c r="AD42923">
        <v>17</v>
      </c>
      <c r="AE42923">
        <v>17</v>
      </c>
      <c r="AF42923">
        <v>17</v>
      </c>
      <c r="AG42923">
        <v>17</v>
      </c>
      <c r="AH42923">
        <v>17</v>
      </c>
      <c r="AI42923">
        <v>17</v>
      </c>
      <c r="AJ42923">
        <v>17</v>
      </c>
      <c r="AK42923">
        <v>17</v>
      </c>
      <c r="AL42923">
        <v>17</v>
      </c>
      <c r="AM42923">
        <v>17</v>
      </c>
      <c r="AN42923">
        <v>17</v>
      </c>
      <c r="AO42923">
        <v>17</v>
      </c>
      <c r="AP42923">
        <v>17</v>
      </c>
      <c r="AQ42923">
        <v>17</v>
      </c>
    </row>
    <row r="42924" spans="1:43">
      <c r="A42924" t="s">
        <v>26279</v>
      </c>
      <c r="B42924" t="s">
        <v>26280</v>
      </c>
      <c r="C42924" t="s">
        <v>26281</v>
      </c>
      <c r="D42924" t="s">
        <v>26282</v>
      </c>
      <c r="E42924" t="s">
        <v>15475</v>
      </c>
      <c r="F42924" t="s">
        <v>15476</v>
      </c>
      <c r="G42924" t="s">
        <v>10734</v>
      </c>
      <c r="H42924" t="s">
        <v>10735</v>
      </c>
      <c r="I42924" s="2">
        <v>1</v>
      </c>
      <c r="J42924" s="2">
        <v>0</v>
      </c>
      <c r="K42924" s="2">
        <v>0</v>
      </c>
      <c r="L42924" t="s">
        <v>120</v>
      </c>
      <c r="M42924" t="s">
        <v>89</v>
      </c>
      <c r="N42924" t="s">
        <v>90</v>
      </c>
      <c r="O42924" t="s">
        <v>85</v>
      </c>
      <c r="P42924" t="s">
        <v>86</v>
      </c>
      <c r="Q42924">
        <v>16</v>
      </c>
      <c r="R42924">
        <v>16</v>
      </c>
      <c r="S42924">
        <v>17</v>
      </c>
      <c r="T42924">
        <v>17</v>
      </c>
      <c r="U42924">
        <v>17</v>
      </c>
      <c r="V42924">
        <v>18</v>
      </c>
      <c r="W42924">
        <v>18</v>
      </c>
      <c r="X42924">
        <v>18</v>
      </c>
      <c r="Y42924">
        <v>18</v>
      </c>
      <c r="Z42924">
        <v>19</v>
      </c>
      <c r="AA42924">
        <v>19</v>
      </c>
      <c r="AB42924">
        <v>19</v>
      </c>
      <c r="AC42924">
        <v>19</v>
      </c>
      <c r="AD42924">
        <v>20</v>
      </c>
      <c r="AE42924">
        <v>20</v>
      </c>
      <c r="AF42924">
        <v>20</v>
      </c>
      <c r="AG42924">
        <v>20</v>
      </c>
      <c r="AH42924">
        <v>20</v>
      </c>
      <c r="AI42924">
        <v>20</v>
      </c>
      <c r="AJ42924">
        <v>20</v>
      </c>
      <c r="AK42924">
        <v>20</v>
      </c>
      <c r="AL42924">
        <v>20</v>
      </c>
      <c r="AM42924">
        <v>20</v>
      </c>
      <c r="AN42924">
        <v>20</v>
      </c>
      <c r="AO42924">
        <v>20</v>
      </c>
      <c r="AP42924">
        <v>20</v>
      </c>
      <c r="AQ42924">
        <v>20</v>
      </c>
    </row>
    <row r="42925" spans="1:43">
      <c r="A42925" t="s">
        <v>26279</v>
      </c>
      <c r="B42925" t="s">
        <v>26280</v>
      </c>
      <c r="C42925" t="s">
        <v>26281</v>
      </c>
      <c r="D42925" t="s">
        <v>26282</v>
      </c>
      <c r="E42925" t="s">
        <v>15475</v>
      </c>
      <c r="F42925" t="s">
        <v>15476</v>
      </c>
      <c r="G42925" t="s">
        <v>10734</v>
      </c>
      <c r="H42925" t="s">
        <v>10735</v>
      </c>
      <c r="I42925" s="2">
        <v>1</v>
      </c>
      <c r="J42925" s="2">
        <v>0</v>
      </c>
      <c r="K42925" s="2">
        <v>0</v>
      </c>
      <c r="L42925" t="s">
        <v>120</v>
      </c>
      <c r="M42925" t="s">
        <v>83</v>
      </c>
      <c r="N42925" t="s">
        <v>91</v>
      </c>
      <c r="O42925" t="s">
        <v>85</v>
      </c>
      <c r="P42925" t="s">
        <v>86</v>
      </c>
      <c r="Q42925">
        <v>16</v>
      </c>
      <c r="R42925">
        <v>16</v>
      </c>
      <c r="S42925">
        <v>16</v>
      </c>
      <c r="T42925">
        <v>16</v>
      </c>
      <c r="U42925">
        <v>17</v>
      </c>
      <c r="V42925">
        <v>17</v>
      </c>
      <c r="W42925">
        <v>17</v>
      </c>
      <c r="X42925">
        <v>17</v>
      </c>
      <c r="Y42925">
        <v>18</v>
      </c>
      <c r="Z42925">
        <v>18</v>
      </c>
      <c r="AA42925">
        <v>18</v>
      </c>
      <c r="AB42925">
        <v>18</v>
      </c>
      <c r="AC42925">
        <v>18</v>
      </c>
      <c r="AD42925">
        <v>18</v>
      </c>
      <c r="AE42925">
        <v>19</v>
      </c>
      <c r="AF42925">
        <v>19</v>
      </c>
      <c r="AG42925">
        <v>19</v>
      </c>
      <c r="AH42925">
        <v>19</v>
      </c>
      <c r="AI42925">
        <v>19</v>
      </c>
      <c r="AJ42925">
        <v>19</v>
      </c>
      <c r="AK42925">
        <v>20</v>
      </c>
      <c r="AL42925">
        <v>20</v>
      </c>
      <c r="AM42925">
        <v>20</v>
      </c>
      <c r="AN42925">
        <v>20</v>
      </c>
      <c r="AO42925">
        <v>20</v>
      </c>
      <c r="AP42925">
        <v>20</v>
      </c>
      <c r="AQ42925">
        <v>20</v>
      </c>
    </row>
    <row r="42926" spans="1:43">
      <c r="A42926" t="s">
        <v>26283</v>
      </c>
      <c r="B42926" t="s">
        <v>26284</v>
      </c>
      <c r="C42926" t="s">
        <v>26281</v>
      </c>
      <c r="D42926" t="s">
        <v>26282</v>
      </c>
      <c r="E42926" t="s">
        <v>15475</v>
      </c>
      <c r="F42926" t="s">
        <v>15476</v>
      </c>
      <c r="G42926" t="s">
        <v>10734</v>
      </c>
      <c r="H42926" t="s">
        <v>10735</v>
      </c>
      <c r="I42926" s="2">
        <v>1</v>
      </c>
      <c r="J42926" s="2">
        <v>0</v>
      </c>
      <c r="K42926" s="2">
        <v>0</v>
      </c>
      <c r="L42926" t="s">
        <v>120</v>
      </c>
      <c r="M42926" t="s">
        <v>83</v>
      </c>
      <c r="N42926" t="s">
        <v>84</v>
      </c>
      <c r="O42926" t="s">
        <v>85</v>
      </c>
      <c r="P42926" t="s">
        <v>86</v>
      </c>
      <c r="Q42926">
        <v>20</v>
      </c>
      <c r="R42926">
        <v>20</v>
      </c>
      <c r="S42926">
        <v>21</v>
      </c>
      <c r="T42926">
        <v>21</v>
      </c>
      <c r="U42926">
        <v>21</v>
      </c>
      <c r="V42926">
        <v>22</v>
      </c>
      <c r="W42926">
        <v>22</v>
      </c>
      <c r="X42926">
        <v>22</v>
      </c>
      <c r="Y42926">
        <v>22</v>
      </c>
      <c r="Z42926">
        <v>23</v>
      </c>
      <c r="AA42926">
        <v>23</v>
      </c>
      <c r="AB42926">
        <v>23</v>
      </c>
      <c r="AC42926">
        <v>23</v>
      </c>
      <c r="AD42926">
        <v>23</v>
      </c>
      <c r="AE42926">
        <v>24</v>
      </c>
      <c r="AF42926">
        <v>24</v>
      </c>
      <c r="AG42926">
        <v>24</v>
      </c>
      <c r="AH42926">
        <v>24</v>
      </c>
      <c r="AI42926">
        <v>25</v>
      </c>
      <c r="AJ42926">
        <v>25</v>
      </c>
      <c r="AK42926">
        <v>25</v>
      </c>
      <c r="AL42926">
        <v>25</v>
      </c>
      <c r="AM42926">
        <v>25</v>
      </c>
      <c r="AN42926">
        <v>25</v>
      </c>
      <c r="AO42926">
        <v>25</v>
      </c>
      <c r="AP42926">
        <v>25</v>
      </c>
      <c r="AQ42926">
        <v>25</v>
      </c>
    </row>
    <row r="42927" spans="1:43">
      <c r="A42927" t="s">
        <v>26283</v>
      </c>
      <c r="B42927" t="s">
        <v>26284</v>
      </c>
      <c r="C42927" t="s">
        <v>26281</v>
      </c>
      <c r="D42927" t="s">
        <v>26282</v>
      </c>
      <c r="E42927" t="s">
        <v>15475</v>
      </c>
      <c r="F42927" t="s">
        <v>15476</v>
      </c>
      <c r="G42927" t="s">
        <v>10734</v>
      </c>
      <c r="H42927" t="s">
        <v>10735</v>
      </c>
      <c r="I42927" s="2">
        <v>1</v>
      </c>
      <c r="J42927" s="2">
        <v>0</v>
      </c>
      <c r="K42927" s="2">
        <v>0</v>
      </c>
      <c r="L42927" t="s">
        <v>120</v>
      </c>
      <c r="M42927" t="s">
        <v>87</v>
      </c>
      <c r="N42927" t="s">
        <v>88</v>
      </c>
      <c r="O42927" t="s">
        <v>85</v>
      </c>
      <c r="P42927" t="s">
        <v>86</v>
      </c>
      <c r="Q42927">
        <v>20</v>
      </c>
      <c r="R42927">
        <v>20</v>
      </c>
      <c r="S42927">
        <v>20</v>
      </c>
      <c r="T42927">
        <v>20</v>
      </c>
      <c r="U42927">
        <v>20</v>
      </c>
      <c r="V42927">
        <v>20</v>
      </c>
      <c r="W42927">
        <v>20</v>
      </c>
      <c r="X42927">
        <v>21</v>
      </c>
      <c r="Y42927">
        <v>21</v>
      </c>
      <c r="Z42927">
        <v>21</v>
      </c>
      <c r="AA42927">
        <v>21</v>
      </c>
      <c r="AB42927">
        <v>21</v>
      </c>
      <c r="AC42927">
        <v>21</v>
      </c>
      <c r="AD42927">
        <v>21</v>
      </c>
      <c r="AE42927">
        <v>21</v>
      </c>
      <c r="AF42927">
        <v>21</v>
      </c>
      <c r="AG42927">
        <v>21</v>
      </c>
      <c r="AH42927">
        <v>21</v>
      </c>
      <c r="AI42927">
        <v>22</v>
      </c>
      <c r="AJ42927">
        <v>22</v>
      </c>
      <c r="AK42927">
        <v>22</v>
      </c>
      <c r="AL42927">
        <v>22</v>
      </c>
      <c r="AM42927">
        <v>22</v>
      </c>
      <c r="AN42927">
        <v>22</v>
      </c>
      <c r="AO42927">
        <v>22</v>
      </c>
      <c r="AP42927">
        <v>22</v>
      </c>
      <c r="AQ42927">
        <v>22</v>
      </c>
    </row>
    <row r="42928" spans="1:43">
      <c r="A42928" t="s">
        <v>26283</v>
      </c>
      <c r="B42928" t="s">
        <v>26284</v>
      </c>
      <c r="C42928" t="s">
        <v>26281</v>
      </c>
      <c r="D42928" t="s">
        <v>26282</v>
      </c>
      <c r="E42928" t="s">
        <v>15475</v>
      </c>
      <c r="F42928" t="s">
        <v>15476</v>
      </c>
      <c r="G42928" t="s">
        <v>10734</v>
      </c>
      <c r="H42928" t="s">
        <v>10735</v>
      </c>
      <c r="I42928" s="2">
        <v>1</v>
      </c>
      <c r="J42928" s="2">
        <v>0</v>
      </c>
      <c r="K42928" s="2">
        <v>0</v>
      </c>
      <c r="L42928" t="s">
        <v>120</v>
      </c>
      <c r="M42928" t="s">
        <v>89</v>
      </c>
      <c r="N42928" t="s">
        <v>90</v>
      </c>
      <c r="O42928" t="s">
        <v>85</v>
      </c>
      <c r="P42928" t="s">
        <v>86</v>
      </c>
      <c r="Q42928">
        <v>20</v>
      </c>
      <c r="R42928">
        <v>21</v>
      </c>
      <c r="S42928">
        <v>21</v>
      </c>
      <c r="T42928">
        <v>22</v>
      </c>
      <c r="U42928">
        <v>22</v>
      </c>
      <c r="V42928">
        <v>22</v>
      </c>
      <c r="W42928">
        <v>23</v>
      </c>
      <c r="X42928">
        <v>23</v>
      </c>
      <c r="Y42928">
        <v>23</v>
      </c>
      <c r="Z42928">
        <v>24</v>
      </c>
      <c r="AA42928">
        <v>24</v>
      </c>
      <c r="AB42928">
        <v>24</v>
      </c>
      <c r="AC42928">
        <v>25</v>
      </c>
      <c r="AD42928">
        <v>25</v>
      </c>
      <c r="AE42928">
        <v>25</v>
      </c>
      <c r="AF42928">
        <v>25</v>
      </c>
      <c r="AG42928">
        <v>25</v>
      </c>
      <c r="AH42928">
        <v>25</v>
      </c>
      <c r="AI42928">
        <v>25</v>
      </c>
      <c r="AJ42928">
        <v>25</v>
      </c>
      <c r="AK42928">
        <v>25</v>
      </c>
      <c r="AL42928">
        <v>25</v>
      </c>
      <c r="AM42928">
        <v>25</v>
      </c>
      <c r="AN42928">
        <v>25</v>
      </c>
      <c r="AO42928">
        <v>25</v>
      </c>
      <c r="AP42928">
        <v>25</v>
      </c>
      <c r="AQ42928">
        <v>25</v>
      </c>
    </row>
    <row r="42929" spans="1:43">
      <c r="A42929" t="s">
        <v>26283</v>
      </c>
      <c r="B42929" t="s">
        <v>26284</v>
      </c>
      <c r="C42929" t="s">
        <v>26281</v>
      </c>
      <c r="D42929" t="s">
        <v>26282</v>
      </c>
      <c r="E42929" t="s">
        <v>15475</v>
      </c>
      <c r="F42929" t="s">
        <v>15476</v>
      </c>
      <c r="G42929" t="s">
        <v>10734</v>
      </c>
      <c r="H42929" t="s">
        <v>10735</v>
      </c>
      <c r="I42929" s="2">
        <v>1</v>
      </c>
      <c r="J42929" s="2">
        <v>0</v>
      </c>
      <c r="K42929" s="2">
        <v>0</v>
      </c>
      <c r="L42929" t="s">
        <v>120</v>
      </c>
      <c r="M42929" t="s">
        <v>83</v>
      </c>
      <c r="N42929" t="s">
        <v>91</v>
      </c>
      <c r="O42929" t="s">
        <v>85</v>
      </c>
      <c r="P42929" t="s">
        <v>86</v>
      </c>
      <c r="Q42929">
        <v>20</v>
      </c>
      <c r="R42929">
        <v>20</v>
      </c>
      <c r="S42929">
        <v>21</v>
      </c>
      <c r="T42929">
        <v>21</v>
      </c>
      <c r="U42929">
        <v>21</v>
      </c>
      <c r="V42929">
        <v>22</v>
      </c>
      <c r="W42929">
        <v>22</v>
      </c>
      <c r="X42929">
        <v>22</v>
      </c>
      <c r="Y42929">
        <v>22</v>
      </c>
      <c r="Z42929">
        <v>23</v>
      </c>
      <c r="AA42929">
        <v>23</v>
      </c>
      <c r="AB42929">
        <v>23</v>
      </c>
      <c r="AC42929">
        <v>23</v>
      </c>
      <c r="AD42929">
        <v>23</v>
      </c>
      <c r="AE42929">
        <v>24</v>
      </c>
      <c r="AF42929">
        <v>24</v>
      </c>
      <c r="AG42929">
        <v>24</v>
      </c>
      <c r="AH42929">
        <v>24</v>
      </c>
      <c r="AI42929">
        <v>25</v>
      </c>
      <c r="AJ42929">
        <v>25</v>
      </c>
      <c r="AK42929">
        <v>25</v>
      </c>
      <c r="AL42929">
        <v>25</v>
      </c>
      <c r="AM42929">
        <v>25</v>
      </c>
      <c r="AN42929">
        <v>25</v>
      </c>
      <c r="AO42929">
        <v>25</v>
      </c>
      <c r="AP42929">
        <v>25</v>
      </c>
      <c r="AQ42929">
        <v>25</v>
      </c>
    </row>
    <row r="42930" spans="1:43">
      <c r="A42930" t="s">
        <v>26285</v>
      </c>
      <c r="B42930" t="s">
        <v>26286</v>
      </c>
      <c r="C42930" t="s">
        <v>26281</v>
      </c>
      <c r="D42930" t="s">
        <v>26282</v>
      </c>
      <c r="E42930" t="s">
        <v>15475</v>
      </c>
      <c r="F42930" t="s">
        <v>15476</v>
      </c>
      <c r="G42930" t="s">
        <v>10734</v>
      </c>
      <c r="H42930" t="s">
        <v>10735</v>
      </c>
      <c r="I42930" s="2">
        <v>1</v>
      </c>
      <c r="J42930" s="2">
        <v>0</v>
      </c>
      <c r="K42930" s="2">
        <v>0</v>
      </c>
      <c r="L42930" t="s">
        <v>120</v>
      </c>
      <c r="M42930" t="s">
        <v>83</v>
      </c>
      <c r="N42930" t="s">
        <v>84</v>
      </c>
      <c r="O42930" t="s">
        <v>85</v>
      </c>
      <c r="P42930" t="s">
        <v>86</v>
      </c>
      <c r="Q42930">
        <v>11</v>
      </c>
      <c r="R42930">
        <v>11</v>
      </c>
      <c r="S42930">
        <v>11</v>
      </c>
      <c r="T42930">
        <v>12</v>
      </c>
      <c r="U42930">
        <v>12</v>
      </c>
      <c r="V42930">
        <v>12</v>
      </c>
      <c r="W42930">
        <v>12</v>
      </c>
      <c r="X42930">
        <v>12</v>
      </c>
      <c r="Y42930">
        <v>12</v>
      </c>
      <c r="Z42930">
        <v>13</v>
      </c>
      <c r="AA42930">
        <v>13</v>
      </c>
      <c r="AB42930">
        <v>13</v>
      </c>
      <c r="AC42930">
        <v>13</v>
      </c>
      <c r="AD42930">
        <v>13</v>
      </c>
      <c r="AE42930">
        <v>13</v>
      </c>
      <c r="AF42930">
        <v>13</v>
      </c>
      <c r="AG42930">
        <v>13</v>
      </c>
      <c r="AH42930">
        <v>14</v>
      </c>
      <c r="AI42930">
        <v>14</v>
      </c>
      <c r="AJ42930">
        <v>14</v>
      </c>
      <c r="AK42930">
        <v>14</v>
      </c>
      <c r="AL42930">
        <v>14</v>
      </c>
      <c r="AM42930">
        <v>14</v>
      </c>
      <c r="AN42930">
        <v>14</v>
      </c>
      <c r="AO42930">
        <v>14</v>
      </c>
      <c r="AP42930">
        <v>14</v>
      </c>
      <c r="AQ42930">
        <v>14</v>
      </c>
    </row>
    <row r="42931" spans="1:43">
      <c r="A42931" t="s">
        <v>26285</v>
      </c>
      <c r="B42931" t="s">
        <v>26286</v>
      </c>
      <c r="C42931" t="s">
        <v>26281</v>
      </c>
      <c r="D42931" t="s">
        <v>26282</v>
      </c>
      <c r="E42931" t="s">
        <v>15475</v>
      </c>
      <c r="F42931" t="s">
        <v>15476</v>
      </c>
      <c r="G42931" t="s">
        <v>10734</v>
      </c>
      <c r="H42931" t="s">
        <v>10735</v>
      </c>
      <c r="I42931" s="2">
        <v>1</v>
      </c>
      <c r="J42931" s="2">
        <v>0</v>
      </c>
      <c r="K42931" s="2">
        <v>0</v>
      </c>
      <c r="L42931" t="s">
        <v>120</v>
      </c>
      <c r="M42931" t="s">
        <v>87</v>
      </c>
      <c r="N42931" t="s">
        <v>88</v>
      </c>
      <c r="O42931" t="s">
        <v>85</v>
      </c>
      <c r="P42931" t="s">
        <v>86</v>
      </c>
      <c r="Q42931">
        <v>11</v>
      </c>
      <c r="R42931">
        <v>11</v>
      </c>
      <c r="S42931">
        <v>11</v>
      </c>
      <c r="T42931">
        <v>11</v>
      </c>
      <c r="U42931">
        <v>11</v>
      </c>
      <c r="V42931">
        <v>11</v>
      </c>
      <c r="W42931">
        <v>11</v>
      </c>
      <c r="X42931">
        <v>11</v>
      </c>
      <c r="Y42931">
        <v>11</v>
      </c>
      <c r="Z42931">
        <v>12</v>
      </c>
      <c r="AA42931">
        <v>12</v>
      </c>
      <c r="AB42931">
        <v>12</v>
      </c>
      <c r="AC42931">
        <v>12</v>
      </c>
      <c r="AD42931">
        <v>12</v>
      </c>
      <c r="AE42931">
        <v>12</v>
      </c>
      <c r="AF42931">
        <v>12</v>
      </c>
      <c r="AG42931">
        <v>12</v>
      </c>
      <c r="AH42931">
        <v>12</v>
      </c>
      <c r="AI42931">
        <v>12</v>
      </c>
      <c r="AJ42931">
        <v>12</v>
      </c>
      <c r="AK42931">
        <v>12</v>
      </c>
      <c r="AL42931">
        <v>12</v>
      </c>
      <c r="AM42931">
        <v>12</v>
      </c>
      <c r="AN42931">
        <v>12</v>
      </c>
      <c r="AO42931">
        <v>12</v>
      </c>
      <c r="AP42931">
        <v>12</v>
      </c>
      <c r="AQ42931">
        <v>12</v>
      </c>
    </row>
    <row r="42932" spans="1:43">
      <c r="A42932" t="s">
        <v>26285</v>
      </c>
      <c r="B42932" t="s">
        <v>26286</v>
      </c>
      <c r="C42932" t="s">
        <v>26281</v>
      </c>
      <c r="D42932" t="s">
        <v>26282</v>
      </c>
      <c r="E42932" t="s">
        <v>15475</v>
      </c>
      <c r="F42932" t="s">
        <v>15476</v>
      </c>
      <c r="G42932" t="s">
        <v>10734</v>
      </c>
      <c r="H42932" t="s">
        <v>10735</v>
      </c>
      <c r="I42932" s="2">
        <v>1</v>
      </c>
      <c r="J42932" s="2">
        <v>0</v>
      </c>
      <c r="K42932" s="2">
        <v>0</v>
      </c>
      <c r="L42932" t="s">
        <v>120</v>
      </c>
      <c r="M42932" t="s">
        <v>89</v>
      </c>
      <c r="N42932" t="s">
        <v>90</v>
      </c>
      <c r="O42932" t="s">
        <v>85</v>
      </c>
      <c r="P42932" t="s">
        <v>86</v>
      </c>
      <c r="Q42932">
        <v>11</v>
      </c>
      <c r="R42932">
        <v>12</v>
      </c>
      <c r="S42932">
        <v>12</v>
      </c>
      <c r="T42932">
        <v>12</v>
      </c>
      <c r="U42932">
        <v>12</v>
      </c>
      <c r="V42932">
        <v>12</v>
      </c>
      <c r="W42932">
        <v>13</v>
      </c>
      <c r="X42932">
        <v>13</v>
      </c>
      <c r="Y42932">
        <v>13</v>
      </c>
      <c r="Z42932">
        <v>13</v>
      </c>
      <c r="AA42932">
        <v>13</v>
      </c>
      <c r="AB42932">
        <v>14</v>
      </c>
      <c r="AC42932">
        <v>14</v>
      </c>
      <c r="AD42932">
        <v>14</v>
      </c>
      <c r="AE42932">
        <v>14</v>
      </c>
      <c r="AF42932">
        <v>14</v>
      </c>
      <c r="AG42932">
        <v>14</v>
      </c>
      <c r="AH42932">
        <v>14</v>
      </c>
      <c r="AI42932">
        <v>14</v>
      </c>
      <c r="AJ42932">
        <v>14</v>
      </c>
      <c r="AK42932">
        <v>14</v>
      </c>
      <c r="AL42932">
        <v>14</v>
      </c>
      <c r="AM42932">
        <v>14</v>
      </c>
      <c r="AN42932">
        <v>14</v>
      </c>
      <c r="AO42932">
        <v>14</v>
      </c>
      <c r="AP42932">
        <v>14</v>
      </c>
      <c r="AQ42932">
        <v>14</v>
      </c>
    </row>
    <row r="42933" spans="1:43">
      <c r="A42933" t="s">
        <v>26285</v>
      </c>
      <c r="B42933" t="s">
        <v>26286</v>
      </c>
      <c r="C42933" t="s">
        <v>26281</v>
      </c>
      <c r="D42933" t="s">
        <v>26282</v>
      </c>
      <c r="E42933" t="s">
        <v>15475</v>
      </c>
      <c r="F42933" t="s">
        <v>15476</v>
      </c>
      <c r="G42933" t="s">
        <v>10734</v>
      </c>
      <c r="H42933" t="s">
        <v>10735</v>
      </c>
      <c r="I42933" s="2">
        <v>1</v>
      </c>
      <c r="J42933" s="2">
        <v>0</v>
      </c>
      <c r="K42933" s="2">
        <v>0</v>
      </c>
      <c r="L42933" t="s">
        <v>120</v>
      </c>
      <c r="M42933" t="s">
        <v>83</v>
      </c>
      <c r="N42933" t="s">
        <v>91</v>
      </c>
      <c r="O42933" t="s">
        <v>85</v>
      </c>
      <c r="P42933" t="s">
        <v>86</v>
      </c>
      <c r="Q42933">
        <v>11</v>
      </c>
      <c r="R42933">
        <v>11</v>
      </c>
      <c r="S42933">
        <v>11</v>
      </c>
      <c r="T42933">
        <v>12</v>
      </c>
      <c r="U42933">
        <v>12</v>
      </c>
      <c r="V42933">
        <v>12</v>
      </c>
      <c r="W42933">
        <v>12</v>
      </c>
      <c r="X42933">
        <v>12</v>
      </c>
      <c r="Y42933">
        <v>12</v>
      </c>
      <c r="Z42933">
        <v>13</v>
      </c>
      <c r="AA42933">
        <v>13</v>
      </c>
      <c r="AB42933">
        <v>13</v>
      </c>
      <c r="AC42933">
        <v>13</v>
      </c>
      <c r="AD42933">
        <v>13</v>
      </c>
      <c r="AE42933">
        <v>13</v>
      </c>
      <c r="AF42933">
        <v>13</v>
      </c>
      <c r="AG42933">
        <v>13</v>
      </c>
      <c r="AH42933">
        <v>14</v>
      </c>
      <c r="AI42933">
        <v>14</v>
      </c>
      <c r="AJ42933">
        <v>14</v>
      </c>
      <c r="AK42933">
        <v>14</v>
      </c>
      <c r="AL42933">
        <v>14</v>
      </c>
      <c r="AM42933">
        <v>14</v>
      </c>
      <c r="AN42933">
        <v>14</v>
      </c>
      <c r="AO42933">
        <v>14</v>
      </c>
      <c r="AP42933">
        <v>14</v>
      </c>
      <c r="AQ42933">
        <v>14</v>
      </c>
    </row>
    <row r="42934" spans="1:43">
      <c r="A42934" t="s">
        <v>26287</v>
      </c>
      <c r="B42934" t="s">
        <v>26288</v>
      </c>
      <c r="C42934" t="s">
        <v>26281</v>
      </c>
      <c r="D42934" t="s">
        <v>26282</v>
      </c>
      <c r="E42934" t="s">
        <v>15475</v>
      </c>
      <c r="F42934" t="s">
        <v>15476</v>
      </c>
      <c r="G42934" t="s">
        <v>10734</v>
      </c>
      <c r="H42934" t="s">
        <v>10735</v>
      </c>
      <c r="I42934" s="2">
        <v>1</v>
      </c>
      <c r="J42934" s="2">
        <v>0</v>
      </c>
      <c r="K42934" s="2">
        <v>0</v>
      </c>
      <c r="L42934" t="s">
        <v>120</v>
      </c>
      <c r="M42934" t="s">
        <v>83</v>
      </c>
      <c r="N42934" t="s">
        <v>84</v>
      </c>
      <c r="O42934" t="s">
        <v>85</v>
      </c>
      <c r="P42934" t="s">
        <v>86</v>
      </c>
      <c r="Q42934">
        <v>14</v>
      </c>
      <c r="R42934">
        <v>14</v>
      </c>
      <c r="S42934">
        <v>14</v>
      </c>
      <c r="T42934">
        <v>14</v>
      </c>
      <c r="U42934">
        <v>15</v>
      </c>
      <c r="V42934">
        <v>15</v>
      </c>
      <c r="W42934">
        <v>15</v>
      </c>
      <c r="X42934">
        <v>15</v>
      </c>
      <c r="Y42934">
        <v>15</v>
      </c>
      <c r="Z42934">
        <v>15</v>
      </c>
      <c r="AA42934">
        <v>16</v>
      </c>
      <c r="AB42934">
        <v>16</v>
      </c>
      <c r="AC42934">
        <v>16</v>
      </c>
      <c r="AD42934">
        <v>16</v>
      </c>
      <c r="AE42934">
        <v>16</v>
      </c>
      <c r="AF42934">
        <v>16</v>
      </c>
      <c r="AG42934">
        <v>17</v>
      </c>
      <c r="AH42934">
        <v>17</v>
      </c>
      <c r="AI42934">
        <v>17</v>
      </c>
      <c r="AJ42934">
        <v>17</v>
      </c>
      <c r="AK42934">
        <v>17</v>
      </c>
      <c r="AL42934">
        <v>17</v>
      </c>
      <c r="AM42934">
        <v>17</v>
      </c>
      <c r="AN42934">
        <v>17</v>
      </c>
      <c r="AO42934">
        <v>17</v>
      </c>
      <c r="AP42934">
        <v>17</v>
      </c>
      <c r="AQ42934">
        <v>17</v>
      </c>
    </row>
    <row r="42935" spans="1:43">
      <c r="A42935" t="s">
        <v>26287</v>
      </c>
      <c r="B42935" t="s">
        <v>26288</v>
      </c>
      <c r="C42935" t="s">
        <v>26281</v>
      </c>
      <c r="D42935" t="s">
        <v>26282</v>
      </c>
      <c r="E42935" t="s">
        <v>15475</v>
      </c>
      <c r="F42935" t="s">
        <v>15476</v>
      </c>
      <c r="G42935" t="s">
        <v>10734</v>
      </c>
      <c r="H42935" t="s">
        <v>10735</v>
      </c>
      <c r="I42935" s="2">
        <v>1</v>
      </c>
      <c r="J42935" s="2">
        <v>0</v>
      </c>
      <c r="K42935" s="2">
        <v>0</v>
      </c>
      <c r="L42935" t="s">
        <v>120</v>
      </c>
      <c r="M42935" t="s">
        <v>87</v>
      </c>
      <c r="N42935" t="s">
        <v>88</v>
      </c>
      <c r="O42935" t="s">
        <v>85</v>
      </c>
      <c r="P42935" t="s">
        <v>86</v>
      </c>
      <c r="Q42935">
        <v>14</v>
      </c>
      <c r="R42935">
        <v>14</v>
      </c>
      <c r="S42935">
        <v>14</v>
      </c>
      <c r="T42935">
        <v>14</v>
      </c>
      <c r="U42935">
        <v>14</v>
      </c>
      <c r="V42935">
        <v>14</v>
      </c>
      <c r="W42935">
        <v>14</v>
      </c>
      <c r="X42935">
        <v>14</v>
      </c>
      <c r="Y42935">
        <v>14</v>
      </c>
      <c r="Z42935">
        <v>14</v>
      </c>
      <c r="AA42935">
        <v>14</v>
      </c>
      <c r="AB42935">
        <v>14</v>
      </c>
      <c r="AC42935">
        <v>14</v>
      </c>
      <c r="AD42935">
        <v>14</v>
      </c>
      <c r="AE42935">
        <v>15</v>
      </c>
      <c r="AF42935">
        <v>15</v>
      </c>
      <c r="AG42935">
        <v>15</v>
      </c>
      <c r="AH42935">
        <v>15</v>
      </c>
      <c r="AI42935">
        <v>15</v>
      </c>
      <c r="AJ42935">
        <v>15</v>
      </c>
      <c r="AK42935">
        <v>15</v>
      </c>
      <c r="AL42935">
        <v>15</v>
      </c>
      <c r="AM42935">
        <v>15</v>
      </c>
      <c r="AN42935">
        <v>15</v>
      </c>
      <c r="AO42935">
        <v>15</v>
      </c>
      <c r="AP42935">
        <v>15</v>
      </c>
      <c r="AQ42935">
        <v>15</v>
      </c>
    </row>
    <row r="42936" spans="1:43">
      <c r="A42936" t="s">
        <v>26287</v>
      </c>
      <c r="B42936" t="s">
        <v>26288</v>
      </c>
      <c r="C42936" t="s">
        <v>26281</v>
      </c>
      <c r="D42936" t="s">
        <v>26282</v>
      </c>
      <c r="E42936" t="s">
        <v>15475</v>
      </c>
      <c r="F42936" t="s">
        <v>15476</v>
      </c>
      <c r="G42936" t="s">
        <v>10734</v>
      </c>
      <c r="H42936" t="s">
        <v>10735</v>
      </c>
      <c r="I42936" s="2">
        <v>1</v>
      </c>
      <c r="J42936" s="2">
        <v>0</v>
      </c>
      <c r="K42936" s="2">
        <v>0</v>
      </c>
      <c r="L42936" t="s">
        <v>120</v>
      </c>
      <c r="M42936" t="s">
        <v>89</v>
      </c>
      <c r="N42936" t="s">
        <v>90</v>
      </c>
      <c r="O42936" t="s">
        <v>85</v>
      </c>
      <c r="P42936" t="s">
        <v>86</v>
      </c>
      <c r="Q42936">
        <v>14</v>
      </c>
      <c r="R42936">
        <v>14</v>
      </c>
      <c r="S42936">
        <v>15</v>
      </c>
      <c r="T42936">
        <v>15</v>
      </c>
      <c r="U42936">
        <v>15</v>
      </c>
      <c r="V42936">
        <v>15</v>
      </c>
      <c r="W42936">
        <v>16</v>
      </c>
      <c r="X42936">
        <v>16</v>
      </c>
      <c r="Y42936">
        <v>16</v>
      </c>
      <c r="Z42936">
        <v>16</v>
      </c>
      <c r="AA42936">
        <v>17</v>
      </c>
      <c r="AB42936">
        <v>17</v>
      </c>
      <c r="AC42936">
        <v>17</v>
      </c>
      <c r="AD42936">
        <v>17</v>
      </c>
      <c r="AE42936">
        <v>17</v>
      </c>
      <c r="AF42936">
        <v>17</v>
      </c>
      <c r="AG42936">
        <v>17</v>
      </c>
      <c r="AH42936">
        <v>17</v>
      </c>
      <c r="AI42936">
        <v>17</v>
      </c>
      <c r="AJ42936">
        <v>17</v>
      </c>
      <c r="AK42936">
        <v>17</v>
      </c>
      <c r="AL42936">
        <v>17</v>
      </c>
      <c r="AM42936">
        <v>17</v>
      </c>
      <c r="AN42936">
        <v>17</v>
      </c>
      <c r="AO42936">
        <v>17</v>
      </c>
      <c r="AP42936">
        <v>17</v>
      </c>
      <c r="AQ42936">
        <v>17</v>
      </c>
    </row>
    <row r="42937" spans="1:43">
      <c r="A42937" t="s">
        <v>26287</v>
      </c>
      <c r="B42937" t="s">
        <v>26288</v>
      </c>
      <c r="C42937" t="s">
        <v>26281</v>
      </c>
      <c r="D42937" t="s">
        <v>26282</v>
      </c>
      <c r="E42937" t="s">
        <v>15475</v>
      </c>
      <c r="F42937" t="s">
        <v>15476</v>
      </c>
      <c r="G42937" t="s">
        <v>10734</v>
      </c>
      <c r="H42937" t="s">
        <v>10735</v>
      </c>
      <c r="I42937" s="2">
        <v>1</v>
      </c>
      <c r="J42937" s="2">
        <v>0</v>
      </c>
      <c r="K42937" s="2">
        <v>0</v>
      </c>
      <c r="L42937" t="s">
        <v>120</v>
      </c>
      <c r="M42937" t="s">
        <v>83</v>
      </c>
      <c r="N42937" t="s">
        <v>91</v>
      </c>
      <c r="O42937" t="s">
        <v>85</v>
      </c>
      <c r="P42937" t="s">
        <v>86</v>
      </c>
      <c r="Q42937">
        <v>14</v>
      </c>
      <c r="R42937">
        <v>14</v>
      </c>
      <c r="S42937">
        <v>14</v>
      </c>
      <c r="T42937">
        <v>14</v>
      </c>
      <c r="U42937">
        <v>15</v>
      </c>
      <c r="V42937">
        <v>15</v>
      </c>
      <c r="W42937">
        <v>15</v>
      </c>
      <c r="X42937">
        <v>15</v>
      </c>
      <c r="Y42937">
        <v>15</v>
      </c>
      <c r="Z42937">
        <v>15</v>
      </c>
      <c r="AA42937">
        <v>16</v>
      </c>
      <c r="AB42937">
        <v>16</v>
      </c>
      <c r="AC42937">
        <v>16</v>
      </c>
      <c r="AD42937">
        <v>16</v>
      </c>
      <c r="AE42937">
        <v>16</v>
      </c>
      <c r="AF42937">
        <v>16</v>
      </c>
      <c r="AG42937">
        <v>17</v>
      </c>
      <c r="AH42937">
        <v>17</v>
      </c>
      <c r="AI42937">
        <v>17</v>
      </c>
      <c r="AJ42937">
        <v>17</v>
      </c>
      <c r="AK42937">
        <v>17</v>
      </c>
      <c r="AL42937">
        <v>17</v>
      </c>
      <c r="AM42937">
        <v>17</v>
      </c>
      <c r="AN42937">
        <v>17</v>
      </c>
      <c r="AO42937">
        <v>17</v>
      </c>
      <c r="AP42937">
        <v>17</v>
      </c>
      <c r="AQ42937">
        <v>17</v>
      </c>
    </row>
    <row r="42938" spans="1:43">
      <c r="A42938" t="s">
        <v>26289</v>
      </c>
      <c r="B42938" t="s">
        <v>26290</v>
      </c>
      <c r="C42938" t="s">
        <v>26281</v>
      </c>
      <c r="D42938" t="s">
        <v>26282</v>
      </c>
      <c r="E42938" t="s">
        <v>15475</v>
      </c>
      <c r="F42938" t="s">
        <v>15476</v>
      </c>
      <c r="G42938" t="s">
        <v>10734</v>
      </c>
      <c r="H42938" t="s">
        <v>10735</v>
      </c>
      <c r="I42938" s="2">
        <v>1</v>
      </c>
      <c r="J42938" s="2">
        <v>0</v>
      </c>
      <c r="K42938" s="2">
        <v>0</v>
      </c>
      <c r="L42938" t="s">
        <v>120</v>
      </c>
      <c r="M42938" t="s">
        <v>83</v>
      </c>
      <c r="N42938" t="s">
        <v>84</v>
      </c>
      <c r="O42938" t="s">
        <v>85</v>
      </c>
      <c r="P42938" t="s">
        <v>86</v>
      </c>
      <c r="Q42938">
        <v>40</v>
      </c>
      <c r="R42938">
        <v>40</v>
      </c>
      <c r="S42938">
        <v>41</v>
      </c>
      <c r="T42938">
        <v>41</v>
      </c>
      <c r="U42938">
        <v>42</v>
      </c>
      <c r="V42938">
        <v>43</v>
      </c>
      <c r="W42938">
        <v>43</v>
      </c>
      <c r="X42938">
        <v>44</v>
      </c>
      <c r="Y42938">
        <v>44</v>
      </c>
      <c r="Z42938">
        <v>45</v>
      </c>
      <c r="AA42938">
        <v>45</v>
      </c>
      <c r="AB42938">
        <v>45</v>
      </c>
      <c r="AC42938">
        <v>46</v>
      </c>
      <c r="AD42938">
        <v>46</v>
      </c>
      <c r="AE42938">
        <v>47</v>
      </c>
      <c r="AF42938">
        <v>47</v>
      </c>
      <c r="AG42938">
        <v>48</v>
      </c>
      <c r="AH42938">
        <v>48</v>
      </c>
      <c r="AI42938">
        <v>49</v>
      </c>
      <c r="AJ42938">
        <v>49</v>
      </c>
      <c r="AK42938">
        <v>49</v>
      </c>
      <c r="AL42938">
        <v>50</v>
      </c>
      <c r="AM42938">
        <v>50</v>
      </c>
      <c r="AN42938">
        <v>50</v>
      </c>
      <c r="AO42938">
        <v>50</v>
      </c>
      <c r="AP42938">
        <v>50</v>
      </c>
      <c r="AQ42938">
        <v>50</v>
      </c>
    </row>
    <row r="42939" spans="1:43">
      <c r="A42939" t="s">
        <v>26289</v>
      </c>
      <c r="B42939" t="s">
        <v>26290</v>
      </c>
      <c r="C42939" t="s">
        <v>26281</v>
      </c>
      <c r="D42939" t="s">
        <v>26282</v>
      </c>
      <c r="E42939" t="s">
        <v>15475</v>
      </c>
      <c r="F42939" t="s">
        <v>15476</v>
      </c>
      <c r="G42939" t="s">
        <v>10734</v>
      </c>
      <c r="H42939" t="s">
        <v>10735</v>
      </c>
      <c r="I42939" s="2">
        <v>1</v>
      </c>
      <c r="J42939" s="2">
        <v>0</v>
      </c>
      <c r="K42939" s="2">
        <v>0</v>
      </c>
      <c r="L42939" t="s">
        <v>120</v>
      </c>
      <c r="M42939" t="s">
        <v>87</v>
      </c>
      <c r="N42939" t="s">
        <v>88</v>
      </c>
      <c r="O42939" t="s">
        <v>85</v>
      </c>
      <c r="P42939" t="s">
        <v>86</v>
      </c>
      <c r="Q42939">
        <v>40</v>
      </c>
      <c r="R42939">
        <v>41</v>
      </c>
      <c r="S42939">
        <v>41</v>
      </c>
      <c r="T42939">
        <v>41</v>
      </c>
      <c r="U42939">
        <v>41</v>
      </c>
      <c r="V42939">
        <v>41</v>
      </c>
      <c r="W42939">
        <v>42</v>
      </c>
      <c r="X42939">
        <v>42</v>
      </c>
      <c r="Y42939">
        <v>42</v>
      </c>
      <c r="Z42939">
        <v>42</v>
      </c>
      <c r="AA42939">
        <v>42</v>
      </c>
      <c r="AB42939">
        <v>42</v>
      </c>
      <c r="AC42939">
        <v>43</v>
      </c>
      <c r="AD42939">
        <v>43</v>
      </c>
      <c r="AE42939">
        <v>43</v>
      </c>
      <c r="AF42939">
        <v>43</v>
      </c>
      <c r="AG42939">
        <v>43</v>
      </c>
      <c r="AH42939">
        <v>43</v>
      </c>
      <c r="AI42939">
        <v>44</v>
      </c>
      <c r="AJ42939">
        <v>44</v>
      </c>
      <c r="AK42939">
        <v>44</v>
      </c>
      <c r="AL42939">
        <v>44</v>
      </c>
      <c r="AM42939">
        <v>44</v>
      </c>
      <c r="AN42939">
        <v>44</v>
      </c>
      <c r="AO42939">
        <v>45</v>
      </c>
      <c r="AP42939">
        <v>45</v>
      </c>
      <c r="AQ42939">
        <v>45</v>
      </c>
    </row>
    <row r="42940" spans="1:43">
      <c r="A42940" t="s">
        <v>26289</v>
      </c>
      <c r="B42940" t="s">
        <v>26290</v>
      </c>
      <c r="C42940" t="s">
        <v>26281</v>
      </c>
      <c r="D42940" t="s">
        <v>26282</v>
      </c>
      <c r="E42940" t="s">
        <v>15475</v>
      </c>
      <c r="F42940" t="s">
        <v>15476</v>
      </c>
      <c r="G42940" t="s">
        <v>10734</v>
      </c>
      <c r="H42940" t="s">
        <v>10735</v>
      </c>
      <c r="I42940" s="2">
        <v>1</v>
      </c>
      <c r="J42940" s="2">
        <v>0</v>
      </c>
      <c r="K42940" s="2">
        <v>0</v>
      </c>
      <c r="L42940" t="s">
        <v>120</v>
      </c>
      <c r="M42940" t="s">
        <v>89</v>
      </c>
      <c r="N42940" t="s">
        <v>90</v>
      </c>
      <c r="O42940" t="s">
        <v>85</v>
      </c>
      <c r="P42940" t="s">
        <v>86</v>
      </c>
      <c r="Q42940">
        <v>40</v>
      </c>
      <c r="R42940">
        <v>41</v>
      </c>
      <c r="S42940">
        <v>42</v>
      </c>
      <c r="T42940">
        <v>43</v>
      </c>
      <c r="U42940">
        <v>44</v>
      </c>
      <c r="V42940">
        <v>44</v>
      </c>
      <c r="W42940">
        <v>45</v>
      </c>
      <c r="X42940">
        <v>46</v>
      </c>
      <c r="Y42940">
        <v>46</v>
      </c>
      <c r="Z42940">
        <v>47</v>
      </c>
      <c r="AA42940">
        <v>48</v>
      </c>
      <c r="AB42940">
        <v>48</v>
      </c>
      <c r="AC42940">
        <v>49</v>
      </c>
      <c r="AD42940">
        <v>49</v>
      </c>
      <c r="AE42940">
        <v>50</v>
      </c>
      <c r="AF42940">
        <v>50</v>
      </c>
      <c r="AG42940">
        <v>50</v>
      </c>
      <c r="AH42940">
        <v>50</v>
      </c>
      <c r="AI42940">
        <v>50</v>
      </c>
      <c r="AJ42940">
        <v>50</v>
      </c>
      <c r="AK42940">
        <v>50</v>
      </c>
      <c r="AL42940">
        <v>50</v>
      </c>
      <c r="AM42940">
        <v>50</v>
      </c>
      <c r="AN42940">
        <v>50</v>
      </c>
      <c r="AO42940">
        <v>50</v>
      </c>
      <c r="AP42940">
        <v>50</v>
      </c>
      <c r="AQ42940">
        <v>50</v>
      </c>
    </row>
    <row r="42941" spans="1:43">
      <c r="A42941" t="s">
        <v>26289</v>
      </c>
      <c r="B42941" t="s">
        <v>26290</v>
      </c>
      <c r="C42941" t="s">
        <v>26281</v>
      </c>
      <c r="D42941" t="s">
        <v>26282</v>
      </c>
      <c r="E42941" t="s">
        <v>15475</v>
      </c>
      <c r="F42941" t="s">
        <v>15476</v>
      </c>
      <c r="G42941" t="s">
        <v>10734</v>
      </c>
      <c r="H42941" t="s">
        <v>10735</v>
      </c>
      <c r="I42941" s="2">
        <v>1</v>
      </c>
      <c r="J42941" s="2">
        <v>0</v>
      </c>
      <c r="K42941" s="2">
        <v>0</v>
      </c>
      <c r="L42941" t="s">
        <v>120</v>
      </c>
      <c r="M42941" t="s">
        <v>83</v>
      </c>
      <c r="N42941" t="s">
        <v>91</v>
      </c>
      <c r="O42941" t="s">
        <v>85</v>
      </c>
      <c r="P42941" t="s">
        <v>86</v>
      </c>
      <c r="Q42941">
        <v>40</v>
      </c>
      <c r="R42941">
        <v>40</v>
      </c>
      <c r="S42941">
        <v>41</v>
      </c>
      <c r="T42941">
        <v>41</v>
      </c>
      <c r="U42941">
        <v>42</v>
      </c>
      <c r="V42941">
        <v>43</v>
      </c>
      <c r="W42941">
        <v>43</v>
      </c>
      <c r="X42941">
        <v>44</v>
      </c>
      <c r="Y42941">
        <v>44</v>
      </c>
      <c r="Z42941">
        <v>45</v>
      </c>
      <c r="AA42941">
        <v>45</v>
      </c>
      <c r="AB42941">
        <v>45</v>
      </c>
      <c r="AC42941">
        <v>46</v>
      </c>
      <c r="AD42941">
        <v>46</v>
      </c>
      <c r="AE42941">
        <v>47</v>
      </c>
      <c r="AF42941">
        <v>47</v>
      </c>
      <c r="AG42941">
        <v>48</v>
      </c>
      <c r="AH42941">
        <v>48</v>
      </c>
      <c r="AI42941">
        <v>49</v>
      </c>
      <c r="AJ42941">
        <v>49</v>
      </c>
      <c r="AK42941">
        <v>49</v>
      </c>
      <c r="AL42941">
        <v>50</v>
      </c>
      <c r="AM42941">
        <v>50</v>
      </c>
      <c r="AN42941">
        <v>50</v>
      </c>
      <c r="AO42941">
        <v>50</v>
      </c>
      <c r="AP42941">
        <v>50</v>
      </c>
      <c r="AQ42941">
        <v>50</v>
      </c>
    </row>
    <row r="42942" spans="1:43">
      <c r="A42942" t="s">
        <v>26291</v>
      </c>
      <c r="B42942" t="s">
        <v>26292</v>
      </c>
      <c r="C42942" t="s">
        <v>16527</v>
      </c>
      <c r="D42942" t="s">
        <v>16528</v>
      </c>
      <c r="E42942" t="s">
        <v>16459</v>
      </c>
      <c r="F42942" t="s">
        <v>16460</v>
      </c>
      <c r="G42942" t="s">
        <v>10734</v>
      </c>
      <c r="H42942" t="s">
        <v>10735</v>
      </c>
      <c r="I42942" s="2">
        <v>1</v>
      </c>
      <c r="J42942" s="2">
        <v>0</v>
      </c>
      <c r="K42942" s="2">
        <v>0</v>
      </c>
      <c r="L42942" t="s">
        <v>120</v>
      </c>
      <c r="M42942" t="s">
        <v>83</v>
      </c>
      <c r="N42942" t="s">
        <v>84</v>
      </c>
      <c r="O42942" t="s">
        <v>85</v>
      </c>
      <c r="P42942" t="s">
        <v>86</v>
      </c>
      <c r="Q42942">
        <v>36</v>
      </c>
      <c r="R42942">
        <v>37</v>
      </c>
      <c r="S42942">
        <v>38</v>
      </c>
      <c r="T42942">
        <v>39</v>
      </c>
      <c r="U42942">
        <v>40</v>
      </c>
      <c r="V42942">
        <v>41</v>
      </c>
      <c r="W42942">
        <v>42</v>
      </c>
      <c r="X42942">
        <v>43</v>
      </c>
      <c r="Y42942">
        <v>44</v>
      </c>
      <c r="Z42942">
        <v>45</v>
      </c>
      <c r="AA42942">
        <v>46</v>
      </c>
      <c r="AB42942">
        <v>47</v>
      </c>
      <c r="AC42942">
        <v>48</v>
      </c>
      <c r="AD42942">
        <v>49</v>
      </c>
      <c r="AE42942">
        <v>50</v>
      </c>
      <c r="AF42942">
        <v>51</v>
      </c>
      <c r="AG42942">
        <v>52</v>
      </c>
      <c r="AH42942">
        <v>53</v>
      </c>
      <c r="AI42942">
        <v>54</v>
      </c>
      <c r="AJ42942">
        <v>56</v>
      </c>
      <c r="AK42942">
        <v>57</v>
      </c>
      <c r="AL42942">
        <v>57</v>
      </c>
      <c r="AM42942">
        <v>58</v>
      </c>
      <c r="AN42942">
        <v>58</v>
      </c>
      <c r="AO42942">
        <v>59</v>
      </c>
      <c r="AP42942">
        <v>59</v>
      </c>
      <c r="AQ42942">
        <v>60</v>
      </c>
    </row>
    <row r="42943" spans="1:43">
      <c r="A42943" t="s">
        <v>26291</v>
      </c>
      <c r="B42943" t="s">
        <v>26292</v>
      </c>
      <c r="C42943" t="s">
        <v>16527</v>
      </c>
      <c r="D42943" t="s">
        <v>16528</v>
      </c>
      <c r="E42943" t="s">
        <v>16459</v>
      </c>
      <c r="F42943" t="s">
        <v>16460</v>
      </c>
      <c r="G42943" t="s">
        <v>10734</v>
      </c>
      <c r="H42943" t="s">
        <v>10735</v>
      </c>
      <c r="I42943" s="2">
        <v>1</v>
      </c>
      <c r="J42943" s="2">
        <v>0</v>
      </c>
      <c r="K42943" s="2">
        <v>0</v>
      </c>
      <c r="L42943" t="s">
        <v>120</v>
      </c>
      <c r="M42943" t="s">
        <v>87</v>
      </c>
      <c r="N42943" t="s">
        <v>88</v>
      </c>
      <c r="O42943" t="s">
        <v>85</v>
      </c>
      <c r="P42943" t="s">
        <v>86</v>
      </c>
      <c r="Q42943">
        <v>36</v>
      </c>
      <c r="R42943">
        <v>36</v>
      </c>
      <c r="S42943">
        <v>37</v>
      </c>
      <c r="T42943">
        <v>37</v>
      </c>
      <c r="U42943">
        <v>38</v>
      </c>
      <c r="V42943">
        <v>39</v>
      </c>
      <c r="W42943">
        <v>39</v>
      </c>
      <c r="X42943">
        <v>40</v>
      </c>
      <c r="Y42943">
        <v>41</v>
      </c>
      <c r="Z42943">
        <v>41</v>
      </c>
      <c r="AA42943">
        <v>42</v>
      </c>
      <c r="AB42943">
        <v>42</v>
      </c>
      <c r="AC42943">
        <v>43</v>
      </c>
      <c r="AD42943">
        <v>44</v>
      </c>
      <c r="AE42943">
        <v>44</v>
      </c>
      <c r="AF42943">
        <v>45</v>
      </c>
      <c r="AG42943">
        <v>46</v>
      </c>
      <c r="AH42943">
        <v>46</v>
      </c>
      <c r="AI42943">
        <v>47</v>
      </c>
      <c r="AJ42943">
        <v>48</v>
      </c>
      <c r="AK42943">
        <v>48</v>
      </c>
      <c r="AL42943">
        <v>49</v>
      </c>
      <c r="AM42943">
        <v>49</v>
      </c>
      <c r="AN42943">
        <v>50</v>
      </c>
      <c r="AO42943">
        <v>51</v>
      </c>
      <c r="AP42943">
        <v>51</v>
      </c>
      <c r="AQ42943">
        <v>52</v>
      </c>
    </row>
    <row r="42944" spans="1:43">
      <c r="A42944" t="s">
        <v>26291</v>
      </c>
      <c r="B42944" t="s">
        <v>26292</v>
      </c>
      <c r="C42944" t="s">
        <v>16527</v>
      </c>
      <c r="D42944" t="s">
        <v>16528</v>
      </c>
      <c r="E42944" t="s">
        <v>16459</v>
      </c>
      <c r="F42944" t="s">
        <v>16460</v>
      </c>
      <c r="G42944" t="s">
        <v>10734</v>
      </c>
      <c r="H42944" t="s">
        <v>10735</v>
      </c>
      <c r="I42944" s="2">
        <v>1</v>
      </c>
      <c r="J42944" s="2">
        <v>0</v>
      </c>
      <c r="K42944" s="2">
        <v>0</v>
      </c>
      <c r="L42944" t="s">
        <v>120</v>
      </c>
      <c r="M42944" t="s">
        <v>89</v>
      </c>
      <c r="N42944" t="s">
        <v>90</v>
      </c>
      <c r="O42944" t="s">
        <v>85</v>
      </c>
      <c r="P42944" t="s">
        <v>86</v>
      </c>
      <c r="Q42944">
        <v>36</v>
      </c>
      <c r="R42944">
        <v>38</v>
      </c>
      <c r="S42944">
        <v>39</v>
      </c>
      <c r="T42944">
        <v>40</v>
      </c>
      <c r="U42944">
        <v>41</v>
      </c>
      <c r="V42944">
        <v>43</v>
      </c>
      <c r="W42944">
        <v>44</v>
      </c>
      <c r="X42944">
        <v>45</v>
      </c>
      <c r="Y42944">
        <v>46</v>
      </c>
      <c r="Z42944">
        <v>48</v>
      </c>
      <c r="AA42944">
        <v>49</v>
      </c>
      <c r="AB42944">
        <v>50</v>
      </c>
      <c r="AC42944">
        <v>52</v>
      </c>
      <c r="AD42944">
        <v>53</v>
      </c>
      <c r="AE42944">
        <v>54</v>
      </c>
      <c r="AF42944">
        <v>54</v>
      </c>
      <c r="AG42944">
        <v>55</v>
      </c>
      <c r="AH42944">
        <v>56</v>
      </c>
      <c r="AI42944">
        <v>56</v>
      </c>
      <c r="AJ42944">
        <v>57</v>
      </c>
      <c r="AK42944">
        <v>57</v>
      </c>
      <c r="AL42944">
        <v>58</v>
      </c>
      <c r="AM42944">
        <v>58</v>
      </c>
      <c r="AN42944">
        <v>59</v>
      </c>
      <c r="AO42944">
        <v>59</v>
      </c>
      <c r="AP42944">
        <v>60</v>
      </c>
      <c r="AQ42944">
        <v>60</v>
      </c>
    </row>
    <row r="42945" spans="1:43">
      <c r="A42945" t="s">
        <v>26291</v>
      </c>
      <c r="B42945" t="s">
        <v>26292</v>
      </c>
      <c r="C42945" t="s">
        <v>16527</v>
      </c>
      <c r="D42945" t="s">
        <v>16528</v>
      </c>
      <c r="E42945" t="s">
        <v>16459</v>
      </c>
      <c r="F42945" t="s">
        <v>16460</v>
      </c>
      <c r="G42945" t="s">
        <v>10734</v>
      </c>
      <c r="H42945" t="s">
        <v>10735</v>
      </c>
      <c r="I42945" s="2">
        <v>1</v>
      </c>
      <c r="J42945" s="2">
        <v>0</v>
      </c>
      <c r="K42945" s="2">
        <v>0</v>
      </c>
      <c r="L42945" t="s">
        <v>120</v>
      </c>
      <c r="M42945" t="s">
        <v>83</v>
      </c>
      <c r="N42945" t="s">
        <v>91</v>
      </c>
      <c r="O42945" t="s">
        <v>85</v>
      </c>
      <c r="P42945" t="s">
        <v>86</v>
      </c>
      <c r="Q42945">
        <v>36</v>
      </c>
      <c r="R42945">
        <v>37</v>
      </c>
      <c r="S42945">
        <v>38</v>
      </c>
      <c r="T42945">
        <v>39</v>
      </c>
      <c r="U42945">
        <v>40</v>
      </c>
      <c r="V42945">
        <v>41</v>
      </c>
      <c r="W42945">
        <v>42</v>
      </c>
      <c r="X42945">
        <v>43</v>
      </c>
      <c r="Y42945">
        <v>44</v>
      </c>
      <c r="Z42945">
        <v>45</v>
      </c>
      <c r="AA42945">
        <v>46</v>
      </c>
      <c r="AB42945">
        <v>47</v>
      </c>
      <c r="AC42945">
        <v>48</v>
      </c>
      <c r="AD42945">
        <v>49</v>
      </c>
      <c r="AE42945">
        <v>50</v>
      </c>
      <c r="AF42945">
        <v>51</v>
      </c>
      <c r="AG42945">
        <v>52</v>
      </c>
      <c r="AH42945">
        <v>53</v>
      </c>
      <c r="AI42945">
        <v>54</v>
      </c>
      <c r="AJ42945">
        <v>56</v>
      </c>
      <c r="AK42945">
        <v>57</v>
      </c>
      <c r="AL42945">
        <v>57</v>
      </c>
      <c r="AM42945">
        <v>58</v>
      </c>
      <c r="AN42945">
        <v>58</v>
      </c>
      <c r="AO42945">
        <v>59</v>
      </c>
      <c r="AP42945">
        <v>59</v>
      </c>
      <c r="AQ42945">
        <v>60</v>
      </c>
    </row>
    <row r="42946" spans="1:43">
      <c r="A42946" t="s">
        <v>26293</v>
      </c>
      <c r="B42946" t="s">
        <v>26294</v>
      </c>
      <c r="C42946" t="s">
        <v>16527</v>
      </c>
      <c r="D42946" t="s">
        <v>16528</v>
      </c>
      <c r="E42946" t="s">
        <v>16459</v>
      </c>
      <c r="F42946" t="s">
        <v>16460</v>
      </c>
      <c r="G42946" t="s">
        <v>10734</v>
      </c>
      <c r="H42946" t="s">
        <v>10735</v>
      </c>
      <c r="I42946" s="2">
        <v>1</v>
      </c>
      <c r="J42946" s="2">
        <v>0</v>
      </c>
      <c r="K42946" s="2">
        <v>0</v>
      </c>
      <c r="L42946" t="s">
        <v>120</v>
      </c>
      <c r="M42946" t="s">
        <v>83</v>
      </c>
      <c r="N42946" t="s">
        <v>84</v>
      </c>
      <c r="O42946" t="s">
        <v>85</v>
      </c>
      <c r="P42946" t="s">
        <v>86</v>
      </c>
      <c r="Q42946">
        <v>6</v>
      </c>
      <c r="R42946">
        <v>6</v>
      </c>
      <c r="S42946">
        <v>6</v>
      </c>
      <c r="T42946">
        <v>6</v>
      </c>
      <c r="U42946">
        <v>6</v>
      </c>
      <c r="V42946">
        <v>6</v>
      </c>
      <c r="W42946">
        <v>7</v>
      </c>
      <c r="X42946">
        <v>7</v>
      </c>
      <c r="Y42946">
        <v>7</v>
      </c>
      <c r="Z42946">
        <v>7</v>
      </c>
      <c r="AA42946">
        <v>7</v>
      </c>
      <c r="AB42946">
        <v>7</v>
      </c>
      <c r="AC42946">
        <v>8</v>
      </c>
      <c r="AD42946">
        <v>8</v>
      </c>
      <c r="AE42946">
        <v>8</v>
      </c>
      <c r="AF42946">
        <v>8</v>
      </c>
      <c r="AG42946">
        <v>8</v>
      </c>
      <c r="AH42946">
        <v>8</v>
      </c>
      <c r="AI42946">
        <v>9</v>
      </c>
      <c r="AJ42946">
        <v>9</v>
      </c>
      <c r="AK42946">
        <v>9</v>
      </c>
      <c r="AL42946">
        <v>9</v>
      </c>
      <c r="AM42946">
        <v>9</v>
      </c>
      <c r="AN42946">
        <v>9</v>
      </c>
      <c r="AO42946">
        <v>9</v>
      </c>
      <c r="AP42946">
        <v>9</v>
      </c>
      <c r="AQ42946">
        <v>10</v>
      </c>
    </row>
    <row r="42947" spans="1:43">
      <c r="A42947" t="s">
        <v>26293</v>
      </c>
      <c r="B42947" t="s">
        <v>26294</v>
      </c>
      <c r="C42947" t="s">
        <v>16527</v>
      </c>
      <c r="D42947" t="s">
        <v>16528</v>
      </c>
      <c r="E42947" t="s">
        <v>16459</v>
      </c>
      <c r="F42947" t="s">
        <v>16460</v>
      </c>
      <c r="G42947" t="s">
        <v>10734</v>
      </c>
      <c r="H42947" t="s">
        <v>10735</v>
      </c>
      <c r="I42947" s="2">
        <v>1</v>
      </c>
      <c r="J42947" s="2">
        <v>0</v>
      </c>
      <c r="K42947" s="2">
        <v>0</v>
      </c>
      <c r="L42947" t="s">
        <v>120</v>
      </c>
      <c r="M42947" t="s">
        <v>87</v>
      </c>
      <c r="N42947" t="s">
        <v>88</v>
      </c>
      <c r="O42947" t="s">
        <v>85</v>
      </c>
      <c r="P42947" t="s">
        <v>86</v>
      </c>
      <c r="Q42947">
        <v>6</v>
      </c>
      <c r="R42947">
        <v>6</v>
      </c>
      <c r="S42947">
        <v>6</v>
      </c>
      <c r="T42947">
        <v>6</v>
      </c>
      <c r="U42947">
        <v>6</v>
      </c>
      <c r="V42947">
        <v>6</v>
      </c>
      <c r="W42947">
        <v>6</v>
      </c>
      <c r="X42947">
        <v>6</v>
      </c>
      <c r="Y42947">
        <v>6</v>
      </c>
      <c r="Z42947">
        <v>7</v>
      </c>
      <c r="AA42947">
        <v>7</v>
      </c>
      <c r="AB42947">
        <v>7</v>
      </c>
      <c r="AC42947">
        <v>7</v>
      </c>
      <c r="AD42947">
        <v>7</v>
      </c>
      <c r="AE42947">
        <v>7</v>
      </c>
      <c r="AF42947">
        <v>7</v>
      </c>
      <c r="AG42947">
        <v>7</v>
      </c>
      <c r="AH42947">
        <v>7</v>
      </c>
      <c r="AI42947">
        <v>7</v>
      </c>
      <c r="AJ42947">
        <v>8</v>
      </c>
      <c r="AK42947">
        <v>8</v>
      </c>
      <c r="AL42947">
        <v>8</v>
      </c>
      <c r="AM42947">
        <v>8</v>
      </c>
      <c r="AN42947">
        <v>8</v>
      </c>
      <c r="AO42947">
        <v>8</v>
      </c>
      <c r="AP42947">
        <v>8</v>
      </c>
      <c r="AQ42947">
        <v>8</v>
      </c>
    </row>
    <row r="42948" spans="1:43">
      <c r="A42948" t="s">
        <v>26293</v>
      </c>
      <c r="B42948" t="s">
        <v>26294</v>
      </c>
      <c r="C42948" t="s">
        <v>16527</v>
      </c>
      <c r="D42948" t="s">
        <v>16528</v>
      </c>
      <c r="E42948" t="s">
        <v>16459</v>
      </c>
      <c r="F42948" t="s">
        <v>16460</v>
      </c>
      <c r="G42948" t="s">
        <v>10734</v>
      </c>
      <c r="H42948" t="s">
        <v>10735</v>
      </c>
      <c r="I42948" s="2">
        <v>1</v>
      </c>
      <c r="J42948" s="2">
        <v>0</v>
      </c>
      <c r="K42948" s="2">
        <v>0</v>
      </c>
      <c r="L42948" t="s">
        <v>120</v>
      </c>
      <c r="M42948" t="s">
        <v>89</v>
      </c>
      <c r="N42948" t="s">
        <v>90</v>
      </c>
      <c r="O42948" t="s">
        <v>85</v>
      </c>
      <c r="P42948" t="s">
        <v>86</v>
      </c>
      <c r="Q42948">
        <v>6</v>
      </c>
      <c r="R42948">
        <v>6</v>
      </c>
      <c r="S42948">
        <v>6</v>
      </c>
      <c r="T42948">
        <v>6</v>
      </c>
      <c r="U42948">
        <v>7</v>
      </c>
      <c r="V42948">
        <v>7</v>
      </c>
      <c r="W42948">
        <v>7</v>
      </c>
      <c r="X42948">
        <v>7</v>
      </c>
      <c r="Y42948">
        <v>7</v>
      </c>
      <c r="Z42948">
        <v>8</v>
      </c>
      <c r="AA42948">
        <v>8</v>
      </c>
      <c r="AB42948">
        <v>8</v>
      </c>
      <c r="AC42948">
        <v>8</v>
      </c>
      <c r="AD42948">
        <v>8</v>
      </c>
      <c r="AE42948">
        <v>9</v>
      </c>
      <c r="AF42948">
        <v>9</v>
      </c>
      <c r="AG42948">
        <v>9</v>
      </c>
      <c r="AH42948">
        <v>9</v>
      </c>
      <c r="AI42948">
        <v>9</v>
      </c>
      <c r="AJ42948">
        <v>9</v>
      </c>
      <c r="AK42948">
        <v>9</v>
      </c>
      <c r="AL42948">
        <v>9</v>
      </c>
      <c r="AM42948">
        <v>9</v>
      </c>
      <c r="AN42948">
        <v>9</v>
      </c>
      <c r="AO42948">
        <v>9</v>
      </c>
      <c r="AP42948">
        <v>10</v>
      </c>
      <c r="AQ42948">
        <v>10</v>
      </c>
    </row>
    <row r="42949" spans="1:43">
      <c r="A42949" t="s">
        <v>26293</v>
      </c>
      <c r="B42949" t="s">
        <v>26294</v>
      </c>
      <c r="C42949" t="s">
        <v>16527</v>
      </c>
      <c r="D42949" t="s">
        <v>16528</v>
      </c>
      <c r="E42949" t="s">
        <v>16459</v>
      </c>
      <c r="F42949" t="s">
        <v>16460</v>
      </c>
      <c r="G42949" t="s">
        <v>10734</v>
      </c>
      <c r="H42949" t="s">
        <v>10735</v>
      </c>
      <c r="I42949" s="2">
        <v>1</v>
      </c>
      <c r="J42949" s="2">
        <v>0</v>
      </c>
      <c r="K42949" s="2">
        <v>0</v>
      </c>
      <c r="L42949" t="s">
        <v>120</v>
      </c>
      <c r="M42949" t="s">
        <v>83</v>
      </c>
      <c r="N42949" t="s">
        <v>91</v>
      </c>
      <c r="O42949" t="s">
        <v>85</v>
      </c>
      <c r="P42949" t="s">
        <v>86</v>
      </c>
      <c r="Q42949">
        <v>6</v>
      </c>
      <c r="R42949">
        <v>6</v>
      </c>
      <c r="S42949">
        <v>6</v>
      </c>
      <c r="T42949">
        <v>6</v>
      </c>
      <c r="U42949">
        <v>6</v>
      </c>
      <c r="V42949">
        <v>6</v>
      </c>
      <c r="W42949">
        <v>7</v>
      </c>
      <c r="X42949">
        <v>7</v>
      </c>
      <c r="Y42949">
        <v>7</v>
      </c>
      <c r="Z42949">
        <v>7</v>
      </c>
      <c r="AA42949">
        <v>7</v>
      </c>
      <c r="AB42949">
        <v>7</v>
      </c>
      <c r="AC42949">
        <v>8</v>
      </c>
      <c r="AD42949">
        <v>8</v>
      </c>
      <c r="AE42949">
        <v>8</v>
      </c>
      <c r="AF42949">
        <v>8</v>
      </c>
      <c r="AG42949">
        <v>8</v>
      </c>
      <c r="AH42949">
        <v>8</v>
      </c>
      <c r="AI42949">
        <v>9</v>
      </c>
      <c r="AJ42949">
        <v>9</v>
      </c>
      <c r="AK42949">
        <v>9</v>
      </c>
      <c r="AL42949">
        <v>9</v>
      </c>
      <c r="AM42949">
        <v>9</v>
      </c>
      <c r="AN42949">
        <v>9</v>
      </c>
      <c r="AO42949">
        <v>9</v>
      </c>
      <c r="AP42949">
        <v>9</v>
      </c>
      <c r="AQ42949">
        <v>10</v>
      </c>
    </row>
    <row r="42950" spans="1:43">
      <c r="A42950" t="s">
        <v>26295</v>
      </c>
      <c r="B42950" t="s">
        <v>26296</v>
      </c>
      <c r="C42950" t="s">
        <v>16527</v>
      </c>
      <c r="D42950" t="s">
        <v>16528</v>
      </c>
      <c r="E42950" t="s">
        <v>16459</v>
      </c>
      <c r="F42950" t="s">
        <v>16460</v>
      </c>
      <c r="G42950" t="s">
        <v>10734</v>
      </c>
      <c r="H42950" t="s">
        <v>10735</v>
      </c>
      <c r="I42950" s="2">
        <v>1</v>
      </c>
      <c r="J42950" s="2">
        <v>0</v>
      </c>
      <c r="K42950" s="2">
        <v>0</v>
      </c>
      <c r="L42950" t="s">
        <v>120</v>
      </c>
      <c r="M42950" t="s">
        <v>83</v>
      </c>
      <c r="N42950" t="s">
        <v>84</v>
      </c>
      <c r="O42950" t="s">
        <v>85</v>
      </c>
      <c r="P42950" t="s">
        <v>86</v>
      </c>
      <c r="Q42950">
        <v>17</v>
      </c>
      <c r="R42950">
        <v>17</v>
      </c>
      <c r="S42950">
        <v>17</v>
      </c>
      <c r="T42950">
        <v>18</v>
      </c>
      <c r="U42950">
        <v>18</v>
      </c>
      <c r="V42950">
        <v>19</v>
      </c>
      <c r="W42950">
        <v>19</v>
      </c>
      <c r="X42950">
        <v>20</v>
      </c>
      <c r="Y42950">
        <v>20</v>
      </c>
      <c r="Z42950">
        <v>21</v>
      </c>
      <c r="AA42950">
        <v>21</v>
      </c>
      <c r="AB42950">
        <v>22</v>
      </c>
      <c r="AC42950">
        <v>22</v>
      </c>
      <c r="AD42950">
        <v>23</v>
      </c>
      <c r="AE42950">
        <v>23</v>
      </c>
      <c r="AF42950">
        <v>24</v>
      </c>
      <c r="AG42950">
        <v>24</v>
      </c>
      <c r="AH42950">
        <v>25</v>
      </c>
      <c r="AI42950">
        <v>25</v>
      </c>
      <c r="AJ42950">
        <v>26</v>
      </c>
      <c r="AK42950">
        <v>26</v>
      </c>
      <c r="AL42950">
        <v>26</v>
      </c>
      <c r="AM42950">
        <v>27</v>
      </c>
      <c r="AN42950">
        <v>27</v>
      </c>
      <c r="AO42950">
        <v>27</v>
      </c>
      <c r="AP42950">
        <v>27</v>
      </c>
      <c r="AQ42950">
        <v>28</v>
      </c>
    </row>
    <row r="42951" spans="1:43">
      <c r="A42951" t="s">
        <v>26295</v>
      </c>
      <c r="B42951" t="s">
        <v>26296</v>
      </c>
      <c r="C42951" t="s">
        <v>16527</v>
      </c>
      <c r="D42951" t="s">
        <v>16528</v>
      </c>
      <c r="E42951" t="s">
        <v>16459</v>
      </c>
      <c r="F42951" t="s">
        <v>16460</v>
      </c>
      <c r="G42951" t="s">
        <v>10734</v>
      </c>
      <c r="H42951" t="s">
        <v>10735</v>
      </c>
      <c r="I42951" s="2">
        <v>1</v>
      </c>
      <c r="J42951" s="2">
        <v>0</v>
      </c>
      <c r="K42951" s="2">
        <v>0</v>
      </c>
      <c r="L42951" t="s">
        <v>120</v>
      </c>
      <c r="M42951" t="s">
        <v>87</v>
      </c>
      <c r="N42951" t="s">
        <v>88</v>
      </c>
      <c r="O42951" t="s">
        <v>85</v>
      </c>
      <c r="P42951" t="s">
        <v>86</v>
      </c>
      <c r="Q42951">
        <v>17</v>
      </c>
      <c r="R42951">
        <v>18</v>
      </c>
      <c r="S42951">
        <v>18</v>
      </c>
      <c r="T42951">
        <v>18</v>
      </c>
      <c r="U42951">
        <v>19</v>
      </c>
      <c r="V42951">
        <v>19</v>
      </c>
      <c r="W42951">
        <v>19</v>
      </c>
      <c r="X42951">
        <v>19</v>
      </c>
      <c r="Y42951">
        <v>20</v>
      </c>
      <c r="Z42951">
        <v>20</v>
      </c>
      <c r="AA42951">
        <v>20</v>
      </c>
      <c r="AB42951">
        <v>21</v>
      </c>
      <c r="AC42951">
        <v>21</v>
      </c>
      <c r="AD42951">
        <v>21</v>
      </c>
      <c r="AE42951">
        <v>21</v>
      </c>
      <c r="AF42951">
        <v>22</v>
      </c>
      <c r="AG42951">
        <v>22</v>
      </c>
      <c r="AH42951">
        <v>22</v>
      </c>
      <c r="AI42951">
        <v>23</v>
      </c>
      <c r="AJ42951">
        <v>23</v>
      </c>
      <c r="AK42951">
        <v>23</v>
      </c>
      <c r="AL42951">
        <v>24</v>
      </c>
      <c r="AM42951">
        <v>24</v>
      </c>
      <c r="AN42951">
        <v>24</v>
      </c>
      <c r="AO42951">
        <v>24</v>
      </c>
      <c r="AP42951">
        <v>25</v>
      </c>
      <c r="AQ42951">
        <v>25</v>
      </c>
    </row>
    <row r="42952" spans="1:43">
      <c r="A42952" t="s">
        <v>26295</v>
      </c>
      <c r="B42952" t="s">
        <v>26296</v>
      </c>
      <c r="C42952" t="s">
        <v>16527</v>
      </c>
      <c r="D42952" t="s">
        <v>16528</v>
      </c>
      <c r="E42952" t="s">
        <v>16459</v>
      </c>
      <c r="F42952" t="s">
        <v>16460</v>
      </c>
      <c r="G42952" t="s">
        <v>10734</v>
      </c>
      <c r="H42952" t="s">
        <v>10735</v>
      </c>
      <c r="I42952" s="2">
        <v>1</v>
      </c>
      <c r="J42952" s="2">
        <v>0</v>
      </c>
      <c r="K42952" s="2">
        <v>0</v>
      </c>
      <c r="L42952" t="s">
        <v>120</v>
      </c>
      <c r="M42952" t="s">
        <v>89</v>
      </c>
      <c r="N42952" t="s">
        <v>90</v>
      </c>
      <c r="O42952" t="s">
        <v>85</v>
      </c>
      <c r="P42952" t="s">
        <v>86</v>
      </c>
      <c r="Q42952">
        <v>17</v>
      </c>
      <c r="R42952">
        <v>17</v>
      </c>
      <c r="S42952">
        <v>18</v>
      </c>
      <c r="T42952">
        <v>19</v>
      </c>
      <c r="U42952">
        <v>19</v>
      </c>
      <c r="V42952">
        <v>20</v>
      </c>
      <c r="W42952">
        <v>20</v>
      </c>
      <c r="X42952">
        <v>21</v>
      </c>
      <c r="Y42952">
        <v>21</v>
      </c>
      <c r="Z42952">
        <v>22</v>
      </c>
      <c r="AA42952">
        <v>23</v>
      </c>
      <c r="AB42952">
        <v>23</v>
      </c>
      <c r="AC42952">
        <v>24</v>
      </c>
      <c r="AD42952">
        <v>24</v>
      </c>
      <c r="AE42952">
        <v>25</v>
      </c>
      <c r="AF42952">
        <v>25</v>
      </c>
      <c r="AG42952">
        <v>25</v>
      </c>
      <c r="AH42952">
        <v>26</v>
      </c>
      <c r="AI42952">
        <v>26</v>
      </c>
      <c r="AJ42952">
        <v>26</v>
      </c>
      <c r="AK42952">
        <v>26</v>
      </c>
      <c r="AL42952">
        <v>27</v>
      </c>
      <c r="AM42952">
        <v>27</v>
      </c>
      <c r="AN42952">
        <v>27</v>
      </c>
      <c r="AO42952">
        <v>27</v>
      </c>
      <c r="AP42952">
        <v>28</v>
      </c>
      <c r="AQ42952">
        <v>28</v>
      </c>
    </row>
    <row r="42953" spans="1:43">
      <c r="A42953" t="s">
        <v>26295</v>
      </c>
      <c r="B42953" t="s">
        <v>26296</v>
      </c>
      <c r="C42953" t="s">
        <v>16527</v>
      </c>
      <c r="D42953" t="s">
        <v>16528</v>
      </c>
      <c r="E42953" t="s">
        <v>16459</v>
      </c>
      <c r="F42953" t="s">
        <v>16460</v>
      </c>
      <c r="G42953" t="s">
        <v>10734</v>
      </c>
      <c r="H42953" t="s">
        <v>10735</v>
      </c>
      <c r="I42953" s="2">
        <v>1</v>
      </c>
      <c r="J42953" s="2">
        <v>0</v>
      </c>
      <c r="K42953" s="2">
        <v>0</v>
      </c>
      <c r="L42953" t="s">
        <v>120</v>
      </c>
      <c r="M42953" t="s">
        <v>83</v>
      </c>
      <c r="N42953" t="s">
        <v>91</v>
      </c>
      <c r="O42953" t="s">
        <v>85</v>
      </c>
      <c r="P42953" t="s">
        <v>86</v>
      </c>
      <c r="Q42953">
        <v>17</v>
      </c>
      <c r="R42953">
        <v>17</v>
      </c>
      <c r="S42953">
        <v>17</v>
      </c>
      <c r="T42953">
        <v>18</v>
      </c>
      <c r="U42953">
        <v>18</v>
      </c>
      <c r="V42953">
        <v>19</v>
      </c>
      <c r="W42953">
        <v>19</v>
      </c>
      <c r="X42953">
        <v>20</v>
      </c>
      <c r="Y42953">
        <v>20</v>
      </c>
      <c r="Z42953">
        <v>21</v>
      </c>
      <c r="AA42953">
        <v>21</v>
      </c>
      <c r="AB42953">
        <v>22</v>
      </c>
      <c r="AC42953">
        <v>22</v>
      </c>
      <c r="AD42953">
        <v>23</v>
      </c>
      <c r="AE42953">
        <v>23</v>
      </c>
      <c r="AF42953">
        <v>24</v>
      </c>
      <c r="AG42953">
        <v>24</v>
      </c>
      <c r="AH42953">
        <v>25</v>
      </c>
      <c r="AI42953">
        <v>25</v>
      </c>
      <c r="AJ42953">
        <v>26</v>
      </c>
      <c r="AK42953">
        <v>26</v>
      </c>
      <c r="AL42953">
        <v>26</v>
      </c>
      <c r="AM42953">
        <v>27</v>
      </c>
      <c r="AN42953">
        <v>27</v>
      </c>
      <c r="AO42953">
        <v>27</v>
      </c>
      <c r="AP42953">
        <v>27</v>
      </c>
      <c r="AQ42953">
        <v>28</v>
      </c>
    </row>
    <row r="42954" spans="1:43">
      <c r="A42954" t="s">
        <v>26297</v>
      </c>
      <c r="B42954" t="s">
        <v>26298</v>
      </c>
      <c r="C42954" t="s">
        <v>16527</v>
      </c>
      <c r="D42954" t="s">
        <v>16528</v>
      </c>
      <c r="E42954" t="s">
        <v>16459</v>
      </c>
      <c r="F42954" t="s">
        <v>16460</v>
      </c>
      <c r="G42954" t="s">
        <v>10734</v>
      </c>
      <c r="H42954" t="s">
        <v>10735</v>
      </c>
      <c r="I42954" s="2">
        <v>1</v>
      </c>
      <c r="J42954" s="2">
        <v>0</v>
      </c>
      <c r="K42954" s="2">
        <v>0</v>
      </c>
      <c r="L42954" t="s">
        <v>120</v>
      </c>
      <c r="M42954" t="s">
        <v>83</v>
      </c>
      <c r="N42954" t="s">
        <v>84</v>
      </c>
      <c r="O42954" t="s">
        <v>85</v>
      </c>
      <c r="P42954" t="s">
        <v>86</v>
      </c>
      <c r="Q42954">
        <v>18</v>
      </c>
      <c r="R42954">
        <v>19</v>
      </c>
      <c r="S42954">
        <v>19</v>
      </c>
      <c r="T42954">
        <v>20</v>
      </c>
      <c r="U42954">
        <v>20</v>
      </c>
      <c r="V42954">
        <v>21</v>
      </c>
      <c r="W42954">
        <v>21</v>
      </c>
      <c r="X42954">
        <v>22</v>
      </c>
      <c r="Y42954">
        <v>22</v>
      </c>
      <c r="Z42954">
        <v>23</v>
      </c>
      <c r="AA42954">
        <v>23</v>
      </c>
      <c r="AB42954">
        <v>24</v>
      </c>
      <c r="AC42954">
        <v>24</v>
      </c>
      <c r="AD42954">
        <v>25</v>
      </c>
      <c r="AE42954">
        <v>25</v>
      </c>
      <c r="AF42954">
        <v>26</v>
      </c>
      <c r="AG42954">
        <v>26</v>
      </c>
      <c r="AH42954">
        <v>27</v>
      </c>
      <c r="AI42954">
        <v>27</v>
      </c>
      <c r="AJ42954">
        <v>28</v>
      </c>
      <c r="AK42954">
        <v>28</v>
      </c>
      <c r="AL42954">
        <v>29</v>
      </c>
      <c r="AM42954">
        <v>29</v>
      </c>
      <c r="AN42954">
        <v>29</v>
      </c>
      <c r="AO42954">
        <v>30</v>
      </c>
      <c r="AP42954">
        <v>30</v>
      </c>
      <c r="AQ42954">
        <v>30</v>
      </c>
    </row>
    <row r="42955" spans="1:43">
      <c r="A42955" t="s">
        <v>26297</v>
      </c>
      <c r="B42955" t="s">
        <v>26298</v>
      </c>
      <c r="C42955" t="s">
        <v>16527</v>
      </c>
      <c r="D42955" t="s">
        <v>16528</v>
      </c>
      <c r="E42955" t="s">
        <v>16459</v>
      </c>
      <c r="F42955" t="s">
        <v>16460</v>
      </c>
      <c r="G42955" t="s">
        <v>10734</v>
      </c>
      <c r="H42955" t="s">
        <v>10735</v>
      </c>
      <c r="I42955" s="2">
        <v>1</v>
      </c>
      <c r="J42955" s="2">
        <v>0</v>
      </c>
      <c r="K42955" s="2">
        <v>0</v>
      </c>
      <c r="L42955" t="s">
        <v>120</v>
      </c>
      <c r="M42955" t="s">
        <v>87</v>
      </c>
      <c r="N42955" t="s">
        <v>88</v>
      </c>
      <c r="O42955" t="s">
        <v>85</v>
      </c>
      <c r="P42955" t="s">
        <v>86</v>
      </c>
      <c r="Q42955">
        <v>18</v>
      </c>
      <c r="R42955">
        <v>18</v>
      </c>
      <c r="S42955">
        <v>19</v>
      </c>
      <c r="T42955">
        <v>19</v>
      </c>
      <c r="U42955">
        <v>19</v>
      </c>
      <c r="V42955">
        <v>19</v>
      </c>
      <c r="W42955">
        <v>20</v>
      </c>
      <c r="X42955">
        <v>20</v>
      </c>
      <c r="Y42955">
        <v>20</v>
      </c>
      <c r="Z42955">
        <v>21</v>
      </c>
      <c r="AA42955">
        <v>21</v>
      </c>
      <c r="AB42955">
        <v>21</v>
      </c>
      <c r="AC42955">
        <v>22</v>
      </c>
      <c r="AD42955">
        <v>22</v>
      </c>
      <c r="AE42955">
        <v>22</v>
      </c>
      <c r="AF42955">
        <v>23</v>
      </c>
      <c r="AG42955">
        <v>23</v>
      </c>
      <c r="AH42955">
        <v>23</v>
      </c>
      <c r="AI42955">
        <v>24</v>
      </c>
      <c r="AJ42955">
        <v>24</v>
      </c>
      <c r="AK42955">
        <v>24</v>
      </c>
      <c r="AL42955">
        <v>25</v>
      </c>
      <c r="AM42955">
        <v>25</v>
      </c>
      <c r="AN42955">
        <v>25</v>
      </c>
      <c r="AO42955">
        <v>26</v>
      </c>
      <c r="AP42955">
        <v>26</v>
      </c>
      <c r="AQ42955">
        <v>26</v>
      </c>
    </row>
    <row r="42956" spans="1:43">
      <c r="A42956" t="s">
        <v>26297</v>
      </c>
      <c r="B42956" t="s">
        <v>26298</v>
      </c>
      <c r="C42956" t="s">
        <v>16527</v>
      </c>
      <c r="D42956" t="s">
        <v>16528</v>
      </c>
      <c r="E42956" t="s">
        <v>16459</v>
      </c>
      <c r="F42956" t="s">
        <v>16460</v>
      </c>
      <c r="G42956" t="s">
        <v>10734</v>
      </c>
      <c r="H42956" t="s">
        <v>10735</v>
      </c>
      <c r="I42956" s="2">
        <v>1</v>
      </c>
      <c r="J42956" s="2">
        <v>0</v>
      </c>
      <c r="K42956" s="2">
        <v>0</v>
      </c>
      <c r="L42956" t="s">
        <v>120</v>
      </c>
      <c r="M42956" t="s">
        <v>89</v>
      </c>
      <c r="N42956" t="s">
        <v>90</v>
      </c>
      <c r="O42956" t="s">
        <v>85</v>
      </c>
      <c r="P42956" t="s">
        <v>86</v>
      </c>
      <c r="Q42956">
        <v>18</v>
      </c>
      <c r="R42956">
        <v>19</v>
      </c>
      <c r="S42956">
        <v>20</v>
      </c>
      <c r="T42956">
        <v>20</v>
      </c>
      <c r="U42956">
        <v>21</v>
      </c>
      <c r="V42956">
        <v>21</v>
      </c>
      <c r="W42956">
        <v>22</v>
      </c>
      <c r="X42956">
        <v>23</v>
      </c>
      <c r="Y42956">
        <v>23</v>
      </c>
      <c r="Z42956">
        <v>24</v>
      </c>
      <c r="AA42956">
        <v>25</v>
      </c>
      <c r="AB42956">
        <v>25</v>
      </c>
      <c r="AC42956">
        <v>26</v>
      </c>
      <c r="AD42956">
        <v>27</v>
      </c>
      <c r="AE42956">
        <v>27</v>
      </c>
      <c r="AF42956">
        <v>27</v>
      </c>
      <c r="AG42956">
        <v>28</v>
      </c>
      <c r="AH42956">
        <v>28</v>
      </c>
      <c r="AI42956">
        <v>28</v>
      </c>
      <c r="AJ42956">
        <v>29</v>
      </c>
      <c r="AK42956">
        <v>29</v>
      </c>
      <c r="AL42956">
        <v>29</v>
      </c>
      <c r="AM42956">
        <v>29</v>
      </c>
      <c r="AN42956">
        <v>30</v>
      </c>
      <c r="AO42956">
        <v>30</v>
      </c>
      <c r="AP42956">
        <v>30</v>
      </c>
      <c r="AQ42956">
        <v>30</v>
      </c>
    </row>
    <row r="42957" spans="1:43">
      <c r="A42957" t="s">
        <v>26297</v>
      </c>
      <c r="B42957" t="s">
        <v>26298</v>
      </c>
      <c r="C42957" t="s">
        <v>16527</v>
      </c>
      <c r="D42957" t="s">
        <v>16528</v>
      </c>
      <c r="E42957" t="s">
        <v>16459</v>
      </c>
      <c r="F42957" t="s">
        <v>16460</v>
      </c>
      <c r="G42957" t="s">
        <v>10734</v>
      </c>
      <c r="H42957" t="s">
        <v>10735</v>
      </c>
      <c r="I42957" s="2">
        <v>1</v>
      </c>
      <c r="J42957" s="2">
        <v>0</v>
      </c>
      <c r="K42957" s="2">
        <v>0</v>
      </c>
      <c r="L42957" t="s">
        <v>120</v>
      </c>
      <c r="M42957" t="s">
        <v>83</v>
      </c>
      <c r="N42957" t="s">
        <v>91</v>
      </c>
      <c r="O42957" t="s">
        <v>85</v>
      </c>
      <c r="P42957" t="s">
        <v>86</v>
      </c>
      <c r="Q42957">
        <v>18</v>
      </c>
      <c r="R42957">
        <v>19</v>
      </c>
      <c r="S42957">
        <v>19</v>
      </c>
      <c r="T42957">
        <v>20</v>
      </c>
      <c r="U42957">
        <v>20</v>
      </c>
      <c r="V42957">
        <v>21</v>
      </c>
      <c r="W42957">
        <v>21</v>
      </c>
      <c r="X42957">
        <v>22</v>
      </c>
      <c r="Y42957">
        <v>22</v>
      </c>
      <c r="Z42957">
        <v>23</v>
      </c>
      <c r="AA42957">
        <v>23</v>
      </c>
      <c r="AB42957">
        <v>24</v>
      </c>
      <c r="AC42957">
        <v>24</v>
      </c>
      <c r="AD42957">
        <v>25</v>
      </c>
      <c r="AE42957">
        <v>25</v>
      </c>
      <c r="AF42957">
        <v>26</v>
      </c>
      <c r="AG42957">
        <v>26</v>
      </c>
      <c r="AH42957">
        <v>27</v>
      </c>
      <c r="AI42957">
        <v>27</v>
      </c>
      <c r="AJ42957">
        <v>28</v>
      </c>
      <c r="AK42957">
        <v>28</v>
      </c>
      <c r="AL42957">
        <v>29</v>
      </c>
      <c r="AM42957">
        <v>29</v>
      </c>
      <c r="AN42957">
        <v>29</v>
      </c>
      <c r="AO42957">
        <v>30</v>
      </c>
      <c r="AP42957">
        <v>30</v>
      </c>
      <c r="AQ42957">
        <v>30</v>
      </c>
    </row>
    <row r="42958" spans="1:43">
      <c r="A42958" t="s">
        <v>26299</v>
      </c>
      <c r="B42958" t="s">
        <v>26300</v>
      </c>
      <c r="C42958" t="s">
        <v>16527</v>
      </c>
      <c r="D42958" t="s">
        <v>16528</v>
      </c>
      <c r="E42958" t="s">
        <v>16459</v>
      </c>
      <c r="F42958" t="s">
        <v>16460</v>
      </c>
      <c r="G42958" t="s">
        <v>10734</v>
      </c>
      <c r="H42958" t="s">
        <v>10735</v>
      </c>
      <c r="I42958" s="2">
        <v>1</v>
      </c>
      <c r="J42958" s="2">
        <v>0</v>
      </c>
      <c r="K42958" s="2">
        <v>0</v>
      </c>
      <c r="L42958" t="s">
        <v>120</v>
      </c>
      <c r="M42958" t="s">
        <v>83</v>
      </c>
      <c r="N42958" t="s">
        <v>84</v>
      </c>
      <c r="O42958" t="s">
        <v>85</v>
      </c>
      <c r="P42958" t="s">
        <v>86</v>
      </c>
      <c r="Q42958">
        <v>18</v>
      </c>
      <c r="R42958">
        <v>18</v>
      </c>
      <c r="S42958">
        <v>19</v>
      </c>
      <c r="T42958">
        <v>19</v>
      </c>
      <c r="U42958">
        <v>20</v>
      </c>
      <c r="V42958">
        <v>20</v>
      </c>
      <c r="W42958">
        <v>21</v>
      </c>
      <c r="X42958">
        <v>21</v>
      </c>
      <c r="Y42958">
        <v>22</v>
      </c>
      <c r="Z42958">
        <v>22</v>
      </c>
      <c r="AA42958">
        <v>23</v>
      </c>
      <c r="AB42958">
        <v>23</v>
      </c>
      <c r="AC42958">
        <v>24</v>
      </c>
      <c r="AD42958">
        <v>25</v>
      </c>
      <c r="AE42958">
        <v>25</v>
      </c>
      <c r="AF42958">
        <v>26</v>
      </c>
      <c r="AG42958">
        <v>26</v>
      </c>
      <c r="AH42958">
        <v>27</v>
      </c>
      <c r="AI42958">
        <v>27</v>
      </c>
      <c r="AJ42958">
        <v>28</v>
      </c>
      <c r="AK42958">
        <v>28</v>
      </c>
      <c r="AL42958">
        <v>29</v>
      </c>
      <c r="AM42958">
        <v>29</v>
      </c>
      <c r="AN42958">
        <v>29</v>
      </c>
      <c r="AO42958">
        <v>29</v>
      </c>
      <c r="AP42958">
        <v>30</v>
      </c>
      <c r="AQ42958">
        <v>30</v>
      </c>
    </row>
    <row r="42959" spans="1:43">
      <c r="A42959" t="s">
        <v>26299</v>
      </c>
      <c r="B42959" t="s">
        <v>26300</v>
      </c>
      <c r="C42959" t="s">
        <v>16527</v>
      </c>
      <c r="D42959" t="s">
        <v>16528</v>
      </c>
      <c r="E42959" t="s">
        <v>16459</v>
      </c>
      <c r="F42959" t="s">
        <v>16460</v>
      </c>
      <c r="G42959" t="s">
        <v>10734</v>
      </c>
      <c r="H42959" t="s">
        <v>10735</v>
      </c>
      <c r="I42959" s="2">
        <v>1</v>
      </c>
      <c r="J42959" s="2">
        <v>0</v>
      </c>
      <c r="K42959" s="2">
        <v>0</v>
      </c>
      <c r="L42959" t="s">
        <v>120</v>
      </c>
      <c r="M42959" t="s">
        <v>87</v>
      </c>
      <c r="N42959" t="s">
        <v>88</v>
      </c>
      <c r="O42959" t="s">
        <v>85</v>
      </c>
      <c r="P42959" t="s">
        <v>86</v>
      </c>
      <c r="Q42959">
        <v>18</v>
      </c>
      <c r="R42959">
        <v>18</v>
      </c>
      <c r="S42959">
        <v>18</v>
      </c>
      <c r="T42959">
        <v>19</v>
      </c>
      <c r="U42959">
        <v>19</v>
      </c>
      <c r="V42959">
        <v>19</v>
      </c>
      <c r="W42959">
        <v>20</v>
      </c>
      <c r="X42959">
        <v>20</v>
      </c>
      <c r="Y42959">
        <v>20</v>
      </c>
      <c r="Z42959">
        <v>21</v>
      </c>
      <c r="AA42959">
        <v>21</v>
      </c>
      <c r="AB42959">
        <v>21</v>
      </c>
      <c r="AC42959">
        <v>22</v>
      </c>
      <c r="AD42959">
        <v>22</v>
      </c>
      <c r="AE42959">
        <v>22</v>
      </c>
      <c r="AF42959">
        <v>23</v>
      </c>
      <c r="AG42959">
        <v>23</v>
      </c>
      <c r="AH42959">
        <v>23</v>
      </c>
      <c r="AI42959">
        <v>23</v>
      </c>
      <c r="AJ42959">
        <v>24</v>
      </c>
      <c r="AK42959">
        <v>24</v>
      </c>
      <c r="AL42959">
        <v>24</v>
      </c>
      <c r="AM42959">
        <v>25</v>
      </c>
      <c r="AN42959">
        <v>25</v>
      </c>
      <c r="AO42959">
        <v>25</v>
      </c>
      <c r="AP42959">
        <v>26</v>
      </c>
      <c r="AQ42959">
        <v>26</v>
      </c>
    </row>
    <row r="42960" spans="1:43">
      <c r="A42960" t="s">
        <v>26299</v>
      </c>
      <c r="B42960" t="s">
        <v>26300</v>
      </c>
      <c r="C42960" t="s">
        <v>16527</v>
      </c>
      <c r="D42960" t="s">
        <v>16528</v>
      </c>
      <c r="E42960" t="s">
        <v>16459</v>
      </c>
      <c r="F42960" t="s">
        <v>16460</v>
      </c>
      <c r="G42960" t="s">
        <v>10734</v>
      </c>
      <c r="H42960" t="s">
        <v>10735</v>
      </c>
      <c r="I42960" s="2">
        <v>1</v>
      </c>
      <c r="J42960" s="2">
        <v>0</v>
      </c>
      <c r="K42960" s="2">
        <v>0</v>
      </c>
      <c r="L42960" t="s">
        <v>120</v>
      </c>
      <c r="M42960" t="s">
        <v>89</v>
      </c>
      <c r="N42960" t="s">
        <v>90</v>
      </c>
      <c r="O42960" t="s">
        <v>85</v>
      </c>
      <c r="P42960" t="s">
        <v>86</v>
      </c>
      <c r="Q42960">
        <v>18</v>
      </c>
      <c r="R42960">
        <v>19</v>
      </c>
      <c r="S42960">
        <v>19</v>
      </c>
      <c r="T42960">
        <v>20</v>
      </c>
      <c r="U42960">
        <v>21</v>
      </c>
      <c r="V42960">
        <v>21</v>
      </c>
      <c r="W42960">
        <v>22</v>
      </c>
      <c r="X42960">
        <v>23</v>
      </c>
      <c r="Y42960">
        <v>23</v>
      </c>
      <c r="Z42960">
        <v>24</v>
      </c>
      <c r="AA42960">
        <v>24</v>
      </c>
      <c r="AB42960">
        <v>25</v>
      </c>
      <c r="AC42960">
        <v>26</v>
      </c>
      <c r="AD42960">
        <v>26</v>
      </c>
      <c r="AE42960">
        <v>27</v>
      </c>
      <c r="AF42960">
        <v>27</v>
      </c>
      <c r="AG42960">
        <v>28</v>
      </c>
      <c r="AH42960">
        <v>28</v>
      </c>
      <c r="AI42960">
        <v>28</v>
      </c>
      <c r="AJ42960">
        <v>28</v>
      </c>
      <c r="AK42960">
        <v>29</v>
      </c>
      <c r="AL42960">
        <v>29</v>
      </c>
      <c r="AM42960">
        <v>29</v>
      </c>
      <c r="AN42960">
        <v>30</v>
      </c>
      <c r="AO42960">
        <v>30</v>
      </c>
      <c r="AP42960">
        <v>30</v>
      </c>
      <c r="AQ42960">
        <v>30</v>
      </c>
    </row>
    <row r="42961" spans="1:43">
      <c r="A42961" t="s">
        <v>26299</v>
      </c>
      <c r="B42961" t="s">
        <v>26300</v>
      </c>
      <c r="C42961" t="s">
        <v>16527</v>
      </c>
      <c r="D42961" t="s">
        <v>16528</v>
      </c>
      <c r="E42961" t="s">
        <v>16459</v>
      </c>
      <c r="F42961" t="s">
        <v>16460</v>
      </c>
      <c r="G42961" t="s">
        <v>10734</v>
      </c>
      <c r="H42961" t="s">
        <v>10735</v>
      </c>
      <c r="I42961" s="2">
        <v>1</v>
      </c>
      <c r="J42961" s="2">
        <v>0</v>
      </c>
      <c r="K42961" s="2">
        <v>0</v>
      </c>
      <c r="L42961" t="s">
        <v>120</v>
      </c>
      <c r="M42961" t="s">
        <v>83</v>
      </c>
      <c r="N42961" t="s">
        <v>91</v>
      </c>
      <c r="O42961" t="s">
        <v>85</v>
      </c>
      <c r="P42961" t="s">
        <v>86</v>
      </c>
      <c r="Q42961">
        <v>18</v>
      </c>
      <c r="R42961">
        <v>18</v>
      </c>
      <c r="S42961">
        <v>19</v>
      </c>
      <c r="T42961">
        <v>19</v>
      </c>
      <c r="U42961">
        <v>20</v>
      </c>
      <c r="V42961">
        <v>20</v>
      </c>
      <c r="W42961">
        <v>21</v>
      </c>
      <c r="X42961">
        <v>21</v>
      </c>
      <c r="Y42961">
        <v>22</v>
      </c>
      <c r="Z42961">
        <v>22</v>
      </c>
      <c r="AA42961">
        <v>23</v>
      </c>
      <c r="AB42961">
        <v>23</v>
      </c>
      <c r="AC42961">
        <v>24</v>
      </c>
      <c r="AD42961">
        <v>25</v>
      </c>
      <c r="AE42961">
        <v>25</v>
      </c>
      <c r="AF42961">
        <v>26</v>
      </c>
      <c r="AG42961">
        <v>26</v>
      </c>
      <c r="AH42961">
        <v>27</v>
      </c>
      <c r="AI42961">
        <v>27</v>
      </c>
      <c r="AJ42961">
        <v>28</v>
      </c>
      <c r="AK42961">
        <v>28</v>
      </c>
      <c r="AL42961">
        <v>29</v>
      </c>
      <c r="AM42961">
        <v>29</v>
      </c>
      <c r="AN42961">
        <v>29</v>
      </c>
      <c r="AO42961">
        <v>29</v>
      </c>
      <c r="AP42961">
        <v>30</v>
      </c>
      <c r="AQ42961">
        <v>30</v>
      </c>
    </row>
    <row r="42962" spans="1:43">
      <c r="A42962" t="s">
        <v>26301</v>
      </c>
      <c r="B42962" t="s">
        <v>26302</v>
      </c>
      <c r="C42962" t="s">
        <v>18601</v>
      </c>
      <c r="D42962" t="s">
        <v>18602</v>
      </c>
      <c r="E42962" t="s">
        <v>18557</v>
      </c>
      <c r="F42962" t="s">
        <v>18558</v>
      </c>
      <c r="G42962" t="s">
        <v>10734</v>
      </c>
      <c r="H42962" t="s">
        <v>10735</v>
      </c>
      <c r="I42962" s="2">
        <v>0</v>
      </c>
      <c r="J42962" s="2">
        <v>0</v>
      </c>
      <c r="K42962" s="2">
        <v>1</v>
      </c>
      <c r="L42962" t="s">
        <v>995</v>
      </c>
      <c r="M42962" t="s">
        <v>83</v>
      </c>
      <c r="N42962" t="s">
        <v>84</v>
      </c>
      <c r="O42962" t="s">
        <v>85</v>
      </c>
      <c r="P42962" t="s">
        <v>86</v>
      </c>
      <c r="Q42962">
        <v>3</v>
      </c>
      <c r="R42962">
        <v>3</v>
      </c>
      <c r="S42962">
        <v>3</v>
      </c>
      <c r="T42962">
        <v>3</v>
      </c>
      <c r="U42962">
        <v>3</v>
      </c>
      <c r="V42962">
        <v>3</v>
      </c>
      <c r="W42962">
        <v>3</v>
      </c>
      <c r="X42962">
        <v>4</v>
      </c>
      <c r="Y42962">
        <v>4</v>
      </c>
      <c r="Z42962">
        <v>4</v>
      </c>
      <c r="AA42962">
        <v>4</v>
      </c>
      <c r="AB42962">
        <v>4</v>
      </c>
      <c r="AC42962">
        <v>4</v>
      </c>
      <c r="AD42962">
        <v>4</v>
      </c>
      <c r="AE42962">
        <v>4</v>
      </c>
      <c r="AF42962">
        <v>4</v>
      </c>
      <c r="AG42962">
        <v>4</v>
      </c>
      <c r="AH42962">
        <v>4</v>
      </c>
      <c r="AI42962">
        <v>5</v>
      </c>
      <c r="AJ42962">
        <v>5</v>
      </c>
      <c r="AK42962">
        <v>5</v>
      </c>
      <c r="AL42962">
        <v>5</v>
      </c>
      <c r="AM42962">
        <v>5</v>
      </c>
      <c r="AN42962">
        <v>5</v>
      </c>
      <c r="AO42962">
        <v>5</v>
      </c>
      <c r="AP42962">
        <v>5</v>
      </c>
      <c r="AQ42962">
        <v>5</v>
      </c>
    </row>
    <row r="42963" spans="1:43">
      <c r="A42963" t="s">
        <v>26301</v>
      </c>
      <c r="B42963" t="s">
        <v>26302</v>
      </c>
      <c r="C42963" t="s">
        <v>18601</v>
      </c>
      <c r="D42963" t="s">
        <v>18602</v>
      </c>
      <c r="E42963" t="s">
        <v>18557</v>
      </c>
      <c r="F42963" t="s">
        <v>18558</v>
      </c>
      <c r="G42963" t="s">
        <v>10734</v>
      </c>
      <c r="H42963" t="s">
        <v>10735</v>
      </c>
      <c r="I42963" s="2">
        <v>0</v>
      </c>
      <c r="J42963" s="2">
        <v>0</v>
      </c>
      <c r="K42963" s="2">
        <v>1</v>
      </c>
      <c r="L42963" t="s">
        <v>995</v>
      </c>
      <c r="M42963" t="s">
        <v>87</v>
      </c>
      <c r="N42963" t="s">
        <v>88</v>
      </c>
      <c r="O42963" t="s">
        <v>85</v>
      </c>
      <c r="P42963" t="s">
        <v>86</v>
      </c>
      <c r="Q42963">
        <v>3</v>
      </c>
      <c r="R42963">
        <v>3</v>
      </c>
      <c r="S42963">
        <v>3</v>
      </c>
      <c r="T42963">
        <v>3</v>
      </c>
      <c r="U42963">
        <v>3</v>
      </c>
      <c r="V42963">
        <v>3</v>
      </c>
      <c r="W42963">
        <v>3</v>
      </c>
      <c r="X42963">
        <v>3</v>
      </c>
      <c r="Y42963">
        <v>3</v>
      </c>
      <c r="Z42963">
        <v>3</v>
      </c>
      <c r="AA42963">
        <v>3</v>
      </c>
      <c r="AB42963">
        <v>3</v>
      </c>
      <c r="AC42963">
        <v>4</v>
      </c>
      <c r="AD42963">
        <v>4</v>
      </c>
      <c r="AE42963">
        <v>4</v>
      </c>
      <c r="AF42963">
        <v>4</v>
      </c>
      <c r="AG42963">
        <v>4</v>
      </c>
      <c r="AH42963">
        <v>4</v>
      </c>
      <c r="AI42963">
        <v>4</v>
      </c>
      <c r="AJ42963">
        <v>4</v>
      </c>
      <c r="AK42963">
        <v>4</v>
      </c>
      <c r="AL42963">
        <v>4</v>
      </c>
      <c r="AM42963">
        <v>4</v>
      </c>
      <c r="AN42963">
        <v>4</v>
      </c>
      <c r="AO42963">
        <v>4</v>
      </c>
      <c r="AP42963">
        <v>4</v>
      </c>
      <c r="AQ42963">
        <v>4</v>
      </c>
    </row>
    <row r="42964" spans="1:43">
      <c r="A42964" t="s">
        <v>26301</v>
      </c>
      <c r="B42964" t="s">
        <v>26302</v>
      </c>
      <c r="C42964" t="s">
        <v>18601</v>
      </c>
      <c r="D42964" t="s">
        <v>18602</v>
      </c>
      <c r="E42964" t="s">
        <v>18557</v>
      </c>
      <c r="F42964" t="s">
        <v>18558</v>
      </c>
      <c r="G42964" t="s">
        <v>10734</v>
      </c>
      <c r="H42964" t="s">
        <v>10735</v>
      </c>
      <c r="I42964" s="2">
        <v>0</v>
      </c>
      <c r="J42964" s="2">
        <v>0</v>
      </c>
      <c r="K42964" s="2">
        <v>1</v>
      </c>
      <c r="L42964" t="s">
        <v>995</v>
      </c>
      <c r="M42964" t="s">
        <v>89</v>
      </c>
      <c r="N42964" t="s">
        <v>90</v>
      </c>
      <c r="O42964" t="s">
        <v>85</v>
      </c>
      <c r="P42964" t="s">
        <v>86</v>
      </c>
      <c r="Q42964">
        <v>3</v>
      </c>
      <c r="R42964">
        <v>3</v>
      </c>
      <c r="S42964">
        <v>3</v>
      </c>
      <c r="T42964">
        <v>3</v>
      </c>
      <c r="U42964">
        <v>3</v>
      </c>
      <c r="V42964">
        <v>3</v>
      </c>
      <c r="W42964">
        <v>4</v>
      </c>
      <c r="X42964">
        <v>4</v>
      </c>
      <c r="Y42964">
        <v>4</v>
      </c>
      <c r="Z42964">
        <v>4</v>
      </c>
      <c r="AA42964">
        <v>4</v>
      </c>
      <c r="AB42964">
        <v>4</v>
      </c>
      <c r="AC42964">
        <v>4</v>
      </c>
      <c r="AD42964">
        <v>4</v>
      </c>
      <c r="AE42964">
        <v>4</v>
      </c>
      <c r="AF42964">
        <v>4</v>
      </c>
      <c r="AG42964">
        <v>5</v>
      </c>
      <c r="AH42964">
        <v>5</v>
      </c>
      <c r="AI42964">
        <v>5</v>
      </c>
      <c r="AJ42964">
        <v>5</v>
      </c>
      <c r="AK42964">
        <v>5</v>
      </c>
      <c r="AL42964">
        <v>5</v>
      </c>
      <c r="AM42964">
        <v>5</v>
      </c>
      <c r="AN42964">
        <v>5</v>
      </c>
      <c r="AO42964">
        <v>5</v>
      </c>
      <c r="AP42964">
        <v>5</v>
      </c>
      <c r="AQ42964">
        <v>5</v>
      </c>
    </row>
    <row r="42965" spans="1:43">
      <c r="A42965" t="s">
        <v>26301</v>
      </c>
      <c r="B42965" t="s">
        <v>26302</v>
      </c>
      <c r="C42965" t="s">
        <v>18601</v>
      </c>
      <c r="D42965" t="s">
        <v>18602</v>
      </c>
      <c r="E42965" t="s">
        <v>18557</v>
      </c>
      <c r="F42965" t="s">
        <v>18558</v>
      </c>
      <c r="G42965" t="s">
        <v>10734</v>
      </c>
      <c r="H42965" t="s">
        <v>10735</v>
      </c>
      <c r="I42965" s="2">
        <v>0</v>
      </c>
      <c r="J42965" s="2">
        <v>0</v>
      </c>
      <c r="K42965" s="2">
        <v>1</v>
      </c>
      <c r="L42965" t="s">
        <v>995</v>
      </c>
      <c r="M42965" t="s">
        <v>83</v>
      </c>
      <c r="N42965" t="s">
        <v>91</v>
      </c>
      <c r="O42965" t="s">
        <v>85</v>
      </c>
      <c r="P42965" t="s">
        <v>86</v>
      </c>
      <c r="Q42965">
        <v>3</v>
      </c>
      <c r="R42965">
        <v>3</v>
      </c>
      <c r="S42965">
        <v>3</v>
      </c>
      <c r="T42965">
        <v>3</v>
      </c>
      <c r="U42965">
        <v>3</v>
      </c>
      <c r="V42965">
        <v>3</v>
      </c>
      <c r="W42965">
        <v>3</v>
      </c>
      <c r="X42965">
        <v>4</v>
      </c>
      <c r="Y42965">
        <v>4</v>
      </c>
      <c r="Z42965">
        <v>4</v>
      </c>
      <c r="AA42965">
        <v>4</v>
      </c>
      <c r="AB42965">
        <v>4</v>
      </c>
      <c r="AC42965">
        <v>4</v>
      </c>
      <c r="AD42965">
        <v>4</v>
      </c>
      <c r="AE42965">
        <v>4</v>
      </c>
      <c r="AF42965">
        <v>4</v>
      </c>
      <c r="AG42965">
        <v>4</v>
      </c>
      <c r="AH42965">
        <v>4</v>
      </c>
      <c r="AI42965">
        <v>5</v>
      </c>
      <c r="AJ42965">
        <v>5</v>
      </c>
      <c r="AK42965">
        <v>5</v>
      </c>
      <c r="AL42965">
        <v>5</v>
      </c>
      <c r="AM42965">
        <v>5</v>
      </c>
      <c r="AN42965">
        <v>5</v>
      </c>
      <c r="AO42965">
        <v>5</v>
      </c>
      <c r="AP42965">
        <v>5</v>
      </c>
      <c r="AQ42965">
        <v>5</v>
      </c>
    </row>
    <row r="42966" spans="1:43">
      <c r="A42966" t="s">
        <v>26303</v>
      </c>
      <c r="B42966" t="s">
        <v>26304</v>
      </c>
      <c r="C42966" t="s">
        <v>18601</v>
      </c>
      <c r="D42966" t="s">
        <v>18602</v>
      </c>
      <c r="E42966" t="s">
        <v>18557</v>
      </c>
      <c r="F42966" t="s">
        <v>18558</v>
      </c>
      <c r="G42966" t="s">
        <v>10734</v>
      </c>
      <c r="H42966" t="s">
        <v>10735</v>
      </c>
      <c r="I42966" s="2">
        <v>0</v>
      </c>
      <c r="J42966" s="2">
        <v>0</v>
      </c>
      <c r="K42966" s="2">
        <v>1</v>
      </c>
      <c r="L42966" t="s">
        <v>995</v>
      </c>
      <c r="M42966" t="s">
        <v>83</v>
      </c>
      <c r="N42966" t="s">
        <v>84</v>
      </c>
      <c r="O42966" t="s">
        <v>85</v>
      </c>
      <c r="P42966" t="s">
        <v>86</v>
      </c>
      <c r="Q42966">
        <v>4</v>
      </c>
      <c r="R42966">
        <v>4</v>
      </c>
      <c r="S42966">
        <v>4</v>
      </c>
      <c r="T42966">
        <v>4</v>
      </c>
      <c r="U42966">
        <v>4</v>
      </c>
      <c r="V42966">
        <v>4</v>
      </c>
      <c r="W42966">
        <v>4</v>
      </c>
      <c r="X42966">
        <v>4</v>
      </c>
      <c r="Y42966">
        <v>5</v>
      </c>
      <c r="Z42966">
        <v>5</v>
      </c>
      <c r="AA42966">
        <v>5</v>
      </c>
      <c r="AB42966">
        <v>5</v>
      </c>
      <c r="AC42966">
        <v>5</v>
      </c>
      <c r="AD42966">
        <v>5</v>
      </c>
      <c r="AE42966">
        <v>5</v>
      </c>
      <c r="AF42966">
        <v>5</v>
      </c>
      <c r="AG42966">
        <v>6</v>
      </c>
      <c r="AH42966">
        <v>6</v>
      </c>
      <c r="AI42966">
        <v>6</v>
      </c>
      <c r="AJ42966">
        <v>6</v>
      </c>
      <c r="AK42966">
        <v>6</v>
      </c>
      <c r="AL42966">
        <v>6</v>
      </c>
      <c r="AM42966">
        <v>6</v>
      </c>
      <c r="AN42966">
        <v>6</v>
      </c>
      <c r="AO42966">
        <v>6</v>
      </c>
      <c r="AP42966">
        <v>6</v>
      </c>
      <c r="AQ42966">
        <v>7</v>
      </c>
    </row>
    <row r="42967" spans="1:43">
      <c r="A42967" t="s">
        <v>26303</v>
      </c>
      <c r="B42967" t="s">
        <v>26304</v>
      </c>
      <c r="C42967" t="s">
        <v>18601</v>
      </c>
      <c r="D42967" t="s">
        <v>18602</v>
      </c>
      <c r="E42967" t="s">
        <v>18557</v>
      </c>
      <c r="F42967" t="s">
        <v>18558</v>
      </c>
      <c r="G42967" t="s">
        <v>10734</v>
      </c>
      <c r="H42967" t="s">
        <v>10735</v>
      </c>
      <c r="I42967" s="2">
        <v>0</v>
      </c>
      <c r="J42967" s="2">
        <v>0</v>
      </c>
      <c r="K42967" s="2">
        <v>1</v>
      </c>
      <c r="L42967" t="s">
        <v>995</v>
      </c>
      <c r="M42967" t="s">
        <v>87</v>
      </c>
      <c r="N42967" t="s">
        <v>88</v>
      </c>
      <c r="O42967" t="s">
        <v>85</v>
      </c>
      <c r="P42967" t="s">
        <v>86</v>
      </c>
      <c r="Q42967">
        <v>4</v>
      </c>
      <c r="R42967">
        <v>4</v>
      </c>
      <c r="S42967">
        <v>4</v>
      </c>
      <c r="T42967">
        <v>4</v>
      </c>
      <c r="U42967">
        <v>4</v>
      </c>
      <c r="V42967">
        <v>4</v>
      </c>
      <c r="W42967">
        <v>4</v>
      </c>
      <c r="X42967">
        <v>4</v>
      </c>
      <c r="Y42967">
        <v>4</v>
      </c>
      <c r="Z42967">
        <v>4</v>
      </c>
      <c r="AA42967">
        <v>4</v>
      </c>
      <c r="AB42967">
        <v>4</v>
      </c>
      <c r="AC42967">
        <v>5</v>
      </c>
      <c r="AD42967">
        <v>5</v>
      </c>
      <c r="AE42967">
        <v>5</v>
      </c>
      <c r="AF42967">
        <v>5</v>
      </c>
      <c r="AG42967">
        <v>5</v>
      </c>
      <c r="AH42967">
        <v>5</v>
      </c>
      <c r="AI42967">
        <v>5</v>
      </c>
      <c r="AJ42967">
        <v>5</v>
      </c>
      <c r="AK42967">
        <v>5</v>
      </c>
      <c r="AL42967">
        <v>5</v>
      </c>
      <c r="AM42967">
        <v>5</v>
      </c>
      <c r="AN42967">
        <v>5</v>
      </c>
      <c r="AO42967">
        <v>6</v>
      </c>
      <c r="AP42967">
        <v>6</v>
      </c>
      <c r="AQ42967">
        <v>6</v>
      </c>
    </row>
    <row r="42968" spans="1:43">
      <c r="A42968" t="s">
        <v>26303</v>
      </c>
      <c r="B42968" t="s">
        <v>26304</v>
      </c>
      <c r="C42968" t="s">
        <v>18601</v>
      </c>
      <c r="D42968" t="s">
        <v>18602</v>
      </c>
      <c r="E42968" t="s">
        <v>18557</v>
      </c>
      <c r="F42968" t="s">
        <v>18558</v>
      </c>
      <c r="G42968" t="s">
        <v>10734</v>
      </c>
      <c r="H42968" t="s">
        <v>10735</v>
      </c>
      <c r="I42968" s="2">
        <v>0</v>
      </c>
      <c r="J42968" s="2">
        <v>0</v>
      </c>
      <c r="K42968" s="2">
        <v>1</v>
      </c>
      <c r="L42968" t="s">
        <v>995</v>
      </c>
      <c r="M42968" t="s">
        <v>89</v>
      </c>
      <c r="N42968" t="s">
        <v>90</v>
      </c>
      <c r="O42968" t="s">
        <v>85</v>
      </c>
      <c r="P42968" t="s">
        <v>86</v>
      </c>
      <c r="Q42968">
        <v>4</v>
      </c>
      <c r="R42968">
        <v>4</v>
      </c>
      <c r="S42968">
        <v>4</v>
      </c>
      <c r="T42968">
        <v>4</v>
      </c>
      <c r="U42968">
        <v>4</v>
      </c>
      <c r="V42968">
        <v>4</v>
      </c>
      <c r="W42968">
        <v>5</v>
      </c>
      <c r="X42968">
        <v>5</v>
      </c>
      <c r="Y42968">
        <v>5</v>
      </c>
      <c r="Z42968">
        <v>5</v>
      </c>
      <c r="AA42968">
        <v>5</v>
      </c>
      <c r="AB42968">
        <v>5</v>
      </c>
      <c r="AC42968">
        <v>5</v>
      </c>
      <c r="AD42968">
        <v>6</v>
      </c>
      <c r="AE42968">
        <v>6</v>
      </c>
      <c r="AF42968">
        <v>6</v>
      </c>
      <c r="AG42968">
        <v>6</v>
      </c>
      <c r="AH42968">
        <v>6</v>
      </c>
      <c r="AI42968">
        <v>6</v>
      </c>
      <c r="AJ42968">
        <v>6</v>
      </c>
      <c r="AK42968">
        <v>6</v>
      </c>
      <c r="AL42968">
        <v>6</v>
      </c>
      <c r="AM42968">
        <v>6</v>
      </c>
      <c r="AN42968">
        <v>6</v>
      </c>
      <c r="AO42968">
        <v>6</v>
      </c>
      <c r="AP42968">
        <v>6</v>
      </c>
      <c r="AQ42968">
        <v>7</v>
      </c>
    </row>
    <row r="42969" spans="1:43">
      <c r="A42969" t="s">
        <v>26303</v>
      </c>
      <c r="B42969" t="s">
        <v>26304</v>
      </c>
      <c r="C42969" t="s">
        <v>18601</v>
      </c>
      <c r="D42969" t="s">
        <v>18602</v>
      </c>
      <c r="E42969" t="s">
        <v>18557</v>
      </c>
      <c r="F42969" t="s">
        <v>18558</v>
      </c>
      <c r="G42969" t="s">
        <v>10734</v>
      </c>
      <c r="H42969" t="s">
        <v>10735</v>
      </c>
      <c r="I42969" s="2">
        <v>0</v>
      </c>
      <c r="J42969" s="2">
        <v>0</v>
      </c>
      <c r="K42969" s="2">
        <v>1</v>
      </c>
      <c r="L42969" t="s">
        <v>995</v>
      </c>
      <c r="M42969" t="s">
        <v>83</v>
      </c>
      <c r="N42969" t="s">
        <v>91</v>
      </c>
      <c r="O42969" t="s">
        <v>85</v>
      </c>
      <c r="P42969" t="s">
        <v>86</v>
      </c>
      <c r="Q42969">
        <v>4</v>
      </c>
      <c r="R42969">
        <v>4</v>
      </c>
      <c r="S42969">
        <v>4</v>
      </c>
      <c r="T42969">
        <v>4</v>
      </c>
      <c r="U42969">
        <v>4</v>
      </c>
      <c r="V42969">
        <v>4</v>
      </c>
      <c r="W42969">
        <v>4</v>
      </c>
      <c r="X42969">
        <v>4</v>
      </c>
      <c r="Y42969">
        <v>5</v>
      </c>
      <c r="Z42969">
        <v>5</v>
      </c>
      <c r="AA42969">
        <v>5</v>
      </c>
      <c r="AB42969">
        <v>5</v>
      </c>
      <c r="AC42969">
        <v>5</v>
      </c>
      <c r="AD42969">
        <v>5</v>
      </c>
      <c r="AE42969">
        <v>5</v>
      </c>
      <c r="AF42969">
        <v>5</v>
      </c>
      <c r="AG42969">
        <v>6</v>
      </c>
      <c r="AH42969">
        <v>6</v>
      </c>
      <c r="AI42969">
        <v>6</v>
      </c>
      <c r="AJ42969">
        <v>6</v>
      </c>
      <c r="AK42969">
        <v>6</v>
      </c>
      <c r="AL42969">
        <v>6</v>
      </c>
      <c r="AM42969">
        <v>6</v>
      </c>
      <c r="AN42969">
        <v>6</v>
      </c>
      <c r="AO42969">
        <v>6</v>
      </c>
      <c r="AP42969">
        <v>6</v>
      </c>
      <c r="AQ42969">
        <v>7</v>
      </c>
    </row>
    <row r="42970" spans="1:43">
      <c r="A42970" t="s">
        <v>26305</v>
      </c>
      <c r="B42970" t="s">
        <v>26306</v>
      </c>
      <c r="C42970" t="s">
        <v>18601</v>
      </c>
      <c r="D42970" t="s">
        <v>18602</v>
      </c>
      <c r="E42970" t="s">
        <v>18557</v>
      </c>
      <c r="F42970" t="s">
        <v>18558</v>
      </c>
      <c r="G42970" t="s">
        <v>10734</v>
      </c>
      <c r="H42970" t="s">
        <v>10735</v>
      </c>
      <c r="I42970" s="2">
        <v>0</v>
      </c>
      <c r="J42970" s="2">
        <v>1</v>
      </c>
      <c r="K42970" s="2">
        <v>0</v>
      </c>
      <c r="L42970" t="s">
        <v>82</v>
      </c>
      <c r="M42970" t="s">
        <v>83</v>
      </c>
      <c r="N42970" t="s">
        <v>84</v>
      </c>
      <c r="O42970" t="s">
        <v>85</v>
      </c>
      <c r="P42970" t="s">
        <v>86</v>
      </c>
      <c r="Q42970">
        <v>21</v>
      </c>
      <c r="R42970">
        <v>22</v>
      </c>
      <c r="S42970">
        <v>23</v>
      </c>
      <c r="T42970">
        <v>23</v>
      </c>
      <c r="U42970">
        <v>24</v>
      </c>
      <c r="V42970">
        <v>24</v>
      </c>
      <c r="W42970">
        <v>25</v>
      </c>
      <c r="X42970">
        <v>26</v>
      </c>
      <c r="Y42970">
        <v>26</v>
      </c>
      <c r="Z42970">
        <v>27</v>
      </c>
      <c r="AA42970">
        <v>28</v>
      </c>
      <c r="AB42970">
        <v>28</v>
      </c>
      <c r="AC42970">
        <v>29</v>
      </c>
      <c r="AD42970">
        <v>30</v>
      </c>
      <c r="AE42970">
        <v>30</v>
      </c>
      <c r="AF42970">
        <v>31</v>
      </c>
      <c r="AG42970">
        <v>32</v>
      </c>
      <c r="AH42970">
        <v>32</v>
      </c>
      <c r="AI42970">
        <v>33</v>
      </c>
      <c r="AJ42970">
        <v>34</v>
      </c>
      <c r="AK42970">
        <v>34</v>
      </c>
      <c r="AL42970">
        <v>35</v>
      </c>
      <c r="AM42970">
        <v>35</v>
      </c>
      <c r="AN42970">
        <v>36</v>
      </c>
      <c r="AO42970">
        <v>36</v>
      </c>
      <c r="AP42970">
        <v>37</v>
      </c>
      <c r="AQ42970">
        <v>37</v>
      </c>
    </row>
    <row r="42971" spans="1:43">
      <c r="A42971" t="s">
        <v>26305</v>
      </c>
      <c r="B42971" t="s">
        <v>26306</v>
      </c>
      <c r="C42971" t="s">
        <v>18601</v>
      </c>
      <c r="D42971" t="s">
        <v>18602</v>
      </c>
      <c r="E42971" t="s">
        <v>18557</v>
      </c>
      <c r="F42971" t="s">
        <v>18558</v>
      </c>
      <c r="G42971" t="s">
        <v>10734</v>
      </c>
      <c r="H42971" t="s">
        <v>10735</v>
      </c>
      <c r="I42971" s="2">
        <v>0</v>
      </c>
      <c r="J42971" s="2">
        <v>1</v>
      </c>
      <c r="K42971" s="2">
        <v>0</v>
      </c>
      <c r="L42971" t="s">
        <v>82</v>
      </c>
      <c r="M42971" t="s">
        <v>87</v>
      </c>
      <c r="N42971" t="s">
        <v>88</v>
      </c>
      <c r="O42971" t="s">
        <v>85</v>
      </c>
      <c r="P42971" t="s">
        <v>86</v>
      </c>
      <c r="Q42971">
        <v>21</v>
      </c>
      <c r="R42971">
        <v>22</v>
      </c>
      <c r="S42971">
        <v>22</v>
      </c>
      <c r="T42971">
        <v>22</v>
      </c>
      <c r="U42971">
        <v>23</v>
      </c>
      <c r="V42971">
        <v>23</v>
      </c>
      <c r="W42971">
        <v>24</v>
      </c>
      <c r="X42971">
        <v>24</v>
      </c>
      <c r="Y42971">
        <v>24</v>
      </c>
      <c r="Z42971">
        <v>25</v>
      </c>
      <c r="AA42971">
        <v>25</v>
      </c>
      <c r="AB42971">
        <v>25</v>
      </c>
      <c r="AC42971">
        <v>26</v>
      </c>
      <c r="AD42971">
        <v>26</v>
      </c>
      <c r="AE42971">
        <v>27</v>
      </c>
      <c r="AF42971">
        <v>27</v>
      </c>
      <c r="AG42971">
        <v>28</v>
      </c>
      <c r="AH42971">
        <v>28</v>
      </c>
      <c r="AI42971">
        <v>29</v>
      </c>
      <c r="AJ42971">
        <v>29</v>
      </c>
      <c r="AK42971">
        <v>29</v>
      </c>
      <c r="AL42971">
        <v>30</v>
      </c>
      <c r="AM42971">
        <v>30</v>
      </c>
      <c r="AN42971">
        <v>31</v>
      </c>
      <c r="AO42971">
        <v>31</v>
      </c>
      <c r="AP42971">
        <v>32</v>
      </c>
      <c r="AQ42971">
        <v>32</v>
      </c>
    </row>
    <row r="42972" spans="1:43">
      <c r="A42972" t="s">
        <v>26305</v>
      </c>
      <c r="B42972" t="s">
        <v>26306</v>
      </c>
      <c r="C42972" t="s">
        <v>18601</v>
      </c>
      <c r="D42972" t="s">
        <v>18602</v>
      </c>
      <c r="E42972" t="s">
        <v>18557</v>
      </c>
      <c r="F42972" t="s">
        <v>18558</v>
      </c>
      <c r="G42972" t="s">
        <v>10734</v>
      </c>
      <c r="H42972" t="s">
        <v>10735</v>
      </c>
      <c r="I42972" s="2">
        <v>0</v>
      </c>
      <c r="J42972" s="2">
        <v>1</v>
      </c>
      <c r="K42972" s="2">
        <v>0</v>
      </c>
      <c r="L42972" t="s">
        <v>82</v>
      </c>
      <c r="M42972" t="s">
        <v>89</v>
      </c>
      <c r="N42972" t="s">
        <v>90</v>
      </c>
      <c r="O42972" t="s">
        <v>85</v>
      </c>
      <c r="P42972" t="s">
        <v>86</v>
      </c>
      <c r="Q42972">
        <v>21</v>
      </c>
      <c r="R42972">
        <v>21</v>
      </c>
      <c r="S42972">
        <v>22</v>
      </c>
      <c r="T42972">
        <v>23</v>
      </c>
      <c r="U42972">
        <v>24</v>
      </c>
      <c r="V42972">
        <v>25</v>
      </c>
      <c r="W42972">
        <v>25</v>
      </c>
      <c r="X42972">
        <v>26</v>
      </c>
      <c r="Y42972">
        <v>27</v>
      </c>
      <c r="Z42972">
        <v>28</v>
      </c>
      <c r="AA42972">
        <v>28</v>
      </c>
      <c r="AB42972">
        <v>29</v>
      </c>
      <c r="AC42972">
        <v>30</v>
      </c>
      <c r="AD42972">
        <v>31</v>
      </c>
      <c r="AE42972">
        <v>31</v>
      </c>
      <c r="AF42972">
        <v>32</v>
      </c>
      <c r="AG42972">
        <v>32</v>
      </c>
      <c r="AH42972">
        <v>33</v>
      </c>
      <c r="AI42972">
        <v>33</v>
      </c>
      <c r="AJ42972">
        <v>33</v>
      </c>
      <c r="AK42972">
        <v>34</v>
      </c>
      <c r="AL42972">
        <v>34</v>
      </c>
      <c r="AM42972">
        <v>35</v>
      </c>
      <c r="AN42972">
        <v>35</v>
      </c>
      <c r="AO42972">
        <v>35</v>
      </c>
      <c r="AP42972">
        <v>36</v>
      </c>
      <c r="AQ42972">
        <v>36</v>
      </c>
    </row>
    <row r="42973" spans="1:43">
      <c r="A42973" t="s">
        <v>26305</v>
      </c>
      <c r="B42973" t="s">
        <v>26306</v>
      </c>
      <c r="C42973" t="s">
        <v>18601</v>
      </c>
      <c r="D42973" t="s">
        <v>18602</v>
      </c>
      <c r="E42973" t="s">
        <v>18557</v>
      </c>
      <c r="F42973" t="s">
        <v>18558</v>
      </c>
      <c r="G42973" t="s">
        <v>10734</v>
      </c>
      <c r="H42973" t="s">
        <v>10735</v>
      </c>
      <c r="I42973" s="2">
        <v>0</v>
      </c>
      <c r="J42973" s="2">
        <v>1</v>
      </c>
      <c r="K42973" s="2">
        <v>0</v>
      </c>
      <c r="L42973" t="s">
        <v>82</v>
      </c>
      <c r="M42973" t="s">
        <v>83</v>
      </c>
      <c r="N42973" t="s">
        <v>91</v>
      </c>
      <c r="O42973" t="s">
        <v>85</v>
      </c>
      <c r="P42973" t="s">
        <v>86</v>
      </c>
      <c r="Q42973">
        <v>21</v>
      </c>
      <c r="R42973">
        <v>22</v>
      </c>
      <c r="S42973">
        <v>23</v>
      </c>
      <c r="T42973">
        <v>23</v>
      </c>
      <c r="U42973">
        <v>24</v>
      </c>
      <c r="V42973">
        <v>24</v>
      </c>
      <c r="W42973">
        <v>25</v>
      </c>
      <c r="X42973">
        <v>26</v>
      </c>
      <c r="Y42973">
        <v>26</v>
      </c>
      <c r="Z42973">
        <v>27</v>
      </c>
      <c r="AA42973">
        <v>28</v>
      </c>
      <c r="AB42973">
        <v>28</v>
      </c>
      <c r="AC42973">
        <v>29</v>
      </c>
      <c r="AD42973">
        <v>30</v>
      </c>
      <c r="AE42973">
        <v>30</v>
      </c>
      <c r="AF42973">
        <v>31</v>
      </c>
      <c r="AG42973">
        <v>32</v>
      </c>
      <c r="AH42973">
        <v>32</v>
      </c>
      <c r="AI42973">
        <v>33</v>
      </c>
      <c r="AJ42973">
        <v>34</v>
      </c>
      <c r="AK42973">
        <v>34</v>
      </c>
      <c r="AL42973">
        <v>35</v>
      </c>
      <c r="AM42973">
        <v>35</v>
      </c>
      <c r="AN42973">
        <v>36</v>
      </c>
      <c r="AO42973">
        <v>36</v>
      </c>
      <c r="AP42973">
        <v>37</v>
      </c>
      <c r="AQ42973">
        <v>37</v>
      </c>
    </row>
    <row r="42974" spans="1:43">
      <c r="A42974" t="s">
        <v>26307</v>
      </c>
      <c r="B42974" t="s">
        <v>26308</v>
      </c>
      <c r="C42974" t="s">
        <v>18601</v>
      </c>
      <c r="D42974" t="s">
        <v>18602</v>
      </c>
      <c r="E42974" t="s">
        <v>18557</v>
      </c>
      <c r="F42974" t="s">
        <v>18558</v>
      </c>
      <c r="G42974" t="s">
        <v>10734</v>
      </c>
      <c r="H42974" t="s">
        <v>10735</v>
      </c>
      <c r="I42974" s="2">
        <v>0</v>
      </c>
      <c r="J42974" s="2">
        <v>1</v>
      </c>
      <c r="K42974" s="2">
        <v>0</v>
      </c>
      <c r="L42974" t="s">
        <v>82</v>
      </c>
      <c r="M42974" t="s">
        <v>83</v>
      </c>
      <c r="N42974" t="s">
        <v>84</v>
      </c>
      <c r="O42974" t="s">
        <v>85</v>
      </c>
      <c r="P42974" t="s">
        <v>86</v>
      </c>
      <c r="Q42974">
        <v>19</v>
      </c>
      <c r="R42974">
        <v>20</v>
      </c>
      <c r="S42974">
        <v>20</v>
      </c>
      <c r="T42974">
        <v>21</v>
      </c>
      <c r="U42974">
        <v>22</v>
      </c>
      <c r="V42974">
        <v>22</v>
      </c>
      <c r="W42974">
        <v>23</v>
      </c>
      <c r="X42974">
        <v>23</v>
      </c>
      <c r="Y42974">
        <v>24</v>
      </c>
      <c r="Z42974">
        <v>24</v>
      </c>
      <c r="AA42974">
        <v>25</v>
      </c>
      <c r="AB42974">
        <v>26</v>
      </c>
      <c r="AC42974">
        <v>26</v>
      </c>
      <c r="AD42974">
        <v>27</v>
      </c>
      <c r="AE42974">
        <v>27</v>
      </c>
      <c r="AF42974">
        <v>28</v>
      </c>
      <c r="AG42974">
        <v>29</v>
      </c>
      <c r="AH42974">
        <v>29</v>
      </c>
      <c r="AI42974">
        <v>30</v>
      </c>
      <c r="AJ42974">
        <v>31</v>
      </c>
      <c r="AK42974">
        <v>31</v>
      </c>
      <c r="AL42974">
        <v>32</v>
      </c>
      <c r="AM42974">
        <v>32</v>
      </c>
      <c r="AN42974">
        <v>32</v>
      </c>
      <c r="AO42974">
        <v>33</v>
      </c>
      <c r="AP42974">
        <v>33</v>
      </c>
      <c r="AQ42974">
        <v>34</v>
      </c>
    </row>
    <row r="42975" spans="1:43">
      <c r="A42975" t="s">
        <v>26307</v>
      </c>
      <c r="B42975" t="s">
        <v>26308</v>
      </c>
      <c r="C42975" t="s">
        <v>18601</v>
      </c>
      <c r="D42975" t="s">
        <v>18602</v>
      </c>
      <c r="E42975" t="s">
        <v>18557</v>
      </c>
      <c r="F42975" t="s">
        <v>18558</v>
      </c>
      <c r="G42975" t="s">
        <v>10734</v>
      </c>
      <c r="H42975" t="s">
        <v>10735</v>
      </c>
      <c r="I42975" s="2">
        <v>0</v>
      </c>
      <c r="J42975" s="2">
        <v>1</v>
      </c>
      <c r="K42975" s="2">
        <v>0</v>
      </c>
      <c r="L42975" t="s">
        <v>82</v>
      </c>
      <c r="M42975" t="s">
        <v>87</v>
      </c>
      <c r="N42975" t="s">
        <v>88</v>
      </c>
      <c r="O42975" t="s">
        <v>85</v>
      </c>
      <c r="P42975" t="s">
        <v>86</v>
      </c>
      <c r="Q42975">
        <v>19</v>
      </c>
      <c r="R42975">
        <v>20</v>
      </c>
      <c r="S42975">
        <v>20</v>
      </c>
      <c r="T42975">
        <v>20</v>
      </c>
      <c r="U42975">
        <v>21</v>
      </c>
      <c r="V42975">
        <v>21</v>
      </c>
      <c r="W42975">
        <v>21</v>
      </c>
      <c r="X42975">
        <v>22</v>
      </c>
      <c r="Y42975">
        <v>22</v>
      </c>
      <c r="Z42975">
        <v>22</v>
      </c>
      <c r="AA42975">
        <v>23</v>
      </c>
      <c r="AB42975">
        <v>23</v>
      </c>
      <c r="AC42975">
        <v>23</v>
      </c>
      <c r="AD42975">
        <v>24</v>
      </c>
      <c r="AE42975">
        <v>24</v>
      </c>
      <c r="AF42975">
        <v>25</v>
      </c>
      <c r="AG42975">
        <v>25</v>
      </c>
      <c r="AH42975">
        <v>25</v>
      </c>
      <c r="AI42975">
        <v>26</v>
      </c>
      <c r="AJ42975">
        <v>26</v>
      </c>
      <c r="AK42975">
        <v>27</v>
      </c>
      <c r="AL42975">
        <v>27</v>
      </c>
      <c r="AM42975">
        <v>28</v>
      </c>
      <c r="AN42975">
        <v>28</v>
      </c>
      <c r="AO42975">
        <v>28</v>
      </c>
      <c r="AP42975">
        <v>29</v>
      </c>
      <c r="AQ42975">
        <v>29</v>
      </c>
    </row>
    <row r="42976" spans="1:43">
      <c r="A42976" t="s">
        <v>26307</v>
      </c>
      <c r="B42976" t="s">
        <v>26308</v>
      </c>
      <c r="C42976" t="s">
        <v>18601</v>
      </c>
      <c r="D42976" t="s">
        <v>18602</v>
      </c>
      <c r="E42976" t="s">
        <v>18557</v>
      </c>
      <c r="F42976" t="s">
        <v>18558</v>
      </c>
      <c r="G42976" t="s">
        <v>10734</v>
      </c>
      <c r="H42976" t="s">
        <v>10735</v>
      </c>
      <c r="I42976" s="2">
        <v>0</v>
      </c>
      <c r="J42976" s="2">
        <v>1</v>
      </c>
      <c r="K42976" s="2">
        <v>0</v>
      </c>
      <c r="L42976" t="s">
        <v>82</v>
      </c>
      <c r="M42976" t="s">
        <v>89</v>
      </c>
      <c r="N42976" t="s">
        <v>90</v>
      </c>
      <c r="O42976" t="s">
        <v>85</v>
      </c>
      <c r="P42976" t="s">
        <v>86</v>
      </c>
      <c r="Q42976">
        <v>19</v>
      </c>
      <c r="R42976">
        <v>19</v>
      </c>
      <c r="S42976">
        <v>20</v>
      </c>
      <c r="T42976">
        <v>21</v>
      </c>
      <c r="U42976">
        <v>21</v>
      </c>
      <c r="V42976">
        <v>22</v>
      </c>
      <c r="W42976">
        <v>23</v>
      </c>
      <c r="X42976">
        <v>24</v>
      </c>
      <c r="Y42976">
        <v>24</v>
      </c>
      <c r="Z42976">
        <v>25</v>
      </c>
      <c r="AA42976">
        <v>26</v>
      </c>
      <c r="AB42976">
        <v>26</v>
      </c>
      <c r="AC42976">
        <v>27</v>
      </c>
      <c r="AD42976">
        <v>28</v>
      </c>
      <c r="AE42976">
        <v>28</v>
      </c>
      <c r="AF42976">
        <v>29</v>
      </c>
      <c r="AG42976">
        <v>29</v>
      </c>
      <c r="AH42976">
        <v>29</v>
      </c>
      <c r="AI42976">
        <v>30</v>
      </c>
      <c r="AJ42976">
        <v>30</v>
      </c>
      <c r="AK42976">
        <v>30</v>
      </c>
      <c r="AL42976">
        <v>31</v>
      </c>
      <c r="AM42976">
        <v>31</v>
      </c>
      <c r="AN42976">
        <v>32</v>
      </c>
      <c r="AO42976">
        <v>32</v>
      </c>
      <c r="AP42976">
        <v>32</v>
      </c>
      <c r="AQ42976">
        <v>33</v>
      </c>
    </row>
    <row r="42977" spans="1:43">
      <c r="A42977" t="s">
        <v>26307</v>
      </c>
      <c r="B42977" t="s">
        <v>26308</v>
      </c>
      <c r="C42977" t="s">
        <v>18601</v>
      </c>
      <c r="D42977" t="s">
        <v>18602</v>
      </c>
      <c r="E42977" t="s">
        <v>18557</v>
      </c>
      <c r="F42977" t="s">
        <v>18558</v>
      </c>
      <c r="G42977" t="s">
        <v>10734</v>
      </c>
      <c r="H42977" t="s">
        <v>10735</v>
      </c>
      <c r="I42977" s="2">
        <v>0</v>
      </c>
      <c r="J42977" s="2">
        <v>1</v>
      </c>
      <c r="K42977" s="2">
        <v>0</v>
      </c>
      <c r="L42977" t="s">
        <v>82</v>
      </c>
      <c r="M42977" t="s">
        <v>83</v>
      </c>
      <c r="N42977" t="s">
        <v>91</v>
      </c>
      <c r="O42977" t="s">
        <v>85</v>
      </c>
      <c r="P42977" t="s">
        <v>86</v>
      </c>
      <c r="Q42977">
        <v>19</v>
      </c>
      <c r="R42977">
        <v>20</v>
      </c>
      <c r="S42977">
        <v>20</v>
      </c>
      <c r="T42977">
        <v>21</v>
      </c>
      <c r="U42977">
        <v>22</v>
      </c>
      <c r="V42977">
        <v>22</v>
      </c>
      <c r="W42977">
        <v>23</v>
      </c>
      <c r="X42977">
        <v>23</v>
      </c>
      <c r="Y42977">
        <v>24</v>
      </c>
      <c r="Z42977">
        <v>24</v>
      </c>
      <c r="AA42977">
        <v>25</v>
      </c>
      <c r="AB42977">
        <v>26</v>
      </c>
      <c r="AC42977">
        <v>26</v>
      </c>
      <c r="AD42977">
        <v>27</v>
      </c>
      <c r="AE42977">
        <v>27</v>
      </c>
      <c r="AF42977">
        <v>28</v>
      </c>
      <c r="AG42977">
        <v>29</v>
      </c>
      <c r="AH42977">
        <v>29</v>
      </c>
      <c r="AI42977">
        <v>30</v>
      </c>
      <c r="AJ42977">
        <v>31</v>
      </c>
      <c r="AK42977">
        <v>31</v>
      </c>
      <c r="AL42977">
        <v>32</v>
      </c>
      <c r="AM42977">
        <v>32</v>
      </c>
      <c r="AN42977">
        <v>32</v>
      </c>
      <c r="AO42977">
        <v>33</v>
      </c>
      <c r="AP42977">
        <v>33</v>
      </c>
      <c r="AQ42977">
        <v>34</v>
      </c>
    </row>
    <row r="42978" spans="1:43">
      <c r="A42978" t="s">
        <v>26309</v>
      </c>
      <c r="B42978" t="s">
        <v>26310</v>
      </c>
      <c r="C42978" t="s">
        <v>18601</v>
      </c>
      <c r="D42978" t="s">
        <v>18602</v>
      </c>
      <c r="E42978" t="s">
        <v>18557</v>
      </c>
      <c r="F42978" t="s">
        <v>18558</v>
      </c>
      <c r="G42978" t="s">
        <v>10734</v>
      </c>
      <c r="H42978" t="s">
        <v>10735</v>
      </c>
      <c r="I42978" s="2">
        <v>0</v>
      </c>
      <c r="J42978" s="2">
        <v>1</v>
      </c>
      <c r="K42978" s="2">
        <v>0</v>
      </c>
      <c r="L42978" t="s">
        <v>82</v>
      </c>
      <c r="M42978" t="s">
        <v>83</v>
      </c>
      <c r="N42978" t="s">
        <v>84</v>
      </c>
      <c r="O42978" t="s">
        <v>85</v>
      </c>
      <c r="P42978" t="s">
        <v>86</v>
      </c>
      <c r="Q42978">
        <v>0</v>
      </c>
      <c r="R42978">
        <v>0</v>
      </c>
      <c r="S42978">
        <v>0</v>
      </c>
      <c r="T42978">
        <v>0</v>
      </c>
      <c r="U42978">
        <v>0</v>
      </c>
      <c r="V42978">
        <v>0</v>
      </c>
      <c r="W42978">
        <v>0</v>
      </c>
      <c r="X42978">
        <v>0</v>
      </c>
      <c r="Y42978">
        <v>0</v>
      </c>
      <c r="Z42978">
        <v>0</v>
      </c>
      <c r="AA42978">
        <v>0</v>
      </c>
      <c r="AB42978">
        <v>0</v>
      </c>
      <c r="AC42978">
        <v>0</v>
      </c>
      <c r="AD42978">
        <v>0</v>
      </c>
      <c r="AE42978">
        <v>0</v>
      </c>
      <c r="AF42978">
        <v>0</v>
      </c>
      <c r="AG42978">
        <v>0</v>
      </c>
      <c r="AH42978">
        <v>0</v>
      </c>
      <c r="AI42978">
        <v>0</v>
      </c>
      <c r="AJ42978">
        <v>0</v>
      </c>
      <c r="AK42978">
        <v>0</v>
      </c>
      <c r="AL42978">
        <v>0</v>
      </c>
      <c r="AM42978">
        <v>0</v>
      </c>
      <c r="AN42978">
        <v>0</v>
      </c>
      <c r="AO42978">
        <v>0</v>
      </c>
      <c r="AP42978">
        <v>0</v>
      </c>
      <c r="AQ42978">
        <v>0</v>
      </c>
    </row>
    <row r="42979" spans="1:43">
      <c r="A42979" t="s">
        <v>26309</v>
      </c>
      <c r="B42979" t="s">
        <v>26310</v>
      </c>
      <c r="C42979" t="s">
        <v>18601</v>
      </c>
      <c r="D42979" t="s">
        <v>18602</v>
      </c>
      <c r="E42979" t="s">
        <v>18557</v>
      </c>
      <c r="F42979" t="s">
        <v>18558</v>
      </c>
      <c r="G42979" t="s">
        <v>10734</v>
      </c>
      <c r="H42979" t="s">
        <v>10735</v>
      </c>
      <c r="I42979" s="2">
        <v>0</v>
      </c>
      <c r="J42979" s="2">
        <v>1</v>
      </c>
      <c r="K42979" s="2">
        <v>0</v>
      </c>
      <c r="L42979" t="s">
        <v>82</v>
      </c>
      <c r="M42979" t="s">
        <v>87</v>
      </c>
      <c r="N42979" t="s">
        <v>88</v>
      </c>
      <c r="O42979" t="s">
        <v>85</v>
      </c>
      <c r="P42979" t="s">
        <v>86</v>
      </c>
      <c r="Q42979">
        <v>0</v>
      </c>
      <c r="R42979">
        <v>0</v>
      </c>
      <c r="S42979">
        <v>0</v>
      </c>
      <c r="T42979">
        <v>0</v>
      </c>
      <c r="U42979">
        <v>0</v>
      </c>
      <c r="V42979">
        <v>0</v>
      </c>
      <c r="W42979">
        <v>0</v>
      </c>
      <c r="X42979">
        <v>0</v>
      </c>
      <c r="Y42979">
        <v>0</v>
      </c>
      <c r="Z42979">
        <v>0</v>
      </c>
      <c r="AA42979">
        <v>0</v>
      </c>
      <c r="AB42979">
        <v>0</v>
      </c>
      <c r="AC42979">
        <v>0</v>
      </c>
      <c r="AD42979">
        <v>0</v>
      </c>
      <c r="AE42979">
        <v>0</v>
      </c>
      <c r="AF42979">
        <v>0</v>
      </c>
      <c r="AG42979">
        <v>0</v>
      </c>
      <c r="AH42979">
        <v>0</v>
      </c>
      <c r="AI42979">
        <v>0</v>
      </c>
      <c r="AJ42979">
        <v>0</v>
      </c>
      <c r="AK42979">
        <v>0</v>
      </c>
      <c r="AL42979">
        <v>0</v>
      </c>
      <c r="AM42979">
        <v>0</v>
      </c>
      <c r="AN42979">
        <v>0</v>
      </c>
      <c r="AO42979">
        <v>0</v>
      </c>
      <c r="AP42979">
        <v>0</v>
      </c>
      <c r="AQ42979">
        <v>0</v>
      </c>
    </row>
    <row r="42980" spans="1:43">
      <c r="A42980" t="s">
        <v>26309</v>
      </c>
      <c r="B42980" t="s">
        <v>26310</v>
      </c>
      <c r="C42980" t="s">
        <v>18601</v>
      </c>
      <c r="D42980" t="s">
        <v>18602</v>
      </c>
      <c r="E42980" t="s">
        <v>18557</v>
      </c>
      <c r="F42980" t="s">
        <v>18558</v>
      </c>
      <c r="G42980" t="s">
        <v>10734</v>
      </c>
      <c r="H42980" t="s">
        <v>10735</v>
      </c>
      <c r="I42980" s="2">
        <v>0</v>
      </c>
      <c r="J42980" s="2">
        <v>1</v>
      </c>
      <c r="K42980" s="2">
        <v>0</v>
      </c>
      <c r="L42980" t="s">
        <v>82</v>
      </c>
      <c r="M42980" t="s">
        <v>89</v>
      </c>
      <c r="N42980" t="s">
        <v>90</v>
      </c>
      <c r="O42980" t="s">
        <v>85</v>
      </c>
      <c r="P42980" t="s">
        <v>86</v>
      </c>
      <c r="Q42980">
        <v>0</v>
      </c>
      <c r="R42980">
        <v>0</v>
      </c>
      <c r="S42980">
        <v>0</v>
      </c>
      <c r="T42980">
        <v>0</v>
      </c>
      <c r="U42980">
        <v>0</v>
      </c>
      <c r="V42980">
        <v>0</v>
      </c>
      <c r="W42980">
        <v>0</v>
      </c>
      <c r="X42980">
        <v>0</v>
      </c>
      <c r="Y42980">
        <v>0</v>
      </c>
      <c r="Z42980">
        <v>0</v>
      </c>
      <c r="AA42980">
        <v>0</v>
      </c>
      <c r="AB42980">
        <v>0</v>
      </c>
      <c r="AC42980">
        <v>0</v>
      </c>
      <c r="AD42980">
        <v>0</v>
      </c>
      <c r="AE42980">
        <v>0</v>
      </c>
      <c r="AF42980">
        <v>0</v>
      </c>
      <c r="AG42980">
        <v>0</v>
      </c>
      <c r="AH42980">
        <v>0</v>
      </c>
      <c r="AI42980">
        <v>0</v>
      </c>
      <c r="AJ42980">
        <v>0</v>
      </c>
      <c r="AK42980">
        <v>0</v>
      </c>
      <c r="AL42980">
        <v>0</v>
      </c>
      <c r="AM42980">
        <v>0</v>
      </c>
      <c r="AN42980">
        <v>0</v>
      </c>
      <c r="AO42980">
        <v>0</v>
      </c>
      <c r="AP42980">
        <v>0</v>
      </c>
      <c r="AQ42980">
        <v>0</v>
      </c>
    </row>
    <row r="42981" spans="1:43">
      <c r="A42981" t="s">
        <v>26309</v>
      </c>
      <c r="B42981" t="s">
        <v>26310</v>
      </c>
      <c r="C42981" t="s">
        <v>18601</v>
      </c>
      <c r="D42981" t="s">
        <v>18602</v>
      </c>
      <c r="E42981" t="s">
        <v>18557</v>
      </c>
      <c r="F42981" t="s">
        <v>18558</v>
      </c>
      <c r="G42981" t="s">
        <v>10734</v>
      </c>
      <c r="H42981" t="s">
        <v>10735</v>
      </c>
      <c r="I42981" s="2">
        <v>0</v>
      </c>
      <c r="J42981" s="2">
        <v>1</v>
      </c>
      <c r="K42981" s="2">
        <v>0</v>
      </c>
      <c r="L42981" t="s">
        <v>82</v>
      </c>
      <c r="M42981" t="s">
        <v>83</v>
      </c>
      <c r="N42981" t="s">
        <v>91</v>
      </c>
      <c r="O42981" t="s">
        <v>85</v>
      </c>
      <c r="P42981" t="s">
        <v>86</v>
      </c>
      <c r="Q42981">
        <v>0</v>
      </c>
      <c r="R42981">
        <v>0</v>
      </c>
      <c r="S42981">
        <v>0</v>
      </c>
      <c r="T42981">
        <v>0</v>
      </c>
      <c r="U42981">
        <v>0</v>
      </c>
      <c r="V42981">
        <v>0</v>
      </c>
      <c r="W42981">
        <v>0</v>
      </c>
      <c r="X42981">
        <v>0</v>
      </c>
      <c r="Y42981">
        <v>0</v>
      </c>
      <c r="Z42981">
        <v>0</v>
      </c>
      <c r="AA42981">
        <v>0</v>
      </c>
      <c r="AB42981">
        <v>0</v>
      </c>
      <c r="AC42981">
        <v>0</v>
      </c>
      <c r="AD42981">
        <v>0</v>
      </c>
      <c r="AE42981">
        <v>0</v>
      </c>
      <c r="AF42981">
        <v>0</v>
      </c>
      <c r="AG42981">
        <v>0</v>
      </c>
      <c r="AH42981">
        <v>0</v>
      </c>
      <c r="AI42981">
        <v>0</v>
      </c>
      <c r="AJ42981">
        <v>0</v>
      </c>
      <c r="AK42981">
        <v>0</v>
      </c>
      <c r="AL42981">
        <v>0</v>
      </c>
      <c r="AM42981">
        <v>0</v>
      </c>
      <c r="AN42981">
        <v>0</v>
      </c>
      <c r="AO42981">
        <v>0</v>
      </c>
      <c r="AP42981">
        <v>0</v>
      </c>
      <c r="AQ42981">
        <v>0</v>
      </c>
    </row>
    <row r="42982" spans="1:43">
      <c r="A42982" t="s">
        <v>26311</v>
      </c>
      <c r="B42982" t="s">
        <v>26312</v>
      </c>
      <c r="C42982" t="s">
        <v>18601</v>
      </c>
      <c r="D42982" t="s">
        <v>18602</v>
      </c>
      <c r="E42982" t="s">
        <v>18557</v>
      </c>
      <c r="F42982" t="s">
        <v>18558</v>
      </c>
      <c r="G42982" t="s">
        <v>10734</v>
      </c>
      <c r="H42982" t="s">
        <v>10735</v>
      </c>
      <c r="I42982" s="2">
        <v>0</v>
      </c>
      <c r="J42982" s="2">
        <v>1</v>
      </c>
      <c r="K42982" s="2">
        <v>0</v>
      </c>
      <c r="L42982" t="s">
        <v>82</v>
      </c>
      <c r="M42982" t="s">
        <v>83</v>
      </c>
      <c r="N42982" t="s">
        <v>84</v>
      </c>
      <c r="O42982" t="s">
        <v>85</v>
      </c>
      <c r="P42982" t="s">
        <v>86</v>
      </c>
      <c r="Q42982">
        <v>23</v>
      </c>
      <c r="R42982">
        <v>23</v>
      </c>
      <c r="S42982">
        <v>24</v>
      </c>
      <c r="T42982">
        <v>24</v>
      </c>
      <c r="U42982">
        <v>25</v>
      </c>
      <c r="V42982">
        <v>26</v>
      </c>
      <c r="W42982">
        <v>26</v>
      </c>
      <c r="X42982">
        <v>27</v>
      </c>
      <c r="Y42982">
        <v>28</v>
      </c>
      <c r="Z42982">
        <v>28</v>
      </c>
      <c r="AA42982">
        <v>29</v>
      </c>
      <c r="AB42982">
        <v>30</v>
      </c>
      <c r="AC42982">
        <v>30</v>
      </c>
      <c r="AD42982">
        <v>31</v>
      </c>
      <c r="AE42982">
        <v>32</v>
      </c>
      <c r="AF42982">
        <v>33</v>
      </c>
      <c r="AG42982">
        <v>33</v>
      </c>
      <c r="AH42982">
        <v>34</v>
      </c>
      <c r="AI42982">
        <v>35</v>
      </c>
      <c r="AJ42982">
        <v>36</v>
      </c>
      <c r="AK42982">
        <v>36</v>
      </c>
      <c r="AL42982">
        <v>37</v>
      </c>
      <c r="AM42982">
        <v>37</v>
      </c>
      <c r="AN42982">
        <v>38</v>
      </c>
      <c r="AO42982">
        <v>38</v>
      </c>
      <c r="AP42982">
        <v>39</v>
      </c>
      <c r="AQ42982">
        <v>39</v>
      </c>
    </row>
    <row r="42983" spans="1:43">
      <c r="A42983" t="s">
        <v>26311</v>
      </c>
      <c r="B42983" t="s">
        <v>26312</v>
      </c>
      <c r="C42983" t="s">
        <v>18601</v>
      </c>
      <c r="D42983" t="s">
        <v>18602</v>
      </c>
      <c r="E42983" t="s">
        <v>18557</v>
      </c>
      <c r="F42983" t="s">
        <v>18558</v>
      </c>
      <c r="G42983" t="s">
        <v>10734</v>
      </c>
      <c r="H42983" t="s">
        <v>10735</v>
      </c>
      <c r="I42983" s="2">
        <v>0</v>
      </c>
      <c r="J42983" s="2">
        <v>1</v>
      </c>
      <c r="K42983" s="2">
        <v>0</v>
      </c>
      <c r="L42983" t="s">
        <v>82</v>
      </c>
      <c r="M42983" t="s">
        <v>87</v>
      </c>
      <c r="N42983" t="s">
        <v>88</v>
      </c>
      <c r="O42983" t="s">
        <v>85</v>
      </c>
      <c r="P42983" t="s">
        <v>86</v>
      </c>
      <c r="Q42983">
        <v>23</v>
      </c>
      <c r="R42983">
        <v>24</v>
      </c>
      <c r="S42983">
        <v>24</v>
      </c>
      <c r="T42983">
        <v>25</v>
      </c>
      <c r="U42983">
        <v>25</v>
      </c>
      <c r="V42983">
        <v>25</v>
      </c>
      <c r="W42983">
        <v>26</v>
      </c>
      <c r="X42983">
        <v>26</v>
      </c>
      <c r="Y42983">
        <v>27</v>
      </c>
      <c r="Z42983">
        <v>27</v>
      </c>
      <c r="AA42983">
        <v>27</v>
      </c>
      <c r="AB42983">
        <v>28</v>
      </c>
      <c r="AC42983">
        <v>28</v>
      </c>
      <c r="AD42983">
        <v>29</v>
      </c>
      <c r="AE42983">
        <v>29</v>
      </c>
      <c r="AF42983">
        <v>30</v>
      </c>
      <c r="AG42983">
        <v>30</v>
      </c>
      <c r="AH42983">
        <v>31</v>
      </c>
      <c r="AI42983">
        <v>31</v>
      </c>
      <c r="AJ42983">
        <v>32</v>
      </c>
      <c r="AK42983">
        <v>32</v>
      </c>
      <c r="AL42983">
        <v>33</v>
      </c>
      <c r="AM42983">
        <v>33</v>
      </c>
      <c r="AN42983">
        <v>34</v>
      </c>
      <c r="AO42983">
        <v>34</v>
      </c>
      <c r="AP42983">
        <v>35</v>
      </c>
      <c r="AQ42983">
        <v>35</v>
      </c>
    </row>
    <row r="42984" spans="1:43">
      <c r="A42984" t="s">
        <v>26311</v>
      </c>
      <c r="B42984" t="s">
        <v>26312</v>
      </c>
      <c r="C42984" t="s">
        <v>18601</v>
      </c>
      <c r="D42984" t="s">
        <v>18602</v>
      </c>
      <c r="E42984" t="s">
        <v>18557</v>
      </c>
      <c r="F42984" t="s">
        <v>18558</v>
      </c>
      <c r="G42984" t="s">
        <v>10734</v>
      </c>
      <c r="H42984" t="s">
        <v>10735</v>
      </c>
      <c r="I42984" s="2">
        <v>0</v>
      </c>
      <c r="J42984" s="2">
        <v>1</v>
      </c>
      <c r="K42984" s="2">
        <v>0</v>
      </c>
      <c r="L42984" t="s">
        <v>82</v>
      </c>
      <c r="M42984" t="s">
        <v>89</v>
      </c>
      <c r="N42984" t="s">
        <v>90</v>
      </c>
      <c r="O42984" t="s">
        <v>85</v>
      </c>
      <c r="P42984" t="s">
        <v>86</v>
      </c>
      <c r="Q42984">
        <v>23</v>
      </c>
      <c r="R42984">
        <v>24</v>
      </c>
      <c r="S42984">
        <v>24</v>
      </c>
      <c r="T42984">
        <v>25</v>
      </c>
      <c r="U42984">
        <v>26</v>
      </c>
      <c r="V42984">
        <v>27</v>
      </c>
      <c r="W42984">
        <v>28</v>
      </c>
      <c r="X42984">
        <v>29</v>
      </c>
      <c r="Y42984">
        <v>29</v>
      </c>
      <c r="Z42984">
        <v>30</v>
      </c>
      <c r="AA42984">
        <v>31</v>
      </c>
      <c r="AB42984">
        <v>32</v>
      </c>
      <c r="AC42984">
        <v>33</v>
      </c>
      <c r="AD42984">
        <v>33</v>
      </c>
      <c r="AE42984">
        <v>34</v>
      </c>
      <c r="AF42984">
        <v>35</v>
      </c>
      <c r="AG42984">
        <v>35</v>
      </c>
      <c r="AH42984">
        <v>35</v>
      </c>
      <c r="AI42984">
        <v>36</v>
      </c>
      <c r="AJ42984">
        <v>36</v>
      </c>
      <c r="AK42984">
        <v>37</v>
      </c>
      <c r="AL42984">
        <v>37</v>
      </c>
      <c r="AM42984">
        <v>38</v>
      </c>
      <c r="AN42984">
        <v>38</v>
      </c>
      <c r="AO42984">
        <v>38</v>
      </c>
      <c r="AP42984">
        <v>39</v>
      </c>
      <c r="AQ42984">
        <v>39</v>
      </c>
    </row>
    <row r="42985" spans="1:43">
      <c r="A42985" t="s">
        <v>26311</v>
      </c>
      <c r="B42985" t="s">
        <v>26312</v>
      </c>
      <c r="C42985" t="s">
        <v>18601</v>
      </c>
      <c r="D42985" t="s">
        <v>18602</v>
      </c>
      <c r="E42985" t="s">
        <v>18557</v>
      </c>
      <c r="F42985" t="s">
        <v>18558</v>
      </c>
      <c r="G42985" t="s">
        <v>10734</v>
      </c>
      <c r="H42985" t="s">
        <v>10735</v>
      </c>
      <c r="I42985" s="2">
        <v>0</v>
      </c>
      <c r="J42985" s="2">
        <v>1</v>
      </c>
      <c r="K42985" s="2">
        <v>0</v>
      </c>
      <c r="L42985" t="s">
        <v>82</v>
      </c>
      <c r="M42985" t="s">
        <v>83</v>
      </c>
      <c r="N42985" t="s">
        <v>91</v>
      </c>
      <c r="O42985" t="s">
        <v>85</v>
      </c>
      <c r="P42985" t="s">
        <v>86</v>
      </c>
      <c r="Q42985">
        <v>23</v>
      </c>
      <c r="R42985">
        <v>23</v>
      </c>
      <c r="S42985">
        <v>24</v>
      </c>
      <c r="T42985">
        <v>24</v>
      </c>
      <c r="U42985">
        <v>25</v>
      </c>
      <c r="V42985">
        <v>26</v>
      </c>
      <c r="W42985">
        <v>26</v>
      </c>
      <c r="X42985">
        <v>27</v>
      </c>
      <c r="Y42985">
        <v>28</v>
      </c>
      <c r="Z42985">
        <v>28</v>
      </c>
      <c r="AA42985">
        <v>29</v>
      </c>
      <c r="AB42985">
        <v>30</v>
      </c>
      <c r="AC42985">
        <v>30</v>
      </c>
      <c r="AD42985">
        <v>31</v>
      </c>
      <c r="AE42985">
        <v>32</v>
      </c>
      <c r="AF42985">
        <v>33</v>
      </c>
      <c r="AG42985">
        <v>33</v>
      </c>
      <c r="AH42985">
        <v>34</v>
      </c>
      <c r="AI42985">
        <v>35</v>
      </c>
      <c r="AJ42985">
        <v>36</v>
      </c>
      <c r="AK42985">
        <v>36</v>
      </c>
      <c r="AL42985">
        <v>37</v>
      </c>
      <c r="AM42985">
        <v>37</v>
      </c>
      <c r="AN42985">
        <v>38</v>
      </c>
      <c r="AO42985">
        <v>38</v>
      </c>
      <c r="AP42985">
        <v>39</v>
      </c>
      <c r="AQ42985">
        <v>39</v>
      </c>
    </row>
    <row r="42986" spans="1:43">
      <c r="A42986" t="s">
        <v>26313</v>
      </c>
      <c r="B42986" t="s">
        <v>26314</v>
      </c>
      <c r="C42986" t="s">
        <v>18601</v>
      </c>
      <c r="D42986" t="s">
        <v>18602</v>
      </c>
      <c r="E42986" t="s">
        <v>18557</v>
      </c>
      <c r="F42986" t="s">
        <v>18558</v>
      </c>
      <c r="G42986" t="s">
        <v>10734</v>
      </c>
      <c r="H42986" t="s">
        <v>10735</v>
      </c>
      <c r="I42986" s="2">
        <v>0</v>
      </c>
      <c r="J42986" s="2">
        <v>1</v>
      </c>
      <c r="K42986" s="2">
        <v>0</v>
      </c>
      <c r="L42986" t="s">
        <v>82</v>
      </c>
      <c r="M42986" t="s">
        <v>83</v>
      </c>
      <c r="N42986" t="s">
        <v>84</v>
      </c>
      <c r="O42986" t="s">
        <v>85</v>
      </c>
      <c r="P42986" t="s">
        <v>86</v>
      </c>
      <c r="Q42986">
        <v>34</v>
      </c>
      <c r="R42986">
        <v>35</v>
      </c>
      <c r="S42986">
        <v>36</v>
      </c>
      <c r="T42986">
        <v>37</v>
      </c>
      <c r="U42986">
        <v>38</v>
      </c>
      <c r="V42986">
        <v>39</v>
      </c>
      <c r="W42986">
        <v>40</v>
      </c>
      <c r="X42986">
        <v>41</v>
      </c>
      <c r="Y42986">
        <v>42</v>
      </c>
      <c r="Z42986">
        <v>43</v>
      </c>
      <c r="AA42986">
        <v>44</v>
      </c>
      <c r="AB42986">
        <v>45</v>
      </c>
      <c r="AC42986">
        <v>46</v>
      </c>
      <c r="AD42986">
        <v>47</v>
      </c>
      <c r="AE42986">
        <v>48</v>
      </c>
      <c r="AF42986">
        <v>49</v>
      </c>
      <c r="AG42986">
        <v>50</v>
      </c>
      <c r="AH42986">
        <v>52</v>
      </c>
      <c r="AI42986">
        <v>53</v>
      </c>
      <c r="AJ42986">
        <v>54</v>
      </c>
      <c r="AK42986">
        <v>55</v>
      </c>
      <c r="AL42986">
        <v>56</v>
      </c>
      <c r="AM42986">
        <v>57</v>
      </c>
      <c r="AN42986">
        <v>57</v>
      </c>
      <c r="AO42986">
        <v>58</v>
      </c>
      <c r="AP42986">
        <v>59</v>
      </c>
      <c r="AQ42986">
        <v>59</v>
      </c>
    </row>
    <row r="42987" spans="1:43">
      <c r="A42987" t="s">
        <v>26313</v>
      </c>
      <c r="B42987" t="s">
        <v>26314</v>
      </c>
      <c r="C42987" t="s">
        <v>18601</v>
      </c>
      <c r="D42987" t="s">
        <v>18602</v>
      </c>
      <c r="E42987" t="s">
        <v>18557</v>
      </c>
      <c r="F42987" t="s">
        <v>18558</v>
      </c>
      <c r="G42987" t="s">
        <v>10734</v>
      </c>
      <c r="H42987" t="s">
        <v>10735</v>
      </c>
      <c r="I42987" s="2">
        <v>0</v>
      </c>
      <c r="J42987" s="2">
        <v>1</v>
      </c>
      <c r="K42987" s="2">
        <v>0</v>
      </c>
      <c r="L42987" t="s">
        <v>82</v>
      </c>
      <c r="M42987" t="s">
        <v>87</v>
      </c>
      <c r="N42987" t="s">
        <v>88</v>
      </c>
      <c r="O42987" t="s">
        <v>85</v>
      </c>
      <c r="P42987" t="s">
        <v>86</v>
      </c>
      <c r="Q42987">
        <v>34</v>
      </c>
      <c r="R42987">
        <v>35</v>
      </c>
      <c r="S42987">
        <v>35</v>
      </c>
      <c r="T42987">
        <v>36</v>
      </c>
      <c r="U42987">
        <v>36</v>
      </c>
      <c r="V42987">
        <v>37</v>
      </c>
      <c r="W42987">
        <v>38</v>
      </c>
      <c r="X42987">
        <v>38</v>
      </c>
      <c r="Y42987">
        <v>39</v>
      </c>
      <c r="Z42987">
        <v>39</v>
      </c>
      <c r="AA42987">
        <v>40</v>
      </c>
      <c r="AB42987">
        <v>41</v>
      </c>
      <c r="AC42987">
        <v>41</v>
      </c>
      <c r="AD42987">
        <v>42</v>
      </c>
      <c r="AE42987">
        <v>43</v>
      </c>
      <c r="AF42987">
        <v>43</v>
      </c>
      <c r="AG42987">
        <v>44</v>
      </c>
      <c r="AH42987">
        <v>45</v>
      </c>
      <c r="AI42987">
        <v>46</v>
      </c>
      <c r="AJ42987">
        <v>46</v>
      </c>
      <c r="AK42987">
        <v>47</v>
      </c>
      <c r="AL42987">
        <v>48</v>
      </c>
      <c r="AM42987">
        <v>49</v>
      </c>
      <c r="AN42987">
        <v>49</v>
      </c>
      <c r="AO42987">
        <v>50</v>
      </c>
      <c r="AP42987">
        <v>51</v>
      </c>
      <c r="AQ42987">
        <v>52</v>
      </c>
    </row>
    <row r="42988" spans="1:43">
      <c r="A42988" t="s">
        <v>26313</v>
      </c>
      <c r="B42988" t="s">
        <v>26314</v>
      </c>
      <c r="C42988" t="s">
        <v>18601</v>
      </c>
      <c r="D42988" t="s">
        <v>18602</v>
      </c>
      <c r="E42988" t="s">
        <v>18557</v>
      </c>
      <c r="F42988" t="s">
        <v>18558</v>
      </c>
      <c r="G42988" t="s">
        <v>10734</v>
      </c>
      <c r="H42988" t="s">
        <v>10735</v>
      </c>
      <c r="I42988" s="2">
        <v>0</v>
      </c>
      <c r="J42988" s="2">
        <v>1</v>
      </c>
      <c r="K42988" s="2">
        <v>0</v>
      </c>
      <c r="L42988" t="s">
        <v>82</v>
      </c>
      <c r="M42988" t="s">
        <v>89</v>
      </c>
      <c r="N42988" t="s">
        <v>90</v>
      </c>
      <c r="O42988" t="s">
        <v>85</v>
      </c>
      <c r="P42988" t="s">
        <v>86</v>
      </c>
      <c r="Q42988">
        <v>34</v>
      </c>
      <c r="R42988">
        <v>35</v>
      </c>
      <c r="S42988">
        <v>36</v>
      </c>
      <c r="T42988">
        <v>37</v>
      </c>
      <c r="U42988">
        <v>38</v>
      </c>
      <c r="V42988">
        <v>40</v>
      </c>
      <c r="W42988">
        <v>41</v>
      </c>
      <c r="X42988">
        <v>42</v>
      </c>
      <c r="Y42988">
        <v>43</v>
      </c>
      <c r="Z42988">
        <v>45</v>
      </c>
      <c r="AA42988">
        <v>46</v>
      </c>
      <c r="AB42988">
        <v>47</v>
      </c>
      <c r="AC42988">
        <v>48</v>
      </c>
      <c r="AD42988">
        <v>50</v>
      </c>
      <c r="AE42988">
        <v>51</v>
      </c>
      <c r="AF42988">
        <v>51</v>
      </c>
      <c r="AG42988">
        <v>52</v>
      </c>
      <c r="AH42988">
        <v>52</v>
      </c>
      <c r="AI42988">
        <v>53</v>
      </c>
      <c r="AJ42988">
        <v>54</v>
      </c>
      <c r="AK42988">
        <v>54</v>
      </c>
      <c r="AL42988">
        <v>55</v>
      </c>
      <c r="AM42988">
        <v>56</v>
      </c>
      <c r="AN42988">
        <v>56</v>
      </c>
      <c r="AO42988">
        <v>57</v>
      </c>
      <c r="AP42988">
        <v>58</v>
      </c>
      <c r="AQ42988">
        <v>58</v>
      </c>
    </row>
    <row r="42989" spans="1:43">
      <c r="A42989" t="s">
        <v>26313</v>
      </c>
      <c r="B42989" t="s">
        <v>26314</v>
      </c>
      <c r="C42989" t="s">
        <v>18601</v>
      </c>
      <c r="D42989" t="s">
        <v>18602</v>
      </c>
      <c r="E42989" t="s">
        <v>18557</v>
      </c>
      <c r="F42989" t="s">
        <v>18558</v>
      </c>
      <c r="G42989" t="s">
        <v>10734</v>
      </c>
      <c r="H42989" t="s">
        <v>10735</v>
      </c>
      <c r="I42989" s="2">
        <v>0</v>
      </c>
      <c r="J42989" s="2">
        <v>1</v>
      </c>
      <c r="K42989" s="2">
        <v>0</v>
      </c>
      <c r="L42989" t="s">
        <v>82</v>
      </c>
      <c r="M42989" t="s">
        <v>83</v>
      </c>
      <c r="N42989" t="s">
        <v>91</v>
      </c>
      <c r="O42989" t="s">
        <v>85</v>
      </c>
      <c r="P42989" t="s">
        <v>86</v>
      </c>
      <c r="Q42989">
        <v>34</v>
      </c>
      <c r="R42989">
        <v>35</v>
      </c>
      <c r="S42989">
        <v>36</v>
      </c>
      <c r="T42989">
        <v>37</v>
      </c>
      <c r="U42989">
        <v>38</v>
      </c>
      <c r="V42989">
        <v>39</v>
      </c>
      <c r="W42989">
        <v>40</v>
      </c>
      <c r="X42989">
        <v>41</v>
      </c>
      <c r="Y42989">
        <v>42</v>
      </c>
      <c r="Z42989">
        <v>43</v>
      </c>
      <c r="AA42989">
        <v>44</v>
      </c>
      <c r="AB42989">
        <v>45</v>
      </c>
      <c r="AC42989">
        <v>46</v>
      </c>
      <c r="AD42989">
        <v>47</v>
      </c>
      <c r="AE42989">
        <v>48</v>
      </c>
      <c r="AF42989">
        <v>49</v>
      </c>
      <c r="AG42989">
        <v>50</v>
      </c>
      <c r="AH42989">
        <v>52</v>
      </c>
      <c r="AI42989">
        <v>53</v>
      </c>
      <c r="AJ42989">
        <v>54</v>
      </c>
      <c r="AK42989">
        <v>55</v>
      </c>
      <c r="AL42989">
        <v>56</v>
      </c>
      <c r="AM42989">
        <v>57</v>
      </c>
      <c r="AN42989">
        <v>57</v>
      </c>
      <c r="AO42989">
        <v>58</v>
      </c>
      <c r="AP42989">
        <v>59</v>
      </c>
      <c r="AQ42989">
        <v>59</v>
      </c>
    </row>
    <row r="42990" spans="1:43">
      <c r="A42990" t="s">
        <v>26315</v>
      </c>
      <c r="B42990" t="s">
        <v>26316</v>
      </c>
      <c r="C42990" t="s">
        <v>18577</v>
      </c>
      <c r="D42990" t="s">
        <v>18578</v>
      </c>
      <c r="E42990" t="s">
        <v>18557</v>
      </c>
      <c r="F42990" t="s">
        <v>18558</v>
      </c>
      <c r="G42990" t="s">
        <v>10734</v>
      </c>
      <c r="H42990" t="s">
        <v>10735</v>
      </c>
      <c r="I42990" s="2">
        <v>0</v>
      </c>
      <c r="J42990" s="2">
        <v>0</v>
      </c>
      <c r="K42990" s="2">
        <v>1</v>
      </c>
      <c r="L42990" t="s">
        <v>995</v>
      </c>
      <c r="M42990" t="s">
        <v>83</v>
      </c>
      <c r="N42990" t="s">
        <v>84</v>
      </c>
      <c r="O42990" t="s">
        <v>85</v>
      </c>
      <c r="P42990" t="s">
        <v>86</v>
      </c>
      <c r="Q42990">
        <v>14</v>
      </c>
      <c r="R42990">
        <v>15</v>
      </c>
      <c r="S42990">
        <v>15</v>
      </c>
      <c r="T42990">
        <v>15</v>
      </c>
      <c r="U42990">
        <v>16</v>
      </c>
      <c r="V42990">
        <v>16</v>
      </c>
      <c r="W42990">
        <v>16</v>
      </c>
      <c r="X42990">
        <v>17</v>
      </c>
      <c r="Y42990">
        <v>17</v>
      </c>
      <c r="Z42990">
        <v>18</v>
      </c>
      <c r="AA42990">
        <v>18</v>
      </c>
      <c r="AB42990">
        <v>18</v>
      </c>
      <c r="AC42990">
        <v>19</v>
      </c>
      <c r="AD42990">
        <v>19</v>
      </c>
      <c r="AE42990">
        <v>20</v>
      </c>
      <c r="AF42990">
        <v>20</v>
      </c>
      <c r="AG42990">
        <v>20</v>
      </c>
      <c r="AH42990">
        <v>21</v>
      </c>
      <c r="AI42990">
        <v>21</v>
      </c>
      <c r="AJ42990">
        <v>22</v>
      </c>
      <c r="AK42990">
        <v>22</v>
      </c>
      <c r="AL42990">
        <v>23</v>
      </c>
      <c r="AM42990">
        <v>23</v>
      </c>
      <c r="AN42990">
        <v>23</v>
      </c>
      <c r="AO42990">
        <v>23</v>
      </c>
      <c r="AP42990">
        <v>24</v>
      </c>
      <c r="AQ42990">
        <v>24</v>
      </c>
    </row>
    <row r="42991" spans="1:43">
      <c r="A42991" t="s">
        <v>26315</v>
      </c>
      <c r="B42991" t="s">
        <v>26316</v>
      </c>
      <c r="C42991" t="s">
        <v>18577</v>
      </c>
      <c r="D42991" t="s">
        <v>18578</v>
      </c>
      <c r="E42991" t="s">
        <v>18557</v>
      </c>
      <c r="F42991" t="s">
        <v>18558</v>
      </c>
      <c r="G42991" t="s">
        <v>10734</v>
      </c>
      <c r="H42991" t="s">
        <v>10735</v>
      </c>
      <c r="I42991" s="2">
        <v>0</v>
      </c>
      <c r="J42991" s="2">
        <v>0</v>
      </c>
      <c r="K42991" s="2">
        <v>1</v>
      </c>
      <c r="L42991" t="s">
        <v>995</v>
      </c>
      <c r="M42991" t="s">
        <v>87</v>
      </c>
      <c r="N42991" t="s">
        <v>88</v>
      </c>
      <c r="O42991" t="s">
        <v>85</v>
      </c>
      <c r="P42991" t="s">
        <v>86</v>
      </c>
      <c r="Q42991">
        <v>14</v>
      </c>
      <c r="R42991">
        <v>14</v>
      </c>
      <c r="S42991">
        <v>14</v>
      </c>
      <c r="T42991">
        <v>15</v>
      </c>
      <c r="U42991">
        <v>15</v>
      </c>
      <c r="V42991">
        <v>15</v>
      </c>
      <c r="W42991">
        <v>15</v>
      </c>
      <c r="X42991">
        <v>16</v>
      </c>
      <c r="Y42991">
        <v>16</v>
      </c>
      <c r="Z42991">
        <v>16</v>
      </c>
      <c r="AA42991">
        <v>16</v>
      </c>
      <c r="AB42991">
        <v>17</v>
      </c>
      <c r="AC42991">
        <v>17</v>
      </c>
      <c r="AD42991">
        <v>17</v>
      </c>
      <c r="AE42991">
        <v>17</v>
      </c>
      <c r="AF42991">
        <v>18</v>
      </c>
      <c r="AG42991">
        <v>18</v>
      </c>
      <c r="AH42991">
        <v>18</v>
      </c>
      <c r="AI42991">
        <v>18</v>
      </c>
      <c r="AJ42991">
        <v>19</v>
      </c>
      <c r="AK42991">
        <v>19</v>
      </c>
      <c r="AL42991">
        <v>19</v>
      </c>
      <c r="AM42991">
        <v>20</v>
      </c>
      <c r="AN42991">
        <v>20</v>
      </c>
      <c r="AO42991">
        <v>20</v>
      </c>
      <c r="AP42991">
        <v>20</v>
      </c>
      <c r="AQ42991">
        <v>21</v>
      </c>
    </row>
    <row r="42992" spans="1:43">
      <c r="A42992" t="s">
        <v>26315</v>
      </c>
      <c r="B42992" t="s">
        <v>26316</v>
      </c>
      <c r="C42992" t="s">
        <v>18577</v>
      </c>
      <c r="D42992" t="s">
        <v>18578</v>
      </c>
      <c r="E42992" t="s">
        <v>18557</v>
      </c>
      <c r="F42992" t="s">
        <v>18558</v>
      </c>
      <c r="G42992" t="s">
        <v>10734</v>
      </c>
      <c r="H42992" t="s">
        <v>10735</v>
      </c>
      <c r="I42992" s="2">
        <v>0</v>
      </c>
      <c r="J42992" s="2">
        <v>0</v>
      </c>
      <c r="K42992" s="2">
        <v>1</v>
      </c>
      <c r="L42992" t="s">
        <v>995</v>
      </c>
      <c r="M42992" t="s">
        <v>89</v>
      </c>
      <c r="N42992" t="s">
        <v>90</v>
      </c>
      <c r="O42992" t="s">
        <v>85</v>
      </c>
      <c r="P42992" t="s">
        <v>86</v>
      </c>
      <c r="Q42992">
        <v>14</v>
      </c>
      <c r="R42992">
        <v>15</v>
      </c>
      <c r="S42992">
        <v>15</v>
      </c>
      <c r="T42992">
        <v>16</v>
      </c>
      <c r="U42992">
        <v>16</v>
      </c>
      <c r="V42992">
        <v>17</v>
      </c>
      <c r="W42992">
        <v>17</v>
      </c>
      <c r="X42992">
        <v>18</v>
      </c>
      <c r="Y42992">
        <v>18</v>
      </c>
      <c r="Z42992">
        <v>19</v>
      </c>
      <c r="AA42992">
        <v>19</v>
      </c>
      <c r="AB42992">
        <v>20</v>
      </c>
      <c r="AC42992">
        <v>20</v>
      </c>
      <c r="AD42992">
        <v>21</v>
      </c>
      <c r="AE42992">
        <v>21</v>
      </c>
      <c r="AF42992">
        <v>21</v>
      </c>
      <c r="AG42992">
        <v>22</v>
      </c>
      <c r="AH42992">
        <v>22</v>
      </c>
      <c r="AI42992">
        <v>22</v>
      </c>
      <c r="AJ42992">
        <v>22</v>
      </c>
      <c r="AK42992">
        <v>23</v>
      </c>
      <c r="AL42992">
        <v>23</v>
      </c>
      <c r="AM42992">
        <v>23</v>
      </c>
      <c r="AN42992">
        <v>23</v>
      </c>
      <c r="AO42992">
        <v>24</v>
      </c>
      <c r="AP42992">
        <v>24</v>
      </c>
      <c r="AQ42992">
        <v>24</v>
      </c>
    </row>
    <row r="42993" spans="1:43">
      <c r="A42993" t="s">
        <v>26315</v>
      </c>
      <c r="B42993" t="s">
        <v>26316</v>
      </c>
      <c r="C42993" t="s">
        <v>18577</v>
      </c>
      <c r="D42993" t="s">
        <v>18578</v>
      </c>
      <c r="E42993" t="s">
        <v>18557</v>
      </c>
      <c r="F42993" t="s">
        <v>18558</v>
      </c>
      <c r="G42993" t="s">
        <v>10734</v>
      </c>
      <c r="H42993" t="s">
        <v>10735</v>
      </c>
      <c r="I42993" s="2">
        <v>0</v>
      </c>
      <c r="J42993" s="2">
        <v>0</v>
      </c>
      <c r="K42993" s="2">
        <v>1</v>
      </c>
      <c r="L42993" t="s">
        <v>995</v>
      </c>
      <c r="M42993" t="s">
        <v>83</v>
      </c>
      <c r="N42993" t="s">
        <v>91</v>
      </c>
      <c r="O42993" t="s">
        <v>85</v>
      </c>
      <c r="P42993" t="s">
        <v>86</v>
      </c>
      <c r="Q42993">
        <v>14</v>
      </c>
      <c r="R42993">
        <v>15</v>
      </c>
      <c r="S42993">
        <v>15</v>
      </c>
      <c r="T42993">
        <v>15</v>
      </c>
      <c r="U42993">
        <v>16</v>
      </c>
      <c r="V42993">
        <v>16</v>
      </c>
      <c r="W42993">
        <v>16</v>
      </c>
      <c r="X42993">
        <v>17</v>
      </c>
      <c r="Y42993">
        <v>17</v>
      </c>
      <c r="Z42993">
        <v>18</v>
      </c>
      <c r="AA42993">
        <v>18</v>
      </c>
      <c r="AB42993">
        <v>18</v>
      </c>
      <c r="AC42993">
        <v>19</v>
      </c>
      <c r="AD42993">
        <v>19</v>
      </c>
      <c r="AE42993">
        <v>20</v>
      </c>
      <c r="AF42993">
        <v>20</v>
      </c>
      <c r="AG42993">
        <v>20</v>
      </c>
      <c r="AH42993">
        <v>21</v>
      </c>
      <c r="AI42993">
        <v>21</v>
      </c>
      <c r="AJ42993">
        <v>22</v>
      </c>
      <c r="AK42993">
        <v>22</v>
      </c>
      <c r="AL42993">
        <v>23</v>
      </c>
      <c r="AM42993">
        <v>23</v>
      </c>
      <c r="AN42993">
        <v>23</v>
      </c>
      <c r="AO42993">
        <v>23</v>
      </c>
      <c r="AP42993">
        <v>24</v>
      </c>
      <c r="AQ42993">
        <v>24</v>
      </c>
    </row>
    <row r="42994" spans="1:43">
      <c r="A42994" t="s">
        <v>26317</v>
      </c>
      <c r="B42994" t="s">
        <v>26318</v>
      </c>
      <c r="C42994" t="s">
        <v>18577</v>
      </c>
      <c r="D42994" t="s">
        <v>18578</v>
      </c>
      <c r="E42994" t="s">
        <v>18557</v>
      </c>
      <c r="F42994" t="s">
        <v>18558</v>
      </c>
      <c r="G42994" t="s">
        <v>10734</v>
      </c>
      <c r="H42994" t="s">
        <v>10735</v>
      </c>
      <c r="I42994" s="2">
        <v>0</v>
      </c>
      <c r="J42994" s="2">
        <v>0</v>
      </c>
      <c r="K42994" s="2">
        <v>1</v>
      </c>
      <c r="L42994" t="s">
        <v>995</v>
      </c>
      <c r="M42994" t="s">
        <v>83</v>
      </c>
      <c r="N42994" t="s">
        <v>84</v>
      </c>
      <c r="O42994" t="s">
        <v>85</v>
      </c>
      <c r="P42994" t="s">
        <v>86</v>
      </c>
      <c r="Q42994">
        <v>19</v>
      </c>
      <c r="R42994">
        <v>20</v>
      </c>
      <c r="S42994">
        <v>20</v>
      </c>
      <c r="T42994">
        <v>21</v>
      </c>
      <c r="U42994">
        <v>21</v>
      </c>
      <c r="V42994">
        <v>22</v>
      </c>
      <c r="W42994">
        <v>22</v>
      </c>
      <c r="X42994">
        <v>23</v>
      </c>
      <c r="Y42994">
        <v>23</v>
      </c>
      <c r="Z42994">
        <v>24</v>
      </c>
      <c r="AA42994">
        <v>24</v>
      </c>
      <c r="AB42994">
        <v>25</v>
      </c>
      <c r="AC42994">
        <v>25</v>
      </c>
      <c r="AD42994">
        <v>26</v>
      </c>
      <c r="AE42994">
        <v>26</v>
      </c>
      <c r="AF42994">
        <v>27</v>
      </c>
      <c r="AG42994">
        <v>28</v>
      </c>
      <c r="AH42994">
        <v>28</v>
      </c>
      <c r="AI42994">
        <v>29</v>
      </c>
      <c r="AJ42994">
        <v>29</v>
      </c>
      <c r="AK42994">
        <v>30</v>
      </c>
      <c r="AL42994">
        <v>30</v>
      </c>
      <c r="AM42994">
        <v>31</v>
      </c>
      <c r="AN42994">
        <v>31</v>
      </c>
      <c r="AO42994">
        <v>32</v>
      </c>
      <c r="AP42994">
        <v>32</v>
      </c>
      <c r="AQ42994">
        <v>32</v>
      </c>
    </row>
    <row r="42995" spans="1:43">
      <c r="A42995" t="s">
        <v>26317</v>
      </c>
      <c r="B42995" t="s">
        <v>26318</v>
      </c>
      <c r="C42995" t="s">
        <v>18577</v>
      </c>
      <c r="D42995" t="s">
        <v>18578</v>
      </c>
      <c r="E42995" t="s">
        <v>18557</v>
      </c>
      <c r="F42995" t="s">
        <v>18558</v>
      </c>
      <c r="G42995" t="s">
        <v>10734</v>
      </c>
      <c r="H42995" t="s">
        <v>10735</v>
      </c>
      <c r="I42995" s="2">
        <v>0</v>
      </c>
      <c r="J42995" s="2">
        <v>0</v>
      </c>
      <c r="K42995" s="2">
        <v>1</v>
      </c>
      <c r="L42995" t="s">
        <v>995</v>
      </c>
      <c r="M42995" t="s">
        <v>87</v>
      </c>
      <c r="N42995" t="s">
        <v>88</v>
      </c>
      <c r="O42995" t="s">
        <v>85</v>
      </c>
      <c r="P42995" t="s">
        <v>86</v>
      </c>
      <c r="Q42995">
        <v>19</v>
      </c>
      <c r="R42995">
        <v>19</v>
      </c>
      <c r="S42995">
        <v>19</v>
      </c>
      <c r="T42995">
        <v>20</v>
      </c>
      <c r="U42995">
        <v>20</v>
      </c>
      <c r="V42995">
        <v>20</v>
      </c>
      <c r="W42995">
        <v>21</v>
      </c>
      <c r="X42995">
        <v>21</v>
      </c>
      <c r="Y42995">
        <v>21</v>
      </c>
      <c r="Z42995">
        <v>22</v>
      </c>
      <c r="AA42995">
        <v>22</v>
      </c>
      <c r="AB42995">
        <v>22</v>
      </c>
      <c r="AC42995">
        <v>23</v>
      </c>
      <c r="AD42995">
        <v>23</v>
      </c>
      <c r="AE42995">
        <v>23</v>
      </c>
      <c r="AF42995">
        <v>24</v>
      </c>
      <c r="AG42995">
        <v>24</v>
      </c>
      <c r="AH42995">
        <v>24</v>
      </c>
      <c r="AI42995">
        <v>25</v>
      </c>
      <c r="AJ42995">
        <v>25</v>
      </c>
      <c r="AK42995">
        <v>26</v>
      </c>
      <c r="AL42995">
        <v>26</v>
      </c>
      <c r="AM42995">
        <v>26</v>
      </c>
      <c r="AN42995">
        <v>27</v>
      </c>
      <c r="AO42995">
        <v>27</v>
      </c>
      <c r="AP42995">
        <v>28</v>
      </c>
      <c r="AQ42995">
        <v>28</v>
      </c>
    </row>
    <row r="42996" spans="1:43">
      <c r="A42996" t="s">
        <v>26317</v>
      </c>
      <c r="B42996" t="s">
        <v>26318</v>
      </c>
      <c r="C42996" t="s">
        <v>18577</v>
      </c>
      <c r="D42996" t="s">
        <v>18578</v>
      </c>
      <c r="E42996" t="s">
        <v>18557</v>
      </c>
      <c r="F42996" t="s">
        <v>18558</v>
      </c>
      <c r="G42996" t="s">
        <v>10734</v>
      </c>
      <c r="H42996" t="s">
        <v>10735</v>
      </c>
      <c r="I42996" s="2">
        <v>0</v>
      </c>
      <c r="J42996" s="2">
        <v>0</v>
      </c>
      <c r="K42996" s="2">
        <v>1</v>
      </c>
      <c r="L42996" t="s">
        <v>995</v>
      </c>
      <c r="M42996" t="s">
        <v>89</v>
      </c>
      <c r="N42996" t="s">
        <v>90</v>
      </c>
      <c r="O42996" t="s">
        <v>85</v>
      </c>
      <c r="P42996" t="s">
        <v>86</v>
      </c>
      <c r="Q42996">
        <v>19</v>
      </c>
      <c r="R42996">
        <v>20</v>
      </c>
      <c r="S42996">
        <v>21</v>
      </c>
      <c r="T42996">
        <v>21</v>
      </c>
      <c r="U42996">
        <v>22</v>
      </c>
      <c r="V42996">
        <v>23</v>
      </c>
      <c r="W42996">
        <v>23</v>
      </c>
      <c r="X42996">
        <v>24</v>
      </c>
      <c r="Y42996">
        <v>24</v>
      </c>
      <c r="Z42996">
        <v>25</v>
      </c>
      <c r="AA42996">
        <v>26</v>
      </c>
      <c r="AB42996">
        <v>26</v>
      </c>
      <c r="AC42996">
        <v>27</v>
      </c>
      <c r="AD42996">
        <v>28</v>
      </c>
      <c r="AE42996">
        <v>28</v>
      </c>
      <c r="AF42996">
        <v>29</v>
      </c>
      <c r="AG42996">
        <v>29</v>
      </c>
      <c r="AH42996">
        <v>29</v>
      </c>
      <c r="AI42996">
        <v>30</v>
      </c>
      <c r="AJ42996">
        <v>30</v>
      </c>
      <c r="AK42996">
        <v>30</v>
      </c>
      <c r="AL42996">
        <v>31</v>
      </c>
      <c r="AM42996">
        <v>31</v>
      </c>
      <c r="AN42996">
        <v>32</v>
      </c>
      <c r="AO42996">
        <v>32</v>
      </c>
      <c r="AP42996">
        <v>32</v>
      </c>
      <c r="AQ42996">
        <v>33</v>
      </c>
    </row>
    <row r="42997" spans="1:43">
      <c r="A42997" t="s">
        <v>26317</v>
      </c>
      <c r="B42997" t="s">
        <v>26318</v>
      </c>
      <c r="C42997" t="s">
        <v>18577</v>
      </c>
      <c r="D42997" t="s">
        <v>18578</v>
      </c>
      <c r="E42997" t="s">
        <v>18557</v>
      </c>
      <c r="F42997" t="s">
        <v>18558</v>
      </c>
      <c r="G42997" t="s">
        <v>10734</v>
      </c>
      <c r="H42997" t="s">
        <v>10735</v>
      </c>
      <c r="I42997" s="2">
        <v>0</v>
      </c>
      <c r="J42997" s="2">
        <v>0</v>
      </c>
      <c r="K42997" s="2">
        <v>1</v>
      </c>
      <c r="L42997" t="s">
        <v>995</v>
      </c>
      <c r="M42997" t="s">
        <v>83</v>
      </c>
      <c r="N42997" t="s">
        <v>91</v>
      </c>
      <c r="O42997" t="s">
        <v>85</v>
      </c>
      <c r="P42997" t="s">
        <v>86</v>
      </c>
      <c r="Q42997">
        <v>19</v>
      </c>
      <c r="R42997">
        <v>20</v>
      </c>
      <c r="S42997">
        <v>20</v>
      </c>
      <c r="T42997">
        <v>21</v>
      </c>
      <c r="U42997">
        <v>21</v>
      </c>
      <c r="V42997">
        <v>22</v>
      </c>
      <c r="W42997">
        <v>22</v>
      </c>
      <c r="X42997">
        <v>23</v>
      </c>
      <c r="Y42997">
        <v>23</v>
      </c>
      <c r="Z42997">
        <v>24</v>
      </c>
      <c r="AA42997">
        <v>24</v>
      </c>
      <c r="AB42997">
        <v>25</v>
      </c>
      <c r="AC42997">
        <v>25</v>
      </c>
      <c r="AD42997">
        <v>26</v>
      </c>
      <c r="AE42997">
        <v>26</v>
      </c>
      <c r="AF42997">
        <v>27</v>
      </c>
      <c r="AG42997">
        <v>28</v>
      </c>
      <c r="AH42997">
        <v>28</v>
      </c>
      <c r="AI42997">
        <v>29</v>
      </c>
      <c r="AJ42997">
        <v>29</v>
      </c>
      <c r="AK42997">
        <v>30</v>
      </c>
      <c r="AL42997">
        <v>30</v>
      </c>
      <c r="AM42997">
        <v>31</v>
      </c>
      <c r="AN42997">
        <v>31</v>
      </c>
      <c r="AO42997">
        <v>32</v>
      </c>
      <c r="AP42997">
        <v>32</v>
      </c>
      <c r="AQ42997">
        <v>32</v>
      </c>
    </row>
    <row r="42998" spans="1:43">
      <c r="A42998" t="s">
        <v>26319</v>
      </c>
      <c r="B42998" t="s">
        <v>26320</v>
      </c>
      <c r="C42998" t="s">
        <v>18577</v>
      </c>
      <c r="D42998" t="s">
        <v>18578</v>
      </c>
      <c r="E42998" t="s">
        <v>18557</v>
      </c>
      <c r="F42998" t="s">
        <v>18558</v>
      </c>
      <c r="G42998" t="s">
        <v>10734</v>
      </c>
      <c r="H42998" t="s">
        <v>10735</v>
      </c>
      <c r="I42998" s="2">
        <v>0</v>
      </c>
      <c r="J42998" s="2">
        <v>0</v>
      </c>
      <c r="K42998" s="2">
        <v>1</v>
      </c>
      <c r="L42998" t="s">
        <v>995</v>
      </c>
      <c r="M42998" t="s">
        <v>83</v>
      </c>
      <c r="N42998" t="s">
        <v>84</v>
      </c>
      <c r="O42998" t="s">
        <v>85</v>
      </c>
      <c r="P42998" t="s">
        <v>86</v>
      </c>
      <c r="Q42998">
        <v>17</v>
      </c>
      <c r="R42998">
        <v>17</v>
      </c>
      <c r="S42998">
        <v>18</v>
      </c>
      <c r="T42998">
        <v>18</v>
      </c>
      <c r="U42998">
        <v>19</v>
      </c>
      <c r="V42998">
        <v>19</v>
      </c>
      <c r="W42998">
        <v>20</v>
      </c>
      <c r="X42998">
        <v>20</v>
      </c>
      <c r="Y42998">
        <v>20</v>
      </c>
      <c r="Z42998">
        <v>21</v>
      </c>
      <c r="AA42998">
        <v>21</v>
      </c>
      <c r="AB42998">
        <v>22</v>
      </c>
      <c r="AC42998">
        <v>22</v>
      </c>
      <c r="AD42998">
        <v>23</v>
      </c>
      <c r="AE42998">
        <v>23</v>
      </c>
      <c r="AF42998">
        <v>24</v>
      </c>
      <c r="AG42998">
        <v>24</v>
      </c>
      <c r="AH42998">
        <v>25</v>
      </c>
      <c r="AI42998">
        <v>25</v>
      </c>
      <c r="AJ42998">
        <v>26</v>
      </c>
      <c r="AK42998">
        <v>27</v>
      </c>
      <c r="AL42998">
        <v>27</v>
      </c>
      <c r="AM42998">
        <v>27</v>
      </c>
      <c r="AN42998">
        <v>28</v>
      </c>
      <c r="AO42998">
        <v>28</v>
      </c>
      <c r="AP42998">
        <v>28</v>
      </c>
      <c r="AQ42998">
        <v>29</v>
      </c>
    </row>
    <row r="42999" spans="1:43">
      <c r="A42999" t="s">
        <v>26319</v>
      </c>
      <c r="B42999" t="s">
        <v>26320</v>
      </c>
      <c r="C42999" t="s">
        <v>18577</v>
      </c>
      <c r="D42999" t="s">
        <v>18578</v>
      </c>
      <c r="E42999" t="s">
        <v>18557</v>
      </c>
      <c r="F42999" t="s">
        <v>18558</v>
      </c>
      <c r="G42999" t="s">
        <v>10734</v>
      </c>
      <c r="H42999" t="s">
        <v>10735</v>
      </c>
      <c r="I42999" s="2">
        <v>0</v>
      </c>
      <c r="J42999" s="2">
        <v>0</v>
      </c>
      <c r="K42999" s="2">
        <v>1</v>
      </c>
      <c r="L42999" t="s">
        <v>995</v>
      </c>
      <c r="M42999" t="s">
        <v>87</v>
      </c>
      <c r="N42999" t="s">
        <v>88</v>
      </c>
      <c r="O42999" t="s">
        <v>85</v>
      </c>
      <c r="P42999" t="s">
        <v>86</v>
      </c>
      <c r="Q42999">
        <v>17</v>
      </c>
      <c r="R42999">
        <v>17</v>
      </c>
      <c r="S42999">
        <v>17</v>
      </c>
      <c r="T42999">
        <v>18</v>
      </c>
      <c r="U42999">
        <v>18</v>
      </c>
      <c r="V42999">
        <v>18</v>
      </c>
      <c r="W42999">
        <v>18</v>
      </c>
      <c r="X42999">
        <v>19</v>
      </c>
      <c r="Y42999">
        <v>19</v>
      </c>
      <c r="Z42999">
        <v>19</v>
      </c>
      <c r="AA42999">
        <v>20</v>
      </c>
      <c r="AB42999">
        <v>20</v>
      </c>
      <c r="AC42999">
        <v>20</v>
      </c>
      <c r="AD42999">
        <v>20</v>
      </c>
      <c r="AE42999">
        <v>21</v>
      </c>
      <c r="AF42999">
        <v>21</v>
      </c>
      <c r="AG42999">
        <v>21</v>
      </c>
      <c r="AH42999">
        <v>22</v>
      </c>
      <c r="AI42999">
        <v>22</v>
      </c>
      <c r="AJ42999">
        <v>22</v>
      </c>
      <c r="AK42999">
        <v>23</v>
      </c>
      <c r="AL42999">
        <v>23</v>
      </c>
      <c r="AM42999">
        <v>23</v>
      </c>
      <c r="AN42999">
        <v>24</v>
      </c>
      <c r="AO42999">
        <v>24</v>
      </c>
      <c r="AP42999">
        <v>24</v>
      </c>
      <c r="AQ42999">
        <v>25</v>
      </c>
    </row>
    <row r="43000" spans="1:43">
      <c r="A43000" t="s">
        <v>26319</v>
      </c>
      <c r="B43000" t="s">
        <v>26320</v>
      </c>
      <c r="C43000" t="s">
        <v>18577</v>
      </c>
      <c r="D43000" t="s">
        <v>18578</v>
      </c>
      <c r="E43000" t="s">
        <v>18557</v>
      </c>
      <c r="F43000" t="s">
        <v>18558</v>
      </c>
      <c r="G43000" t="s">
        <v>10734</v>
      </c>
      <c r="H43000" t="s">
        <v>10735</v>
      </c>
      <c r="I43000" s="2">
        <v>0</v>
      </c>
      <c r="J43000" s="2">
        <v>0</v>
      </c>
      <c r="K43000" s="2">
        <v>1</v>
      </c>
      <c r="L43000" t="s">
        <v>995</v>
      </c>
      <c r="M43000" t="s">
        <v>89</v>
      </c>
      <c r="N43000" t="s">
        <v>90</v>
      </c>
      <c r="O43000" t="s">
        <v>85</v>
      </c>
      <c r="P43000" t="s">
        <v>86</v>
      </c>
      <c r="Q43000">
        <v>17</v>
      </c>
      <c r="R43000">
        <v>18</v>
      </c>
      <c r="S43000">
        <v>18</v>
      </c>
      <c r="T43000">
        <v>19</v>
      </c>
      <c r="U43000">
        <v>19</v>
      </c>
      <c r="V43000">
        <v>20</v>
      </c>
      <c r="W43000">
        <v>21</v>
      </c>
      <c r="X43000">
        <v>21</v>
      </c>
      <c r="Y43000">
        <v>22</v>
      </c>
      <c r="Z43000">
        <v>22</v>
      </c>
      <c r="AA43000">
        <v>23</v>
      </c>
      <c r="AB43000">
        <v>23</v>
      </c>
      <c r="AC43000">
        <v>24</v>
      </c>
      <c r="AD43000">
        <v>25</v>
      </c>
      <c r="AE43000">
        <v>25</v>
      </c>
      <c r="AF43000">
        <v>25</v>
      </c>
      <c r="AG43000">
        <v>26</v>
      </c>
      <c r="AH43000">
        <v>26</v>
      </c>
      <c r="AI43000">
        <v>26</v>
      </c>
      <c r="AJ43000">
        <v>27</v>
      </c>
      <c r="AK43000">
        <v>27</v>
      </c>
      <c r="AL43000">
        <v>27</v>
      </c>
      <c r="AM43000">
        <v>28</v>
      </c>
      <c r="AN43000">
        <v>28</v>
      </c>
      <c r="AO43000">
        <v>28</v>
      </c>
      <c r="AP43000">
        <v>29</v>
      </c>
      <c r="AQ43000">
        <v>29</v>
      </c>
    </row>
    <row r="43001" spans="1:43">
      <c r="A43001" t="s">
        <v>26319</v>
      </c>
      <c r="B43001" t="s">
        <v>26320</v>
      </c>
      <c r="C43001" t="s">
        <v>18577</v>
      </c>
      <c r="D43001" t="s">
        <v>18578</v>
      </c>
      <c r="E43001" t="s">
        <v>18557</v>
      </c>
      <c r="F43001" t="s">
        <v>18558</v>
      </c>
      <c r="G43001" t="s">
        <v>10734</v>
      </c>
      <c r="H43001" t="s">
        <v>10735</v>
      </c>
      <c r="I43001" s="2">
        <v>0</v>
      </c>
      <c r="J43001" s="2">
        <v>0</v>
      </c>
      <c r="K43001" s="2">
        <v>1</v>
      </c>
      <c r="L43001" t="s">
        <v>995</v>
      </c>
      <c r="M43001" t="s">
        <v>83</v>
      </c>
      <c r="N43001" t="s">
        <v>91</v>
      </c>
      <c r="O43001" t="s">
        <v>85</v>
      </c>
      <c r="P43001" t="s">
        <v>86</v>
      </c>
      <c r="Q43001">
        <v>17</v>
      </c>
      <c r="R43001">
        <v>17</v>
      </c>
      <c r="S43001">
        <v>18</v>
      </c>
      <c r="T43001">
        <v>18</v>
      </c>
      <c r="U43001">
        <v>19</v>
      </c>
      <c r="V43001">
        <v>19</v>
      </c>
      <c r="W43001">
        <v>20</v>
      </c>
      <c r="X43001">
        <v>20</v>
      </c>
      <c r="Y43001">
        <v>20</v>
      </c>
      <c r="Z43001">
        <v>21</v>
      </c>
      <c r="AA43001">
        <v>21</v>
      </c>
      <c r="AB43001">
        <v>22</v>
      </c>
      <c r="AC43001">
        <v>22</v>
      </c>
      <c r="AD43001">
        <v>23</v>
      </c>
      <c r="AE43001">
        <v>23</v>
      </c>
      <c r="AF43001">
        <v>24</v>
      </c>
      <c r="AG43001">
        <v>24</v>
      </c>
      <c r="AH43001">
        <v>25</v>
      </c>
      <c r="AI43001">
        <v>25</v>
      </c>
      <c r="AJ43001">
        <v>26</v>
      </c>
      <c r="AK43001">
        <v>27</v>
      </c>
      <c r="AL43001">
        <v>27</v>
      </c>
      <c r="AM43001">
        <v>27</v>
      </c>
      <c r="AN43001">
        <v>28</v>
      </c>
      <c r="AO43001">
        <v>28</v>
      </c>
      <c r="AP43001">
        <v>28</v>
      </c>
      <c r="AQ43001">
        <v>29</v>
      </c>
    </row>
    <row r="43002" spans="1:43">
      <c r="A43002" t="s">
        <v>26321</v>
      </c>
      <c r="B43002" t="s">
        <v>26322</v>
      </c>
      <c r="C43002" t="s">
        <v>18577</v>
      </c>
      <c r="D43002" t="s">
        <v>18578</v>
      </c>
      <c r="E43002" t="s">
        <v>18557</v>
      </c>
      <c r="F43002" t="s">
        <v>18558</v>
      </c>
      <c r="G43002" t="s">
        <v>10734</v>
      </c>
      <c r="H43002" t="s">
        <v>10735</v>
      </c>
      <c r="I43002" s="2">
        <v>0</v>
      </c>
      <c r="J43002" s="2">
        <v>0</v>
      </c>
      <c r="K43002" s="2">
        <v>1</v>
      </c>
      <c r="L43002" t="s">
        <v>995</v>
      </c>
      <c r="M43002" t="s">
        <v>83</v>
      </c>
      <c r="N43002" t="s">
        <v>84</v>
      </c>
      <c r="O43002" t="s">
        <v>85</v>
      </c>
      <c r="P43002" t="s">
        <v>86</v>
      </c>
      <c r="Q43002">
        <v>0</v>
      </c>
      <c r="R43002">
        <v>0</v>
      </c>
      <c r="S43002">
        <v>0</v>
      </c>
      <c r="T43002">
        <v>0</v>
      </c>
      <c r="U43002">
        <v>0</v>
      </c>
      <c r="V43002">
        <v>0</v>
      </c>
      <c r="W43002">
        <v>0</v>
      </c>
      <c r="X43002">
        <v>0</v>
      </c>
      <c r="Y43002">
        <v>0</v>
      </c>
      <c r="Z43002">
        <v>0</v>
      </c>
      <c r="AA43002">
        <v>0</v>
      </c>
      <c r="AB43002">
        <v>0</v>
      </c>
      <c r="AC43002">
        <v>0</v>
      </c>
      <c r="AD43002">
        <v>0</v>
      </c>
      <c r="AE43002">
        <v>0</v>
      </c>
      <c r="AF43002">
        <v>0</v>
      </c>
      <c r="AG43002">
        <v>0</v>
      </c>
      <c r="AH43002">
        <v>0</v>
      </c>
      <c r="AI43002">
        <v>0</v>
      </c>
      <c r="AJ43002">
        <v>0</v>
      </c>
      <c r="AK43002">
        <v>0</v>
      </c>
      <c r="AL43002">
        <v>0</v>
      </c>
      <c r="AM43002">
        <v>0</v>
      </c>
      <c r="AN43002">
        <v>0</v>
      </c>
      <c r="AO43002">
        <v>0</v>
      </c>
      <c r="AP43002">
        <v>0</v>
      </c>
      <c r="AQ43002">
        <v>0</v>
      </c>
    </row>
    <row r="43003" spans="1:43">
      <c r="A43003" t="s">
        <v>26321</v>
      </c>
      <c r="B43003" t="s">
        <v>26322</v>
      </c>
      <c r="C43003" t="s">
        <v>18577</v>
      </c>
      <c r="D43003" t="s">
        <v>18578</v>
      </c>
      <c r="E43003" t="s">
        <v>18557</v>
      </c>
      <c r="F43003" t="s">
        <v>18558</v>
      </c>
      <c r="G43003" t="s">
        <v>10734</v>
      </c>
      <c r="H43003" t="s">
        <v>10735</v>
      </c>
      <c r="I43003" s="2">
        <v>0</v>
      </c>
      <c r="J43003" s="2">
        <v>0</v>
      </c>
      <c r="K43003" s="2">
        <v>1</v>
      </c>
      <c r="L43003" t="s">
        <v>995</v>
      </c>
      <c r="M43003" t="s">
        <v>87</v>
      </c>
      <c r="N43003" t="s">
        <v>88</v>
      </c>
      <c r="O43003" t="s">
        <v>85</v>
      </c>
      <c r="P43003" t="s">
        <v>86</v>
      </c>
      <c r="Q43003">
        <v>0</v>
      </c>
      <c r="R43003">
        <v>0</v>
      </c>
      <c r="S43003">
        <v>0</v>
      </c>
      <c r="T43003">
        <v>0</v>
      </c>
      <c r="U43003">
        <v>0</v>
      </c>
      <c r="V43003">
        <v>0</v>
      </c>
      <c r="W43003">
        <v>0</v>
      </c>
      <c r="X43003">
        <v>0</v>
      </c>
      <c r="Y43003">
        <v>0</v>
      </c>
      <c r="Z43003">
        <v>0</v>
      </c>
      <c r="AA43003">
        <v>0</v>
      </c>
      <c r="AB43003">
        <v>0</v>
      </c>
      <c r="AC43003">
        <v>0</v>
      </c>
      <c r="AD43003">
        <v>0</v>
      </c>
      <c r="AE43003">
        <v>0</v>
      </c>
      <c r="AF43003">
        <v>0</v>
      </c>
      <c r="AG43003">
        <v>0</v>
      </c>
      <c r="AH43003">
        <v>0</v>
      </c>
      <c r="AI43003">
        <v>0</v>
      </c>
      <c r="AJ43003">
        <v>0</v>
      </c>
      <c r="AK43003">
        <v>0</v>
      </c>
      <c r="AL43003">
        <v>0</v>
      </c>
      <c r="AM43003">
        <v>0</v>
      </c>
      <c r="AN43003">
        <v>0</v>
      </c>
      <c r="AO43003">
        <v>0</v>
      </c>
      <c r="AP43003">
        <v>0</v>
      </c>
      <c r="AQ43003">
        <v>0</v>
      </c>
    </row>
    <row r="43004" spans="1:43">
      <c r="A43004" t="s">
        <v>26321</v>
      </c>
      <c r="B43004" t="s">
        <v>26322</v>
      </c>
      <c r="C43004" t="s">
        <v>18577</v>
      </c>
      <c r="D43004" t="s">
        <v>18578</v>
      </c>
      <c r="E43004" t="s">
        <v>18557</v>
      </c>
      <c r="F43004" t="s">
        <v>18558</v>
      </c>
      <c r="G43004" t="s">
        <v>10734</v>
      </c>
      <c r="H43004" t="s">
        <v>10735</v>
      </c>
      <c r="I43004" s="2">
        <v>0</v>
      </c>
      <c r="J43004" s="2">
        <v>0</v>
      </c>
      <c r="K43004" s="2">
        <v>1</v>
      </c>
      <c r="L43004" t="s">
        <v>995</v>
      </c>
      <c r="M43004" t="s">
        <v>89</v>
      </c>
      <c r="N43004" t="s">
        <v>90</v>
      </c>
      <c r="O43004" t="s">
        <v>85</v>
      </c>
      <c r="P43004" t="s">
        <v>86</v>
      </c>
      <c r="Q43004">
        <v>0</v>
      </c>
      <c r="R43004">
        <v>0</v>
      </c>
      <c r="S43004">
        <v>0</v>
      </c>
      <c r="T43004">
        <v>0</v>
      </c>
      <c r="U43004">
        <v>0</v>
      </c>
      <c r="V43004">
        <v>0</v>
      </c>
      <c r="W43004">
        <v>0</v>
      </c>
      <c r="X43004">
        <v>0</v>
      </c>
      <c r="Y43004">
        <v>0</v>
      </c>
      <c r="Z43004">
        <v>0</v>
      </c>
      <c r="AA43004">
        <v>0</v>
      </c>
      <c r="AB43004">
        <v>0</v>
      </c>
      <c r="AC43004">
        <v>0</v>
      </c>
      <c r="AD43004">
        <v>0</v>
      </c>
      <c r="AE43004">
        <v>0</v>
      </c>
      <c r="AF43004">
        <v>0</v>
      </c>
      <c r="AG43004">
        <v>0</v>
      </c>
      <c r="AH43004">
        <v>0</v>
      </c>
      <c r="AI43004">
        <v>0</v>
      </c>
      <c r="AJ43004">
        <v>0</v>
      </c>
      <c r="AK43004">
        <v>0</v>
      </c>
      <c r="AL43004">
        <v>0</v>
      </c>
      <c r="AM43004">
        <v>0</v>
      </c>
      <c r="AN43004">
        <v>0</v>
      </c>
      <c r="AO43004">
        <v>0</v>
      </c>
      <c r="AP43004">
        <v>0</v>
      </c>
      <c r="AQ43004">
        <v>0</v>
      </c>
    </row>
    <row r="43005" spans="1:43">
      <c r="A43005" t="s">
        <v>26321</v>
      </c>
      <c r="B43005" t="s">
        <v>26322</v>
      </c>
      <c r="C43005" t="s">
        <v>18577</v>
      </c>
      <c r="D43005" t="s">
        <v>18578</v>
      </c>
      <c r="E43005" t="s">
        <v>18557</v>
      </c>
      <c r="F43005" t="s">
        <v>18558</v>
      </c>
      <c r="G43005" t="s">
        <v>10734</v>
      </c>
      <c r="H43005" t="s">
        <v>10735</v>
      </c>
      <c r="I43005" s="2">
        <v>0</v>
      </c>
      <c r="J43005" s="2">
        <v>0</v>
      </c>
      <c r="K43005" s="2">
        <v>1</v>
      </c>
      <c r="L43005" t="s">
        <v>995</v>
      </c>
      <c r="M43005" t="s">
        <v>83</v>
      </c>
      <c r="N43005" t="s">
        <v>91</v>
      </c>
      <c r="O43005" t="s">
        <v>85</v>
      </c>
      <c r="P43005" t="s">
        <v>86</v>
      </c>
      <c r="Q43005">
        <v>0</v>
      </c>
      <c r="R43005">
        <v>0</v>
      </c>
      <c r="S43005">
        <v>0</v>
      </c>
      <c r="T43005">
        <v>0</v>
      </c>
      <c r="U43005">
        <v>0</v>
      </c>
      <c r="V43005">
        <v>0</v>
      </c>
      <c r="W43005">
        <v>0</v>
      </c>
      <c r="X43005">
        <v>0</v>
      </c>
      <c r="Y43005">
        <v>0</v>
      </c>
      <c r="Z43005">
        <v>0</v>
      </c>
      <c r="AA43005">
        <v>0</v>
      </c>
      <c r="AB43005">
        <v>0</v>
      </c>
      <c r="AC43005">
        <v>0</v>
      </c>
      <c r="AD43005">
        <v>0</v>
      </c>
      <c r="AE43005">
        <v>0</v>
      </c>
      <c r="AF43005">
        <v>0</v>
      </c>
      <c r="AG43005">
        <v>0</v>
      </c>
      <c r="AH43005">
        <v>0</v>
      </c>
      <c r="AI43005">
        <v>0</v>
      </c>
      <c r="AJ43005">
        <v>0</v>
      </c>
      <c r="AK43005">
        <v>0</v>
      </c>
      <c r="AL43005">
        <v>0</v>
      </c>
      <c r="AM43005">
        <v>0</v>
      </c>
      <c r="AN43005">
        <v>0</v>
      </c>
      <c r="AO43005">
        <v>0</v>
      </c>
      <c r="AP43005">
        <v>0</v>
      </c>
      <c r="AQ43005">
        <v>0</v>
      </c>
    </row>
    <row r="43006" spans="1:43">
      <c r="A43006" t="s">
        <v>26323</v>
      </c>
      <c r="B43006" t="s">
        <v>26324</v>
      </c>
      <c r="C43006" t="s">
        <v>18577</v>
      </c>
      <c r="D43006" t="s">
        <v>18578</v>
      </c>
      <c r="E43006" t="s">
        <v>18557</v>
      </c>
      <c r="F43006" t="s">
        <v>18558</v>
      </c>
      <c r="G43006" t="s">
        <v>10734</v>
      </c>
      <c r="H43006" t="s">
        <v>10735</v>
      </c>
      <c r="I43006" s="2">
        <v>0</v>
      </c>
      <c r="J43006" s="2">
        <v>0</v>
      </c>
      <c r="K43006" s="2">
        <v>1</v>
      </c>
      <c r="L43006" t="s">
        <v>995</v>
      </c>
      <c r="M43006" t="s">
        <v>83</v>
      </c>
      <c r="N43006" t="s">
        <v>84</v>
      </c>
      <c r="O43006" t="s">
        <v>85</v>
      </c>
      <c r="P43006" t="s">
        <v>86</v>
      </c>
      <c r="Q43006">
        <v>0</v>
      </c>
      <c r="R43006">
        <v>0</v>
      </c>
      <c r="S43006">
        <v>0</v>
      </c>
      <c r="T43006">
        <v>0</v>
      </c>
      <c r="U43006">
        <v>0</v>
      </c>
      <c r="V43006">
        <v>0</v>
      </c>
      <c r="W43006">
        <v>0</v>
      </c>
      <c r="X43006">
        <v>0</v>
      </c>
      <c r="Y43006">
        <v>0</v>
      </c>
      <c r="Z43006">
        <v>0</v>
      </c>
      <c r="AA43006">
        <v>0</v>
      </c>
      <c r="AB43006">
        <v>0</v>
      </c>
      <c r="AC43006">
        <v>0</v>
      </c>
      <c r="AD43006">
        <v>0</v>
      </c>
      <c r="AE43006">
        <v>0</v>
      </c>
      <c r="AF43006">
        <v>0</v>
      </c>
      <c r="AG43006">
        <v>0</v>
      </c>
      <c r="AH43006">
        <v>0</v>
      </c>
      <c r="AI43006">
        <v>0</v>
      </c>
      <c r="AJ43006">
        <v>0</v>
      </c>
      <c r="AK43006">
        <v>0</v>
      </c>
      <c r="AL43006">
        <v>0</v>
      </c>
      <c r="AM43006">
        <v>0</v>
      </c>
      <c r="AN43006">
        <v>0</v>
      </c>
      <c r="AO43006">
        <v>0</v>
      </c>
      <c r="AP43006">
        <v>0</v>
      </c>
      <c r="AQ43006">
        <v>0</v>
      </c>
    </row>
    <row r="43007" spans="1:43">
      <c r="A43007" t="s">
        <v>26323</v>
      </c>
      <c r="B43007" t="s">
        <v>26324</v>
      </c>
      <c r="C43007" t="s">
        <v>18577</v>
      </c>
      <c r="D43007" t="s">
        <v>18578</v>
      </c>
      <c r="E43007" t="s">
        <v>18557</v>
      </c>
      <c r="F43007" t="s">
        <v>18558</v>
      </c>
      <c r="G43007" t="s">
        <v>10734</v>
      </c>
      <c r="H43007" t="s">
        <v>10735</v>
      </c>
      <c r="I43007" s="2">
        <v>0</v>
      </c>
      <c r="J43007" s="2">
        <v>0</v>
      </c>
      <c r="K43007" s="2">
        <v>1</v>
      </c>
      <c r="L43007" t="s">
        <v>995</v>
      </c>
      <c r="M43007" t="s">
        <v>87</v>
      </c>
      <c r="N43007" t="s">
        <v>88</v>
      </c>
      <c r="O43007" t="s">
        <v>85</v>
      </c>
      <c r="P43007" t="s">
        <v>86</v>
      </c>
      <c r="Q43007">
        <v>0</v>
      </c>
      <c r="R43007">
        <v>0</v>
      </c>
      <c r="S43007">
        <v>0</v>
      </c>
      <c r="T43007">
        <v>0</v>
      </c>
      <c r="U43007">
        <v>0</v>
      </c>
      <c r="V43007">
        <v>0</v>
      </c>
      <c r="W43007">
        <v>0</v>
      </c>
      <c r="X43007">
        <v>0</v>
      </c>
      <c r="Y43007">
        <v>0</v>
      </c>
      <c r="Z43007">
        <v>0</v>
      </c>
      <c r="AA43007">
        <v>0</v>
      </c>
      <c r="AB43007">
        <v>0</v>
      </c>
      <c r="AC43007">
        <v>0</v>
      </c>
      <c r="AD43007">
        <v>0</v>
      </c>
      <c r="AE43007">
        <v>0</v>
      </c>
      <c r="AF43007">
        <v>0</v>
      </c>
      <c r="AG43007">
        <v>0</v>
      </c>
      <c r="AH43007">
        <v>0</v>
      </c>
      <c r="AI43007">
        <v>0</v>
      </c>
      <c r="AJ43007">
        <v>0</v>
      </c>
      <c r="AK43007">
        <v>0</v>
      </c>
      <c r="AL43007">
        <v>0</v>
      </c>
      <c r="AM43007">
        <v>0</v>
      </c>
      <c r="AN43007">
        <v>0</v>
      </c>
      <c r="AO43007">
        <v>0</v>
      </c>
      <c r="AP43007">
        <v>0</v>
      </c>
      <c r="AQ43007">
        <v>0</v>
      </c>
    </row>
    <row r="43008" spans="1:43">
      <c r="A43008" t="s">
        <v>26323</v>
      </c>
      <c r="B43008" t="s">
        <v>26324</v>
      </c>
      <c r="C43008" t="s">
        <v>18577</v>
      </c>
      <c r="D43008" t="s">
        <v>18578</v>
      </c>
      <c r="E43008" t="s">
        <v>18557</v>
      </c>
      <c r="F43008" t="s">
        <v>18558</v>
      </c>
      <c r="G43008" t="s">
        <v>10734</v>
      </c>
      <c r="H43008" t="s">
        <v>10735</v>
      </c>
      <c r="I43008" s="2">
        <v>0</v>
      </c>
      <c r="J43008" s="2">
        <v>0</v>
      </c>
      <c r="K43008" s="2">
        <v>1</v>
      </c>
      <c r="L43008" t="s">
        <v>995</v>
      </c>
      <c r="M43008" t="s">
        <v>89</v>
      </c>
      <c r="N43008" t="s">
        <v>90</v>
      </c>
      <c r="O43008" t="s">
        <v>85</v>
      </c>
      <c r="P43008" t="s">
        <v>86</v>
      </c>
      <c r="Q43008">
        <v>0</v>
      </c>
      <c r="R43008">
        <v>0</v>
      </c>
      <c r="S43008">
        <v>0</v>
      </c>
      <c r="T43008">
        <v>0</v>
      </c>
      <c r="U43008">
        <v>0</v>
      </c>
      <c r="V43008">
        <v>0</v>
      </c>
      <c r="W43008">
        <v>0</v>
      </c>
      <c r="X43008">
        <v>0</v>
      </c>
      <c r="Y43008">
        <v>0</v>
      </c>
      <c r="Z43008">
        <v>0</v>
      </c>
      <c r="AA43008">
        <v>0</v>
      </c>
      <c r="AB43008">
        <v>0</v>
      </c>
      <c r="AC43008">
        <v>0</v>
      </c>
      <c r="AD43008">
        <v>0</v>
      </c>
      <c r="AE43008">
        <v>0</v>
      </c>
      <c r="AF43008">
        <v>0</v>
      </c>
      <c r="AG43008">
        <v>0</v>
      </c>
      <c r="AH43008">
        <v>0</v>
      </c>
      <c r="AI43008">
        <v>0</v>
      </c>
      <c r="AJ43008">
        <v>0</v>
      </c>
      <c r="AK43008">
        <v>0</v>
      </c>
      <c r="AL43008">
        <v>0</v>
      </c>
      <c r="AM43008">
        <v>0</v>
      </c>
      <c r="AN43008">
        <v>0</v>
      </c>
      <c r="AO43008">
        <v>0</v>
      </c>
      <c r="AP43008">
        <v>0</v>
      </c>
      <c r="AQ43008">
        <v>0</v>
      </c>
    </row>
    <row r="43009" spans="1:43">
      <c r="A43009" t="s">
        <v>26323</v>
      </c>
      <c r="B43009" t="s">
        <v>26324</v>
      </c>
      <c r="C43009" t="s">
        <v>18577</v>
      </c>
      <c r="D43009" t="s">
        <v>18578</v>
      </c>
      <c r="E43009" t="s">
        <v>18557</v>
      </c>
      <c r="F43009" t="s">
        <v>18558</v>
      </c>
      <c r="G43009" t="s">
        <v>10734</v>
      </c>
      <c r="H43009" t="s">
        <v>10735</v>
      </c>
      <c r="I43009" s="2">
        <v>0</v>
      </c>
      <c r="J43009" s="2">
        <v>0</v>
      </c>
      <c r="K43009" s="2">
        <v>1</v>
      </c>
      <c r="L43009" t="s">
        <v>995</v>
      </c>
      <c r="M43009" t="s">
        <v>83</v>
      </c>
      <c r="N43009" t="s">
        <v>91</v>
      </c>
      <c r="O43009" t="s">
        <v>85</v>
      </c>
      <c r="P43009" t="s">
        <v>86</v>
      </c>
      <c r="Q43009">
        <v>0</v>
      </c>
      <c r="R43009">
        <v>0</v>
      </c>
      <c r="S43009">
        <v>0</v>
      </c>
      <c r="T43009">
        <v>0</v>
      </c>
      <c r="U43009">
        <v>0</v>
      </c>
      <c r="V43009">
        <v>0</v>
      </c>
      <c r="W43009">
        <v>0</v>
      </c>
      <c r="X43009">
        <v>0</v>
      </c>
      <c r="Y43009">
        <v>0</v>
      </c>
      <c r="Z43009">
        <v>0</v>
      </c>
      <c r="AA43009">
        <v>0</v>
      </c>
      <c r="AB43009">
        <v>0</v>
      </c>
      <c r="AC43009">
        <v>0</v>
      </c>
      <c r="AD43009">
        <v>0</v>
      </c>
      <c r="AE43009">
        <v>0</v>
      </c>
      <c r="AF43009">
        <v>0</v>
      </c>
      <c r="AG43009">
        <v>0</v>
      </c>
      <c r="AH43009">
        <v>0</v>
      </c>
      <c r="AI43009">
        <v>0</v>
      </c>
      <c r="AJ43009">
        <v>0</v>
      </c>
      <c r="AK43009">
        <v>0</v>
      </c>
      <c r="AL43009">
        <v>0</v>
      </c>
      <c r="AM43009">
        <v>0</v>
      </c>
      <c r="AN43009">
        <v>0</v>
      </c>
      <c r="AO43009">
        <v>0</v>
      </c>
      <c r="AP43009">
        <v>0</v>
      </c>
      <c r="AQ43009">
        <v>0</v>
      </c>
    </row>
    <row r="43010" spans="1:43">
      <c r="A43010" t="s">
        <v>26325</v>
      </c>
      <c r="B43010" t="s">
        <v>26326</v>
      </c>
      <c r="C43010" t="s">
        <v>18657</v>
      </c>
      <c r="D43010" t="s">
        <v>18658</v>
      </c>
      <c r="E43010" t="s">
        <v>18557</v>
      </c>
      <c r="F43010" t="s">
        <v>18558</v>
      </c>
      <c r="G43010" t="s">
        <v>10734</v>
      </c>
      <c r="H43010" t="s">
        <v>10735</v>
      </c>
      <c r="I43010" s="2">
        <v>0</v>
      </c>
      <c r="J43010" s="2">
        <v>0</v>
      </c>
      <c r="K43010" s="2">
        <v>1</v>
      </c>
      <c r="L43010" t="s">
        <v>995</v>
      </c>
      <c r="M43010" t="s">
        <v>83</v>
      </c>
      <c r="N43010" t="s">
        <v>84</v>
      </c>
      <c r="O43010" t="s">
        <v>85</v>
      </c>
      <c r="P43010" t="s">
        <v>86</v>
      </c>
      <c r="Q43010">
        <v>25</v>
      </c>
      <c r="R43010">
        <v>26</v>
      </c>
      <c r="S43010">
        <v>27</v>
      </c>
      <c r="T43010">
        <v>27</v>
      </c>
      <c r="U43010">
        <v>28</v>
      </c>
      <c r="V43010">
        <v>29</v>
      </c>
      <c r="W43010">
        <v>29</v>
      </c>
      <c r="X43010">
        <v>30</v>
      </c>
      <c r="Y43010">
        <v>31</v>
      </c>
      <c r="Z43010">
        <v>31</v>
      </c>
      <c r="AA43010">
        <v>32</v>
      </c>
      <c r="AB43010">
        <v>33</v>
      </c>
      <c r="AC43010">
        <v>34</v>
      </c>
      <c r="AD43010">
        <v>34</v>
      </c>
      <c r="AE43010">
        <v>35</v>
      </c>
      <c r="AF43010">
        <v>36</v>
      </c>
      <c r="AG43010">
        <v>37</v>
      </c>
      <c r="AH43010">
        <v>37</v>
      </c>
      <c r="AI43010">
        <v>38</v>
      </c>
      <c r="AJ43010">
        <v>39</v>
      </c>
      <c r="AK43010">
        <v>40</v>
      </c>
      <c r="AL43010">
        <v>40</v>
      </c>
      <c r="AM43010">
        <v>41</v>
      </c>
      <c r="AN43010">
        <v>41</v>
      </c>
      <c r="AO43010">
        <v>42</v>
      </c>
      <c r="AP43010">
        <v>42</v>
      </c>
      <c r="AQ43010">
        <v>43</v>
      </c>
    </row>
    <row r="43011" spans="1:43">
      <c r="A43011" t="s">
        <v>26325</v>
      </c>
      <c r="B43011" t="s">
        <v>26326</v>
      </c>
      <c r="C43011" t="s">
        <v>18657</v>
      </c>
      <c r="D43011" t="s">
        <v>18658</v>
      </c>
      <c r="E43011" t="s">
        <v>18557</v>
      </c>
      <c r="F43011" t="s">
        <v>18558</v>
      </c>
      <c r="G43011" t="s">
        <v>10734</v>
      </c>
      <c r="H43011" t="s">
        <v>10735</v>
      </c>
      <c r="I43011" s="2">
        <v>0</v>
      </c>
      <c r="J43011" s="2">
        <v>0</v>
      </c>
      <c r="K43011" s="2">
        <v>1</v>
      </c>
      <c r="L43011" t="s">
        <v>995</v>
      </c>
      <c r="M43011" t="s">
        <v>87</v>
      </c>
      <c r="N43011" t="s">
        <v>88</v>
      </c>
      <c r="O43011" t="s">
        <v>85</v>
      </c>
      <c r="P43011" t="s">
        <v>86</v>
      </c>
      <c r="Q43011">
        <v>25</v>
      </c>
      <c r="R43011">
        <v>26</v>
      </c>
      <c r="S43011">
        <v>26</v>
      </c>
      <c r="T43011">
        <v>26</v>
      </c>
      <c r="U43011">
        <v>27</v>
      </c>
      <c r="V43011">
        <v>27</v>
      </c>
      <c r="W43011">
        <v>28</v>
      </c>
      <c r="X43011">
        <v>28</v>
      </c>
      <c r="Y43011">
        <v>28</v>
      </c>
      <c r="Z43011">
        <v>29</v>
      </c>
      <c r="AA43011">
        <v>29</v>
      </c>
      <c r="AB43011">
        <v>30</v>
      </c>
      <c r="AC43011">
        <v>30</v>
      </c>
      <c r="AD43011">
        <v>31</v>
      </c>
      <c r="AE43011">
        <v>31</v>
      </c>
      <c r="AF43011">
        <v>32</v>
      </c>
      <c r="AG43011">
        <v>32</v>
      </c>
      <c r="AH43011">
        <v>32</v>
      </c>
      <c r="AI43011">
        <v>33</v>
      </c>
      <c r="AJ43011">
        <v>33</v>
      </c>
      <c r="AK43011">
        <v>34</v>
      </c>
      <c r="AL43011">
        <v>34</v>
      </c>
      <c r="AM43011">
        <v>35</v>
      </c>
      <c r="AN43011">
        <v>36</v>
      </c>
      <c r="AO43011">
        <v>36</v>
      </c>
      <c r="AP43011">
        <v>37</v>
      </c>
      <c r="AQ43011">
        <v>37</v>
      </c>
    </row>
    <row r="43012" spans="1:43">
      <c r="A43012" t="s">
        <v>26325</v>
      </c>
      <c r="B43012" t="s">
        <v>26326</v>
      </c>
      <c r="C43012" t="s">
        <v>18657</v>
      </c>
      <c r="D43012" t="s">
        <v>18658</v>
      </c>
      <c r="E43012" t="s">
        <v>18557</v>
      </c>
      <c r="F43012" t="s">
        <v>18558</v>
      </c>
      <c r="G43012" t="s">
        <v>10734</v>
      </c>
      <c r="H43012" t="s">
        <v>10735</v>
      </c>
      <c r="I43012" s="2">
        <v>0</v>
      </c>
      <c r="J43012" s="2">
        <v>0</v>
      </c>
      <c r="K43012" s="2">
        <v>1</v>
      </c>
      <c r="L43012" t="s">
        <v>995</v>
      </c>
      <c r="M43012" t="s">
        <v>89</v>
      </c>
      <c r="N43012" t="s">
        <v>90</v>
      </c>
      <c r="O43012" t="s">
        <v>85</v>
      </c>
      <c r="P43012" t="s">
        <v>86</v>
      </c>
      <c r="Q43012">
        <v>25</v>
      </c>
      <c r="R43012">
        <v>25</v>
      </c>
      <c r="S43012">
        <v>26</v>
      </c>
      <c r="T43012">
        <v>27</v>
      </c>
      <c r="U43012">
        <v>28</v>
      </c>
      <c r="V43012">
        <v>29</v>
      </c>
      <c r="W43012">
        <v>30</v>
      </c>
      <c r="X43012">
        <v>31</v>
      </c>
      <c r="Y43012">
        <v>32</v>
      </c>
      <c r="Z43012">
        <v>32</v>
      </c>
      <c r="AA43012">
        <v>33</v>
      </c>
      <c r="AB43012">
        <v>34</v>
      </c>
      <c r="AC43012">
        <v>35</v>
      </c>
      <c r="AD43012">
        <v>36</v>
      </c>
      <c r="AE43012">
        <v>37</v>
      </c>
      <c r="AF43012">
        <v>37</v>
      </c>
      <c r="AG43012">
        <v>38</v>
      </c>
      <c r="AH43012">
        <v>38</v>
      </c>
      <c r="AI43012">
        <v>39</v>
      </c>
      <c r="AJ43012">
        <v>39</v>
      </c>
      <c r="AK43012">
        <v>39</v>
      </c>
      <c r="AL43012">
        <v>40</v>
      </c>
      <c r="AM43012">
        <v>40</v>
      </c>
      <c r="AN43012">
        <v>41</v>
      </c>
      <c r="AO43012">
        <v>41</v>
      </c>
      <c r="AP43012">
        <v>42</v>
      </c>
      <c r="AQ43012">
        <v>42</v>
      </c>
    </row>
    <row r="43013" spans="1:43">
      <c r="A43013" t="s">
        <v>26325</v>
      </c>
      <c r="B43013" t="s">
        <v>26326</v>
      </c>
      <c r="C43013" t="s">
        <v>18657</v>
      </c>
      <c r="D43013" t="s">
        <v>18658</v>
      </c>
      <c r="E43013" t="s">
        <v>18557</v>
      </c>
      <c r="F43013" t="s">
        <v>18558</v>
      </c>
      <c r="G43013" t="s">
        <v>10734</v>
      </c>
      <c r="H43013" t="s">
        <v>10735</v>
      </c>
      <c r="I43013" s="2">
        <v>0</v>
      </c>
      <c r="J43013" s="2">
        <v>0</v>
      </c>
      <c r="K43013" s="2">
        <v>1</v>
      </c>
      <c r="L43013" t="s">
        <v>995</v>
      </c>
      <c r="M43013" t="s">
        <v>83</v>
      </c>
      <c r="N43013" t="s">
        <v>91</v>
      </c>
      <c r="O43013" t="s">
        <v>85</v>
      </c>
      <c r="P43013" t="s">
        <v>86</v>
      </c>
      <c r="Q43013">
        <v>25</v>
      </c>
      <c r="R43013">
        <v>26</v>
      </c>
      <c r="S43013">
        <v>27</v>
      </c>
      <c r="T43013">
        <v>27</v>
      </c>
      <c r="U43013">
        <v>28</v>
      </c>
      <c r="V43013">
        <v>29</v>
      </c>
      <c r="W43013">
        <v>29</v>
      </c>
      <c r="X43013">
        <v>30</v>
      </c>
      <c r="Y43013">
        <v>31</v>
      </c>
      <c r="Z43013">
        <v>31</v>
      </c>
      <c r="AA43013">
        <v>32</v>
      </c>
      <c r="AB43013">
        <v>33</v>
      </c>
      <c r="AC43013">
        <v>34</v>
      </c>
      <c r="AD43013">
        <v>34</v>
      </c>
      <c r="AE43013">
        <v>35</v>
      </c>
      <c r="AF43013">
        <v>36</v>
      </c>
      <c r="AG43013">
        <v>37</v>
      </c>
      <c r="AH43013">
        <v>37</v>
      </c>
      <c r="AI43013">
        <v>38</v>
      </c>
      <c r="AJ43013">
        <v>39</v>
      </c>
      <c r="AK43013">
        <v>40</v>
      </c>
      <c r="AL43013">
        <v>40</v>
      </c>
      <c r="AM43013">
        <v>41</v>
      </c>
      <c r="AN43013">
        <v>41</v>
      </c>
      <c r="AO43013">
        <v>42</v>
      </c>
      <c r="AP43013">
        <v>42</v>
      </c>
      <c r="AQ43013">
        <v>43</v>
      </c>
    </row>
    <row r="43014" spans="1:43">
      <c r="A43014" t="s">
        <v>26327</v>
      </c>
      <c r="B43014" t="s">
        <v>26328</v>
      </c>
      <c r="C43014" t="s">
        <v>18657</v>
      </c>
      <c r="D43014" t="s">
        <v>18658</v>
      </c>
      <c r="E43014" t="s">
        <v>18557</v>
      </c>
      <c r="F43014" t="s">
        <v>18558</v>
      </c>
      <c r="G43014" t="s">
        <v>10734</v>
      </c>
      <c r="H43014" t="s">
        <v>10735</v>
      </c>
      <c r="I43014" s="2">
        <v>0</v>
      </c>
      <c r="J43014" s="2">
        <v>0</v>
      </c>
      <c r="K43014" s="2">
        <v>1</v>
      </c>
      <c r="L43014" t="s">
        <v>995</v>
      </c>
      <c r="M43014" t="s">
        <v>83</v>
      </c>
      <c r="N43014" t="s">
        <v>84</v>
      </c>
      <c r="O43014" t="s">
        <v>85</v>
      </c>
      <c r="P43014" t="s">
        <v>86</v>
      </c>
      <c r="Q43014">
        <v>13</v>
      </c>
      <c r="R43014">
        <v>13</v>
      </c>
      <c r="S43014">
        <v>13</v>
      </c>
      <c r="T43014">
        <v>14</v>
      </c>
      <c r="U43014">
        <v>14</v>
      </c>
      <c r="V43014">
        <v>14</v>
      </c>
      <c r="W43014">
        <v>15</v>
      </c>
      <c r="X43014">
        <v>15</v>
      </c>
      <c r="Y43014">
        <v>15</v>
      </c>
      <c r="Z43014">
        <v>16</v>
      </c>
      <c r="AA43014">
        <v>16</v>
      </c>
      <c r="AB43014">
        <v>16</v>
      </c>
      <c r="AC43014">
        <v>17</v>
      </c>
      <c r="AD43014">
        <v>17</v>
      </c>
      <c r="AE43014">
        <v>18</v>
      </c>
      <c r="AF43014">
        <v>18</v>
      </c>
      <c r="AG43014">
        <v>18</v>
      </c>
      <c r="AH43014">
        <v>19</v>
      </c>
      <c r="AI43014">
        <v>19</v>
      </c>
      <c r="AJ43014">
        <v>20</v>
      </c>
      <c r="AK43014">
        <v>20</v>
      </c>
      <c r="AL43014">
        <v>20</v>
      </c>
      <c r="AM43014">
        <v>20</v>
      </c>
      <c r="AN43014">
        <v>21</v>
      </c>
      <c r="AO43014">
        <v>21</v>
      </c>
      <c r="AP43014">
        <v>21</v>
      </c>
      <c r="AQ43014">
        <v>22</v>
      </c>
    </row>
    <row r="43015" spans="1:43">
      <c r="A43015" t="s">
        <v>26327</v>
      </c>
      <c r="B43015" t="s">
        <v>26328</v>
      </c>
      <c r="C43015" t="s">
        <v>18657</v>
      </c>
      <c r="D43015" t="s">
        <v>18658</v>
      </c>
      <c r="E43015" t="s">
        <v>18557</v>
      </c>
      <c r="F43015" t="s">
        <v>18558</v>
      </c>
      <c r="G43015" t="s">
        <v>10734</v>
      </c>
      <c r="H43015" t="s">
        <v>10735</v>
      </c>
      <c r="I43015" s="2">
        <v>0</v>
      </c>
      <c r="J43015" s="2">
        <v>0</v>
      </c>
      <c r="K43015" s="2">
        <v>1</v>
      </c>
      <c r="L43015" t="s">
        <v>995</v>
      </c>
      <c r="M43015" t="s">
        <v>87</v>
      </c>
      <c r="N43015" t="s">
        <v>88</v>
      </c>
      <c r="O43015" t="s">
        <v>85</v>
      </c>
      <c r="P43015" t="s">
        <v>86</v>
      </c>
      <c r="Q43015">
        <v>13</v>
      </c>
      <c r="R43015">
        <v>13</v>
      </c>
      <c r="S43015">
        <v>13</v>
      </c>
      <c r="T43015">
        <v>13</v>
      </c>
      <c r="U43015">
        <v>13</v>
      </c>
      <c r="V43015">
        <v>14</v>
      </c>
      <c r="W43015">
        <v>14</v>
      </c>
      <c r="X43015">
        <v>14</v>
      </c>
      <c r="Y43015">
        <v>14</v>
      </c>
      <c r="Z43015">
        <v>14</v>
      </c>
      <c r="AA43015">
        <v>15</v>
      </c>
      <c r="AB43015">
        <v>15</v>
      </c>
      <c r="AC43015">
        <v>15</v>
      </c>
      <c r="AD43015">
        <v>15</v>
      </c>
      <c r="AE43015">
        <v>16</v>
      </c>
      <c r="AF43015">
        <v>16</v>
      </c>
      <c r="AG43015">
        <v>16</v>
      </c>
      <c r="AH43015">
        <v>16</v>
      </c>
      <c r="AI43015">
        <v>17</v>
      </c>
      <c r="AJ43015">
        <v>17</v>
      </c>
      <c r="AK43015">
        <v>17</v>
      </c>
      <c r="AL43015">
        <v>17</v>
      </c>
      <c r="AM43015">
        <v>18</v>
      </c>
      <c r="AN43015">
        <v>18</v>
      </c>
      <c r="AO43015">
        <v>18</v>
      </c>
      <c r="AP43015">
        <v>18</v>
      </c>
      <c r="AQ43015">
        <v>19</v>
      </c>
    </row>
    <row r="43016" spans="1:43">
      <c r="A43016" t="s">
        <v>26327</v>
      </c>
      <c r="B43016" t="s">
        <v>26328</v>
      </c>
      <c r="C43016" t="s">
        <v>18657</v>
      </c>
      <c r="D43016" t="s">
        <v>18658</v>
      </c>
      <c r="E43016" t="s">
        <v>18557</v>
      </c>
      <c r="F43016" t="s">
        <v>18558</v>
      </c>
      <c r="G43016" t="s">
        <v>10734</v>
      </c>
      <c r="H43016" t="s">
        <v>10735</v>
      </c>
      <c r="I43016" s="2">
        <v>0</v>
      </c>
      <c r="J43016" s="2">
        <v>0</v>
      </c>
      <c r="K43016" s="2">
        <v>1</v>
      </c>
      <c r="L43016" t="s">
        <v>995</v>
      </c>
      <c r="M43016" t="s">
        <v>89</v>
      </c>
      <c r="N43016" t="s">
        <v>90</v>
      </c>
      <c r="O43016" t="s">
        <v>85</v>
      </c>
      <c r="P43016" t="s">
        <v>86</v>
      </c>
      <c r="Q43016">
        <v>13</v>
      </c>
      <c r="R43016">
        <v>13</v>
      </c>
      <c r="S43016">
        <v>14</v>
      </c>
      <c r="T43016">
        <v>14</v>
      </c>
      <c r="U43016">
        <v>15</v>
      </c>
      <c r="V43016">
        <v>15</v>
      </c>
      <c r="W43016">
        <v>15</v>
      </c>
      <c r="X43016">
        <v>16</v>
      </c>
      <c r="Y43016">
        <v>16</v>
      </c>
      <c r="Z43016">
        <v>17</v>
      </c>
      <c r="AA43016">
        <v>17</v>
      </c>
      <c r="AB43016">
        <v>18</v>
      </c>
      <c r="AC43016">
        <v>18</v>
      </c>
      <c r="AD43016">
        <v>18</v>
      </c>
      <c r="AE43016">
        <v>19</v>
      </c>
      <c r="AF43016">
        <v>19</v>
      </c>
      <c r="AG43016">
        <v>19</v>
      </c>
      <c r="AH43016">
        <v>20</v>
      </c>
      <c r="AI43016">
        <v>20</v>
      </c>
      <c r="AJ43016">
        <v>20</v>
      </c>
      <c r="AK43016">
        <v>20</v>
      </c>
      <c r="AL43016">
        <v>21</v>
      </c>
      <c r="AM43016">
        <v>21</v>
      </c>
      <c r="AN43016">
        <v>21</v>
      </c>
      <c r="AO43016">
        <v>21</v>
      </c>
      <c r="AP43016">
        <v>22</v>
      </c>
      <c r="AQ43016">
        <v>22</v>
      </c>
    </row>
    <row r="43017" spans="1:43">
      <c r="A43017" t="s">
        <v>26327</v>
      </c>
      <c r="B43017" t="s">
        <v>26328</v>
      </c>
      <c r="C43017" t="s">
        <v>18657</v>
      </c>
      <c r="D43017" t="s">
        <v>18658</v>
      </c>
      <c r="E43017" t="s">
        <v>18557</v>
      </c>
      <c r="F43017" t="s">
        <v>18558</v>
      </c>
      <c r="G43017" t="s">
        <v>10734</v>
      </c>
      <c r="H43017" t="s">
        <v>10735</v>
      </c>
      <c r="I43017" s="2">
        <v>0</v>
      </c>
      <c r="J43017" s="2">
        <v>0</v>
      </c>
      <c r="K43017" s="2">
        <v>1</v>
      </c>
      <c r="L43017" t="s">
        <v>995</v>
      </c>
      <c r="M43017" t="s">
        <v>83</v>
      </c>
      <c r="N43017" t="s">
        <v>91</v>
      </c>
      <c r="O43017" t="s">
        <v>85</v>
      </c>
      <c r="P43017" t="s">
        <v>86</v>
      </c>
      <c r="Q43017">
        <v>13</v>
      </c>
      <c r="R43017">
        <v>13</v>
      </c>
      <c r="S43017">
        <v>13</v>
      </c>
      <c r="T43017">
        <v>14</v>
      </c>
      <c r="U43017">
        <v>14</v>
      </c>
      <c r="V43017">
        <v>14</v>
      </c>
      <c r="W43017">
        <v>15</v>
      </c>
      <c r="X43017">
        <v>15</v>
      </c>
      <c r="Y43017">
        <v>15</v>
      </c>
      <c r="Z43017">
        <v>16</v>
      </c>
      <c r="AA43017">
        <v>16</v>
      </c>
      <c r="AB43017">
        <v>16</v>
      </c>
      <c r="AC43017">
        <v>17</v>
      </c>
      <c r="AD43017">
        <v>17</v>
      </c>
      <c r="AE43017">
        <v>18</v>
      </c>
      <c r="AF43017">
        <v>18</v>
      </c>
      <c r="AG43017">
        <v>18</v>
      </c>
      <c r="AH43017">
        <v>19</v>
      </c>
      <c r="AI43017">
        <v>19</v>
      </c>
      <c r="AJ43017">
        <v>20</v>
      </c>
      <c r="AK43017">
        <v>20</v>
      </c>
      <c r="AL43017">
        <v>20</v>
      </c>
      <c r="AM43017">
        <v>20</v>
      </c>
      <c r="AN43017">
        <v>21</v>
      </c>
      <c r="AO43017">
        <v>21</v>
      </c>
      <c r="AP43017">
        <v>21</v>
      </c>
      <c r="AQ43017">
        <v>22</v>
      </c>
    </row>
    <row r="43018" spans="1:43">
      <c r="A43018" t="s">
        <v>26329</v>
      </c>
      <c r="B43018" t="s">
        <v>26330</v>
      </c>
      <c r="C43018" t="s">
        <v>18909</v>
      </c>
      <c r="D43018" t="s">
        <v>18910</v>
      </c>
      <c r="E43018" t="s">
        <v>18845</v>
      </c>
      <c r="F43018" t="s">
        <v>18846</v>
      </c>
      <c r="G43018" t="s">
        <v>10734</v>
      </c>
      <c r="H43018" t="s">
        <v>10735</v>
      </c>
      <c r="I43018" s="2">
        <v>0</v>
      </c>
      <c r="J43018" s="2">
        <v>0</v>
      </c>
      <c r="K43018" s="2">
        <v>1</v>
      </c>
      <c r="L43018" t="s">
        <v>995</v>
      </c>
      <c r="M43018" t="s">
        <v>83</v>
      </c>
      <c r="N43018" t="s">
        <v>84</v>
      </c>
      <c r="O43018" t="s">
        <v>85</v>
      </c>
      <c r="P43018" t="s">
        <v>86</v>
      </c>
      <c r="Q43018">
        <v>21</v>
      </c>
      <c r="R43018">
        <v>21</v>
      </c>
      <c r="S43018">
        <v>21</v>
      </c>
      <c r="T43018">
        <v>22</v>
      </c>
      <c r="U43018">
        <v>22</v>
      </c>
      <c r="V43018">
        <v>22</v>
      </c>
      <c r="W43018">
        <v>23</v>
      </c>
      <c r="X43018">
        <v>23</v>
      </c>
      <c r="Y43018">
        <v>23</v>
      </c>
      <c r="Z43018">
        <v>24</v>
      </c>
      <c r="AA43018">
        <v>24</v>
      </c>
      <c r="AB43018">
        <v>24</v>
      </c>
      <c r="AC43018">
        <v>24</v>
      </c>
      <c r="AD43018">
        <v>25</v>
      </c>
      <c r="AE43018">
        <v>25</v>
      </c>
      <c r="AF43018">
        <v>25</v>
      </c>
      <c r="AG43018">
        <v>26</v>
      </c>
      <c r="AH43018">
        <v>26</v>
      </c>
      <c r="AI43018">
        <v>26</v>
      </c>
      <c r="AJ43018">
        <v>27</v>
      </c>
      <c r="AK43018">
        <v>27</v>
      </c>
      <c r="AL43018">
        <v>27</v>
      </c>
      <c r="AM43018">
        <v>27</v>
      </c>
      <c r="AN43018">
        <v>27</v>
      </c>
      <c r="AO43018">
        <v>27</v>
      </c>
      <c r="AP43018">
        <v>28</v>
      </c>
      <c r="AQ43018">
        <v>28</v>
      </c>
    </row>
    <row r="43019" spans="1:43">
      <c r="A43019" t="s">
        <v>26329</v>
      </c>
      <c r="B43019" t="s">
        <v>26330</v>
      </c>
      <c r="C43019" t="s">
        <v>18909</v>
      </c>
      <c r="D43019" t="s">
        <v>18910</v>
      </c>
      <c r="E43019" t="s">
        <v>18845</v>
      </c>
      <c r="F43019" t="s">
        <v>18846</v>
      </c>
      <c r="G43019" t="s">
        <v>10734</v>
      </c>
      <c r="H43019" t="s">
        <v>10735</v>
      </c>
      <c r="I43019" s="2">
        <v>0</v>
      </c>
      <c r="J43019" s="2">
        <v>0</v>
      </c>
      <c r="K43019" s="2">
        <v>1</v>
      </c>
      <c r="L43019" t="s">
        <v>995</v>
      </c>
      <c r="M43019" t="s">
        <v>87</v>
      </c>
      <c r="N43019" t="s">
        <v>88</v>
      </c>
      <c r="O43019" t="s">
        <v>85</v>
      </c>
      <c r="P43019" t="s">
        <v>86</v>
      </c>
      <c r="Q43019">
        <v>21</v>
      </c>
      <c r="R43019">
        <v>21</v>
      </c>
      <c r="S43019">
        <v>21</v>
      </c>
      <c r="T43019">
        <v>21</v>
      </c>
      <c r="U43019">
        <v>21</v>
      </c>
      <c r="V43019">
        <v>21</v>
      </c>
      <c r="W43019">
        <v>21</v>
      </c>
      <c r="X43019">
        <v>21</v>
      </c>
      <c r="Y43019">
        <v>21</v>
      </c>
      <c r="Z43019">
        <v>22</v>
      </c>
      <c r="AA43019">
        <v>22</v>
      </c>
      <c r="AB43019">
        <v>22</v>
      </c>
      <c r="AC43019">
        <v>22</v>
      </c>
      <c r="AD43019">
        <v>22</v>
      </c>
      <c r="AE43019">
        <v>22</v>
      </c>
      <c r="AF43019">
        <v>22</v>
      </c>
      <c r="AG43019">
        <v>23</v>
      </c>
      <c r="AH43019">
        <v>23</v>
      </c>
      <c r="AI43019">
        <v>23</v>
      </c>
      <c r="AJ43019">
        <v>23</v>
      </c>
      <c r="AK43019">
        <v>23</v>
      </c>
      <c r="AL43019">
        <v>23</v>
      </c>
      <c r="AM43019">
        <v>23</v>
      </c>
      <c r="AN43019">
        <v>24</v>
      </c>
      <c r="AO43019">
        <v>24</v>
      </c>
      <c r="AP43019">
        <v>24</v>
      </c>
      <c r="AQ43019">
        <v>24</v>
      </c>
    </row>
    <row r="43020" spans="1:43">
      <c r="A43020" t="s">
        <v>26329</v>
      </c>
      <c r="B43020" t="s">
        <v>26330</v>
      </c>
      <c r="C43020" t="s">
        <v>18909</v>
      </c>
      <c r="D43020" t="s">
        <v>18910</v>
      </c>
      <c r="E43020" t="s">
        <v>18845</v>
      </c>
      <c r="F43020" t="s">
        <v>18846</v>
      </c>
      <c r="G43020" t="s">
        <v>10734</v>
      </c>
      <c r="H43020" t="s">
        <v>10735</v>
      </c>
      <c r="I43020" s="2">
        <v>0</v>
      </c>
      <c r="J43020" s="2">
        <v>0</v>
      </c>
      <c r="K43020" s="2">
        <v>1</v>
      </c>
      <c r="L43020" t="s">
        <v>995</v>
      </c>
      <c r="M43020" t="s">
        <v>89</v>
      </c>
      <c r="N43020" t="s">
        <v>90</v>
      </c>
      <c r="O43020" t="s">
        <v>85</v>
      </c>
      <c r="P43020" t="s">
        <v>86</v>
      </c>
      <c r="Q43020">
        <v>21</v>
      </c>
      <c r="R43020">
        <v>21</v>
      </c>
      <c r="S43020">
        <v>22</v>
      </c>
      <c r="T43020">
        <v>22</v>
      </c>
      <c r="U43020">
        <v>23</v>
      </c>
      <c r="V43020">
        <v>23</v>
      </c>
      <c r="W43020">
        <v>24</v>
      </c>
      <c r="X43020">
        <v>24</v>
      </c>
      <c r="Y43020">
        <v>25</v>
      </c>
      <c r="Z43020">
        <v>25</v>
      </c>
      <c r="AA43020">
        <v>25</v>
      </c>
      <c r="AB43020">
        <v>26</v>
      </c>
      <c r="AC43020">
        <v>26</v>
      </c>
      <c r="AD43020">
        <v>26</v>
      </c>
      <c r="AE43020">
        <v>27</v>
      </c>
      <c r="AF43020">
        <v>27</v>
      </c>
      <c r="AG43020">
        <v>27</v>
      </c>
      <c r="AH43020">
        <v>27</v>
      </c>
      <c r="AI43020">
        <v>27</v>
      </c>
      <c r="AJ43020">
        <v>27</v>
      </c>
      <c r="AK43020">
        <v>27</v>
      </c>
      <c r="AL43020">
        <v>27</v>
      </c>
      <c r="AM43020">
        <v>28</v>
      </c>
      <c r="AN43020">
        <v>28</v>
      </c>
      <c r="AO43020">
        <v>28</v>
      </c>
      <c r="AP43020">
        <v>28</v>
      </c>
      <c r="AQ43020">
        <v>28</v>
      </c>
    </row>
    <row r="43021" spans="1:43">
      <c r="A43021" t="s">
        <v>26329</v>
      </c>
      <c r="B43021" t="s">
        <v>26330</v>
      </c>
      <c r="C43021" t="s">
        <v>18909</v>
      </c>
      <c r="D43021" t="s">
        <v>18910</v>
      </c>
      <c r="E43021" t="s">
        <v>18845</v>
      </c>
      <c r="F43021" t="s">
        <v>18846</v>
      </c>
      <c r="G43021" t="s">
        <v>10734</v>
      </c>
      <c r="H43021" t="s">
        <v>10735</v>
      </c>
      <c r="I43021" s="2">
        <v>0</v>
      </c>
      <c r="J43021" s="2">
        <v>0</v>
      </c>
      <c r="K43021" s="2">
        <v>1</v>
      </c>
      <c r="L43021" t="s">
        <v>995</v>
      </c>
      <c r="M43021" t="s">
        <v>83</v>
      </c>
      <c r="N43021" t="s">
        <v>91</v>
      </c>
      <c r="O43021" t="s">
        <v>85</v>
      </c>
      <c r="P43021" t="s">
        <v>86</v>
      </c>
      <c r="Q43021">
        <v>21</v>
      </c>
      <c r="R43021">
        <v>21</v>
      </c>
      <c r="S43021">
        <v>21</v>
      </c>
      <c r="T43021">
        <v>22</v>
      </c>
      <c r="U43021">
        <v>22</v>
      </c>
      <c r="V43021">
        <v>22</v>
      </c>
      <c r="W43021">
        <v>23</v>
      </c>
      <c r="X43021">
        <v>23</v>
      </c>
      <c r="Y43021">
        <v>23</v>
      </c>
      <c r="Z43021">
        <v>24</v>
      </c>
      <c r="AA43021">
        <v>24</v>
      </c>
      <c r="AB43021">
        <v>24</v>
      </c>
      <c r="AC43021">
        <v>24</v>
      </c>
      <c r="AD43021">
        <v>25</v>
      </c>
      <c r="AE43021">
        <v>25</v>
      </c>
      <c r="AF43021">
        <v>25</v>
      </c>
      <c r="AG43021">
        <v>26</v>
      </c>
      <c r="AH43021">
        <v>26</v>
      </c>
      <c r="AI43021">
        <v>26</v>
      </c>
      <c r="AJ43021">
        <v>27</v>
      </c>
      <c r="AK43021">
        <v>27</v>
      </c>
      <c r="AL43021">
        <v>27</v>
      </c>
      <c r="AM43021">
        <v>27</v>
      </c>
      <c r="AN43021">
        <v>27</v>
      </c>
      <c r="AO43021">
        <v>27</v>
      </c>
      <c r="AP43021">
        <v>28</v>
      </c>
      <c r="AQ43021">
        <v>28</v>
      </c>
    </row>
    <row r="43022" spans="1:43">
      <c r="A43022" t="s">
        <v>26331</v>
      </c>
      <c r="B43022" t="s">
        <v>26332</v>
      </c>
      <c r="C43022" t="s">
        <v>18909</v>
      </c>
      <c r="D43022" t="s">
        <v>18910</v>
      </c>
      <c r="E43022" t="s">
        <v>18845</v>
      </c>
      <c r="F43022" t="s">
        <v>18846</v>
      </c>
      <c r="G43022" t="s">
        <v>10734</v>
      </c>
      <c r="H43022" t="s">
        <v>10735</v>
      </c>
      <c r="I43022" s="2">
        <v>0</v>
      </c>
      <c r="J43022" s="2">
        <v>0</v>
      </c>
      <c r="K43022" s="2">
        <v>1</v>
      </c>
      <c r="L43022" t="s">
        <v>995</v>
      </c>
      <c r="M43022" t="s">
        <v>83</v>
      </c>
      <c r="N43022" t="s">
        <v>84</v>
      </c>
      <c r="O43022" t="s">
        <v>85</v>
      </c>
      <c r="P43022" t="s">
        <v>86</v>
      </c>
      <c r="Q43022">
        <v>25</v>
      </c>
      <c r="R43022">
        <v>25</v>
      </c>
      <c r="S43022">
        <v>26</v>
      </c>
      <c r="T43022">
        <v>26</v>
      </c>
      <c r="U43022">
        <v>27</v>
      </c>
      <c r="V43022">
        <v>27</v>
      </c>
      <c r="W43022">
        <v>27</v>
      </c>
      <c r="X43022">
        <v>28</v>
      </c>
      <c r="Y43022">
        <v>28</v>
      </c>
      <c r="Z43022">
        <v>28</v>
      </c>
      <c r="AA43022">
        <v>29</v>
      </c>
      <c r="AB43022">
        <v>29</v>
      </c>
      <c r="AC43022">
        <v>29</v>
      </c>
      <c r="AD43022">
        <v>30</v>
      </c>
      <c r="AE43022">
        <v>30</v>
      </c>
      <c r="AF43022">
        <v>31</v>
      </c>
      <c r="AG43022">
        <v>31</v>
      </c>
      <c r="AH43022">
        <v>31</v>
      </c>
      <c r="AI43022">
        <v>32</v>
      </c>
      <c r="AJ43022">
        <v>32</v>
      </c>
      <c r="AK43022">
        <v>32</v>
      </c>
      <c r="AL43022">
        <v>33</v>
      </c>
      <c r="AM43022">
        <v>33</v>
      </c>
      <c r="AN43022">
        <v>33</v>
      </c>
      <c r="AO43022">
        <v>33</v>
      </c>
      <c r="AP43022">
        <v>33</v>
      </c>
      <c r="AQ43022">
        <v>33</v>
      </c>
    </row>
    <row r="43023" spans="1:43">
      <c r="A43023" t="s">
        <v>26331</v>
      </c>
      <c r="B43023" t="s">
        <v>26332</v>
      </c>
      <c r="C43023" t="s">
        <v>18909</v>
      </c>
      <c r="D43023" t="s">
        <v>18910</v>
      </c>
      <c r="E43023" t="s">
        <v>18845</v>
      </c>
      <c r="F43023" t="s">
        <v>18846</v>
      </c>
      <c r="G43023" t="s">
        <v>10734</v>
      </c>
      <c r="H43023" t="s">
        <v>10735</v>
      </c>
      <c r="I43023" s="2">
        <v>0</v>
      </c>
      <c r="J43023" s="2">
        <v>0</v>
      </c>
      <c r="K43023" s="2">
        <v>1</v>
      </c>
      <c r="L43023" t="s">
        <v>995</v>
      </c>
      <c r="M43023" t="s">
        <v>87</v>
      </c>
      <c r="N43023" t="s">
        <v>88</v>
      </c>
      <c r="O43023" t="s">
        <v>85</v>
      </c>
      <c r="P43023" t="s">
        <v>86</v>
      </c>
      <c r="Q43023">
        <v>25</v>
      </c>
      <c r="R43023">
        <v>25</v>
      </c>
      <c r="S43023">
        <v>25</v>
      </c>
      <c r="T43023">
        <v>25</v>
      </c>
      <c r="U43023">
        <v>25</v>
      </c>
      <c r="V43023">
        <v>25</v>
      </c>
      <c r="W43023">
        <v>26</v>
      </c>
      <c r="X43023">
        <v>26</v>
      </c>
      <c r="Y43023">
        <v>26</v>
      </c>
      <c r="Z43023">
        <v>26</v>
      </c>
      <c r="AA43023">
        <v>26</v>
      </c>
      <c r="AB43023">
        <v>26</v>
      </c>
      <c r="AC43023">
        <v>26</v>
      </c>
      <c r="AD43023">
        <v>27</v>
      </c>
      <c r="AE43023">
        <v>27</v>
      </c>
      <c r="AF43023">
        <v>27</v>
      </c>
      <c r="AG43023">
        <v>27</v>
      </c>
      <c r="AH43023">
        <v>27</v>
      </c>
      <c r="AI43023">
        <v>28</v>
      </c>
      <c r="AJ43023">
        <v>28</v>
      </c>
      <c r="AK43023">
        <v>28</v>
      </c>
      <c r="AL43023">
        <v>28</v>
      </c>
      <c r="AM43023">
        <v>28</v>
      </c>
      <c r="AN43023">
        <v>29</v>
      </c>
      <c r="AO43023">
        <v>29</v>
      </c>
      <c r="AP43023">
        <v>29</v>
      </c>
      <c r="AQ43023">
        <v>29</v>
      </c>
    </row>
    <row r="43024" spans="1:43">
      <c r="A43024" t="s">
        <v>26331</v>
      </c>
      <c r="B43024" t="s">
        <v>26332</v>
      </c>
      <c r="C43024" t="s">
        <v>18909</v>
      </c>
      <c r="D43024" t="s">
        <v>18910</v>
      </c>
      <c r="E43024" t="s">
        <v>18845</v>
      </c>
      <c r="F43024" t="s">
        <v>18846</v>
      </c>
      <c r="G43024" t="s">
        <v>10734</v>
      </c>
      <c r="H43024" t="s">
        <v>10735</v>
      </c>
      <c r="I43024" s="2">
        <v>0</v>
      </c>
      <c r="J43024" s="2">
        <v>0</v>
      </c>
      <c r="K43024" s="2">
        <v>1</v>
      </c>
      <c r="L43024" t="s">
        <v>995</v>
      </c>
      <c r="M43024" t="s">
        <v>89</v>
      </c>
      <c r="N43024" t="s">
        <v>90</v>
      </c>
      <c r="O43024" t="s">
        <v>85</v>
      </c>
      <c r="P43024" t="s">
        <v>86</v>
      </c>
      <c r="Q43024">
        <v>25</v>
      </c>
      <c r="R43024">
        <v>26</v>
      </c>
      <c r="S43024">
        <v>26</v>
      </c>
      <c r="T43024">
        <v>27</v>
      </c>
      <c r="U43024">
        <v>28</v>
      </c>
      <c r="V43024">
        <v>28</v>
      </c>
      <c r="W43024">
        <v>29</v>
      </c>
      <c r="X43024">
        <v>29</v>
      </c>
      <c r="Y43024">
        <v>30</v>
      </c>
      <c r="Z43024">
        <v>30</v>
      </c>
      <c r="AA43024">
        <v>31</v>
      </c>
      <c r="AB43024">
        <v>31</v>
      </c>
      <c r="AC43024">
        <v>31</v>
      </c>
      <c r="AD43024">
        <v>32</v>
      </c>
      <c r="AE43024">
        <v>32</v>
      </c>
      <c r="AF43024">
        <v>32</v>
      </c>
      <c r="AG43024">
        <v>32</v>
      </c>
      <c r="AH43024">
        <v>33</v>
      </c>
      <c r="AI43024">
        <v>33</v>
      </c>
      <c r="AJ43024">
        <v>33</v>
      </c>
      <c r="AK43024">
        <v>33</v>
      </c>
      <c r="AL43024">
        <v>33</v>
      </c>
      <c r="AM43024">
        <v>33</v>
      </c>
      <c r="AN43024">
        <v>33</v>
      </c>
      <c r="AO43024">
        <v>33</v>
      </c>
      <c r="AP43024">
        <v>34</v>
      </c>
      <c r="AQ43024">
        <v>34</v>
      </c>
    </row>
    <row r="43025" spans="1:43">
      <c r="A43025" t="s">
        <v>26331</v>
      </c>
      <c r="B43025" t="s">
        <v>26332</v>
      </c>
      <c r="C43025" t="s">
        <v>18909</v>
      </c>
      <c r="D43025" t="s">
        <v>18910</v>
      </c>
      <c r="E43025" t="s">
        <v>18845</v>
      </c>
      <c r="F43025" t="s">
        <v>18846</v>
      </c>
      <c r="G43025" t="s">
        <v>10734</v>
      </c>
      <c r="H43025" t="s">
        <v>10735</v>
      </c>
      <c r="I43025" s="2">
        <v>0</v>
      </c>
      <c r="J43025" s="2">
        <v>0</v>
      </c>
      <c r="K43025" s="2">
        <v>1</v>
      </c>
      <c r="L43025" t="s">
        <v>995</v>
      </c>
      <c r="M43025" t="s">
        <v>83</v>
      </c>
      <c r="N43025" t="s">
        <v>91</v>
      </c>
      <c r="O43025" t="s">
        <v>85</v>
      </c>
      <c r="P43025" t="s">
        <v>86</v>
      </c>
      <c r="Q43025">
        <v>25</v>
      </c>
      <c r="R43025">
        <v>25</v>
      </c>
      <c r="S43025">
        <v>26</v>
      </c>
      <c r="T43025">
        <v>26</v>
      </c>
      <c r="U43025">
        <v>27</v>
      </c>
      <c r="V43025">
        <v>27</v>
      </c>
      <c r="W43025">
        <v>27</v>
      </c>
      <c r="X43025">
        <v>28</v>
      </c>
      <c r="Y43025">
        <v>28</v>
      </c>
      <c r="Z43025">
        <v>28</v>
      </c>
      <c r="AA43025">
        <v>29</v>
      </c>
      <c r="AB43025">
        <v>29</v>
      </c>
      <c r="AC43025">
        <v>29</v>
      </c>
      <c r="AD43025">
        <v>30</v>
      </c>
      <c r="AE43025">
        <v>30</v>
      </c>
      <c r="AF43025">
        <v>31</v>
      </c>
      <c r="AG43025">
        <v>31</v>
      </c>
      <c r="AH43025">
        <v>31</v>
      </c>
      <c r="AI43025">
        <v>32</v>
      </c>
      <c r="AJ43025">
        <v>32</v>
      </c>
      <c r="AK43025">
        <v>32</v>
      </c>
      <c r="AL43025">
        <v>33</v>
      </c>
      <c r="AM43025">
        <v>33</v>
      </c>
      <c r="AN43025">
        <v>33</v>
      </c>
      <c r="AO43025">
        <v>33</v>
      </c>
      <c r="AP43025">
        <v>33</v>
      </c>
      <c r="AQ43025">
        <v>33</v>
      </c>
    </row>
    <row r="43026" spans="1:43">
      <c r="A43026" t="s">
        <v>26333</v>
      </c>
      <c r="B43026" t="s">
        <v>26334</v>
      </c>
      <c r="C43026" t="s">
        <v>11350</v>
      </c>
      <c r="D43026" t="s">
        <v>11351</v>
      </c>
      <c r="E43026" t="s">
        <v>11206</v>
      </c>
      <c r="F43026" t="s">
        <v>11207</v>
      </c>
      <c r="G43026" t="s">
        <v>10734</v>
      </c>
      <c r="H43026" t="s">
        <v>10735</v>
      </c>
      <c r="I43026" s="2">
        <v>0</v>
      </c>
      <c r="J43026" s="2">
        <v>0</v>
      </c>
      <c r="K43026" s="2">
        <v>1</v>
      </c>
      <c r="L43026" t="s">
        <v>995</v>
      </c>
      <c r="M43026" t="s">
        <v>83</v>
      </c>
      <c r="N43026" t="s">
        <v>84</v>
      </c>
      <c r="O43026" t="s">
        <v>85</v>
      </c>
      <c r="P43026" t="s">
        <v>86</v>
      </c>
      <c r="Q43026">
        <v>2</v>
      </c>
      <c r="R43026">
        <v>2</v>
      </c>
      <c r="S43026">
        <v>2</v>
      </c>
      <c r="T43026">
        <v>2</v>
      </c>
      <c r="U43026">
        <v>2</v>
      </c>
      <c r="V43026">
        <v>2</v>
      </c>
      <c r="W43026">
        <v>2</v>
      </c>
      <c r="X43026">
        <v>2</v>
      </c>
      <c r="Y43026">
        <v>2</v>
      </c>
      <c r="Z43026">
        <v>2</v>
      </c>
      <c r="AA43026">
        <v>2</v>
      </c>
      <c r="AB43026">
        <v>2</v>
      </c>
      <c r="AC43026">
        <v>2</v>
      </c>
      <c r="AD43026">
        <v>2</v>
      </c>
      <c r="AE43026">
        <v>2</v>
      </c>
      <c r="AF43026">
        <v>3</v>
      </c>
      <c r="AG43026">
        <v>3</v>
      </c>
      <c r="AH43026">
        <v>3</v>
      </c>
      <c r="AI43026">
        <v>3</v>
      </c>
      <c r="AJ43026">
        <v>3</v>
      </c>
      <c r="AK43026">
        <v>3</v>
      </c>
      <c r="AL43026">
        <v>3</v>
      </c>
      <c r="AM43026">
        <v>3</v>
      </c>
      <c r="AN43026">
        <v>3</v>
      </c>
      <c r="AO43026">
        <v>3</v>
      </c>
      <c r="AP43026">
        <v>3</v>
      </c>
      <c r="AQ43026">
        <v>3</v>
      </c>
    </row>
    <row r="43027" spans="1:43">
      <c r="A43027" t="s">
        <v>26333</v>
      </c>
      <c r="B43027" t="s">
        <v>26334</v>
      </c>
      <c r="C43027" t="s">
        <v>11350</v>
      </c>
      <c r="D43027" t="s">
        <v>11351</v>
      </c>
      <c r="E43027" t="s">
        <v>11206</v>
      </c>
      <c r="F43027" t="s">
        <v>11207</v>
      </c>
      <c r="G43027" t="s">
        <v>10734</v>
      </c>
      <c r="H43027" t="s">
        <v>10735</v>
      </c>
      <c r="I43027" s="2">
        <v>0</v>
      </c>
      <c r="J43027" s="2">
        <v>0</v>
      </c>
      <c r="K43027" s="2">
        <v>1</v>
      </c>
      <c r="L43027" t="s">
        <v>995</v>
      </c>
      <c r="M43027" t="s">
        <v>87</v>
      </c>
      <c r="N43027" t="s">
        <v>88</v>
      </c>
      <c r="O43027" t="s">
        <v>85</v>
      </c>
      <c r="P43027" t="s">
        <v>86</v>
      </c>
      <c r="Q43027">
        <v>2</v>
      </c>
      <c r="R43027">
        <v>2</v>
      </c>
      <c r="S43027">
        <v>2</v>
      </c>
      <c r="T43027">
        <v>2</v>
      </c>
      <c r="U43027">
        <v>2</v>
      </c>
      <c r="V43027">
        <v>2</v>
      </c>
      <c r="W43027">
        <v>2</v>
      </c>
      <c r="X43027">
        <v>2</v>
      </c>
      <c r="Y43027">
        <v>2</v>
      </c>
      <c r="Z43027">
        <v>2</v>
      </c>
      <c r="AA43027">
        <v>2</v>
      </c>
      <c r="AB43027">
        <v>2</v>
      </c>
      <c r="AC43027">
        <v>2</v>
      </c>
      <c r="AD43027">
        <v>2</v>
      </c>
      <c r="AE43027">
        <v>2</v>
      </c>
      <c r="AF43027">
        <v>2</v>
      </c>
      <c r="AG43027">
        <v>2</v>
      </c>
      <c r="AH43027">
        <v>2</v>
      </c>
      <c r="AI43027">
        <v>2</v>
      </c>
      <c r="AJ43027">
        <v>2</v>
      </c>
      <c r="AK43027">
        <v>2</v>
      </c>
      <c r="AL43027">
        <v>2</v>
      </c>
      <c r="AM43027">
        <v>3</v>
      </c>
      <c r="AN43027">
        <v>3</v>
      </c>
      <c r="AO43027">
        <v>3</v>
      </c>
      <c r="AP43027">
        <v>3</v>
      </c>
      <c r="AQ43027">
        <v>3</v>
      </c>
    </row>
    <row r="43028" spans="1:43">
      <c r="A43028" t="s">
        <v>26333</v>
      </c>
      <c r="B43028" t="s">
        <v>26334</v>
      </c>
      <c r="C43028" t="s">
        <v>11350</v>
      </c>
      <c r="D43028" t="s">
        <v>11351</v>
      </c>
      <c r="E43028" t="s">
        <v>11206</v>
      </c>
      <c r="F43028" t="s">
        <v>11207</v>
      </c>
      <c r="G43028" t="s">
        <v>10734</v>
      </c>
      <c r="H43028" t="s">
        <v>10735</v>
      </c>
      <c r="I43028" s="2">
        <v>0</v>
      </c>
      <c r="J43028" s="2">
        <v>0</v>
      </c>
      <c r="K43028" s="2">
        <v>1</v>
      </c>
      <c r="L43028" t="s">
        <v>995</v>
      </c>
      <c r="M43028" t="s">
        <v>89</v>
      </c>
      <c r="N43028" t="s">
        <v>90</v>
      </c>
      <c r="O43028" t="s">
        <v>85</v>
      </c>
      <c r="P43028" t="s">
        <v>86</v>
      </c>
      <c r="Q43028">
        <v>2</v>
      </c>
      <c r="R43028">
        <v>2</v>
      </c>
      <c r="S43028">
        <v>2</v>
      </c>
      <c r="T43028">
        <v>2</v>
      </c>
      <c r="U43028">
        <v>2</v>
      </c>
      <c r="V43028">
        <v>2</v>
      </c>
      <c r="W43028">
        <v>2</v>
      </c>
      <c r="X43028">
        <v>2</v>
      </c>
      <c r="Y43028">
        <v>2</v>
      </c>
      <c r="Z43028">
        <v>2</v>
      </c>
      <c r="AA43028">
        <v>2</v>
      </c>
      <c r="AB43028">
        <v>2</v>
      </c>
      <c r="AC43028">
        <v>3</v>
      </c>
      <c r="AD43028">
        <v>3</v>
      </c>
      <c r="AE43028">
        <v>3</v>
      </c>
      <c r="AF43028">
        <v>3</v>
      </c>
      <c r="AG43028">
        <v>3</v>
      </c>
      <c r="AH43028">
        <v>3</v>
      </c>
      <c r="AI43028">
        <v>3</v>
      </c>
      <c r="AJ43028">
        <v>3</v>
      </c>
      <c r="AK43028">
        <v>3</v>
      </c>
      <c r="AL43028">
        <v>3</v>
      </c>
      <c r="AM43028">
        <v>3</v>
      </c>
      <c r="AN43028">
        <v>3</v>
      </c>
      <c r="AO43028">
        <v>3</v>
      </c>
      <c r="AP43028">
        <v>3</v>
      </c>
      <c r="AQ43028">
        <v>3</v>
      </c>
    </row>
    <row r="43029" spans="1:43">
      <c r="A43029" t="s">
        <v>26333</v>
      </c>
      <c r="B43029" t="s">
        <v>26334</v>
      </c>
      <c r="C43029" t="s">
        <v>11350</v>
      </c>
      <c r="D43029" t="s">
        <v>11351</v>
      </c>
      <c r="E43029" t="s">
        <v>11206</v>
      </c>
      <c r="F43029" t="s">
        <v>11207</v>
      </c>
      <c r="G43029" t="s">
        <v>10734</v>
      </c>
      <c r="H43029" t="s">
        <v>10735</v>
      </c>
      <c r="I43029" s="2">
        <v>0</v>
      </c>
      <c r="J43029" s="2">
        <v>0</v>
      </c>
      <c r="K43029" s="2">
        <v>1</v>
      </c>
      <c r="L43029" t="s">
        <v>995</v>
      </c>
      <c r="M43029" t="s">
        <v>83</v>
      </c>
      <c r="N43029" t="s">
        <v>91</v>
      </c>
      <c r="O43029" t="s">
        <v>85</v>
      </c>
      <c r="P43029" t="s">
        <v>86</v>
      </c>
      <c r="Q43029">
        <v>2</v>
      </c>
      <c r="R43029">
        <v>2</v>
      </c>
      <c r="S43029">
        <v>2</v>
      </c>
      <c r="T43029">
        <v>2</v>
      </c>
      <c r="U43029">
        <v>2</v>
      </c>
      <c r="V43029">
        <v>2</v>
      </c>
      <c r="W43029">
        <v>2</v>
      </c>
      <c r="X43029">
        <v>2</v>
      </c>
      <c r="Y43029">
        <v>2</v>
      </c>
      <c r="Z43029">
        <v>2</v>
      </c>
      <c r="AA43029">
        <v>2</v>
      </c>
      <c r="AB43029">
        <v>2</v>
      </c>
      <c r="AC43029">
        <v>2</v>
      </c>
      <c r="AD43029">
        <v>2</v>
      </c>
      <c r="AE43029">
        <v>2</v>
      </c>
      <c r="AF43029">
        <v>3</v>
      </c>
      <c r="AG43029">
        <v>3</v>
      </c>
      <c r="AH43029">
        <v>3</v>
      </c>
      <c r="AI43029">
        <v>3</v>
      </c>
      <c r="AJ43029">
        <v>3</v>
      </c>
      <c r="AK43029">
        <v>3</v>
      </c>
      <c r="AL43029">
        <v>3</v>
      </c>
      <c r="AM43029">
        <v>3</v>
      </c>
      <c r="AN43029">
        <v>3</v>
      </c>
      <c r="AO43029">
        <v>3</v>
      </c>
      <c r="AP43029">
        <v>3</v>
      </c>
      <c r="AQ43029">
        <v>3</v>
      </c>
    </row>
    <row r="43030" spans="1:43">
      <c r="A43030" t="s">
        <v>26335</v>
      </c>
      <c r="B43030" t="s">
        <v>26336</v>
      </c>
      <c r="C43030" t="s">
        <v>11350</v>
      </c>
      <c r="D43030" t="s">
        <v>11351</v>
      </c>
      <c r="E43030" t="s">
        <v>11206</v>
      </c>
      <c r="F43030" t="s">
        <v>11207</v>
      </c>
      <c r="G43030" t="s">
        <v>10734</v>
      </c>
      <c r="H43030" t="s">
        <v>10735</v>
      </c>
      <c r="I43030" s="2">
        <v>0</v>
      </c>
      <c r="J43030" s="2">
        <v>0</v>
      </c>
      <c r="K43030" s="2">
        <v>1</v>
      </c>
      <c r="L43030" t="s">
        <v>995</v>
      </c>
      <c r="M43030" t="s">
        <v>83</v>
      </c>
      <c r="N43030" t="s">
        <v>84</v>
      </c>
      <c r="O43030" t="s">
        <v>85</v>
      </c>
      <c r="P43030" t="s">
        <v>86</v>
      </c>
      <c r="Q43030">
        <v>4</v>
      </c>
      <c r="R43030">
        <v>4</v>
      </c>
      <c r="S43030">
        <v>4</v>
      </c>
      <c r="T43030">
        <v>4</v>
      </c>
      <c r="U43030">
        <v>5</v>
      </c>
      <c r="V43030">
        <v>5</v>
      </c>
      <c r="W43030">
        <v>5</v>
      </c>
      <c r="X43030">
        <v>5</v>
      </c>
      <c r="Y43030">
        <v>5</v>
      </c>
      <c r="Z43030">
        <v>5</v>
      </c>
      <c r="AA43030">
        <v>5</v>
      </c>
      <c r="AB43030">
        <v>5</v>
      </c>
      <c r="AC43030">
        <v>6</v>
      </c>
      <c r="AD43030">
        <v>6</v>
      </c>
      <c r="AE43030">
        <v>6</v>
      </c>
      <c r="AF43030">
        <v>6</v>
      </c>
      <c r="AG43030">
        <v>6</v>
      </c>
      <c r="AH43030">
        <v>6</v>
      </c>
      <c r="AI43030">
        <v>6</v>
      </c>
      <c r="AJ43030">
        <v>6</v>
      </c>
      <c r="AK43030">
        <v>7</v>
      </c>
      <c r="AL43030">
        <v>7</v>
      </c>
      <c r="AM43030">
        <v>7</v>
      </c>
      <c r="AN43030">
        <v>7</v>
      </c>
      <c r="AO43030">
        <v>7</v>
      </c>
      <c r="AP43030">
        <v>7</v>
      </c>
      <c r="AQ43030">
        <v>7</v>
      </c>
    </row>
    <row r="43031" spans="1:43">
      <c r="A43031" t="s">
        <v>26335</v>
      </c>
      <c r="B43031" t="s">
        <v>26336</v>
      </c>
      <c r="C43031" t="s">
        <v>11350</v>
      </c>
      <c r="D43031" t="s">
        <v>11351</v>
      </c>
      <c r="E43031" t="s">
        <v>11206</v>
      </c>
      <c r="F43031" t="s">
        <v>11207</v>
      </c>
      <c r="G43031" t="s">
        <v>10734</v>
      </c>
      <c r="H43031" t="s">
        <v>10735</v>
      </c>
      <c r="I43031" s="2">
        <v>0</v>
      </c>
      <c r="J43031" s="2">
        <v>0</v>
      </c>
      <c r="K43031" s="2">
        <v>1</v>
      </c>
      <c r="L43031" t="s">
        <v>995</v>
      </c>
      <c r="M43031" t="s">
        <v>87</v>
      </c>
      <c r="N43031" t="s">
        <v>88</v>
      </c>
      <c r="O43031" t="s">
        <v>85</v>
      </c>
      <c r="P43031" t="s">
        <v>86</v>
      </c>
      <c r="Q43031">
        <v>4</v>
      </c>
      <c r="R43031">
        <v>4</v>
      </c>
      <c r="S43031">
        <v>4</v>
      </c>
      <c r="T43031">
        <v>4</v>
      </c>
      <c r="U43031">
        <v>4</v>
      </c>
      <c r="V43031">
        <v>4</v>
      </c>
      <c r="W43031">
        <v>5</v>
      </c>
      <c r="X43031">
        <v>5</v>
      </c>
      <c r="Y43031">
        <v>5</v>
      </c>
      <c r="Z43031">
        <v>5</v>
      </c>
      <c r="AA43031">
        <v>5</v>
      </c>
      <c r="AB43031">
        <v>5</v>
      </c>
      <c r="AC43031">
        <v>5</v>
      </c>
      <c r="AD43031">
        <v>5</v>
      </c>
      <c r="AE43031">
        <v>5</v>
      </c>
      <c r="AF43031">
        <v>5</v>
      </c>
      <c r="AG43031">
        <v>5</v>
      </c>
      <c r="AH43031">
        <v>5</v>
      </c>
      <c r="AI43031">
        <v>6</v>
      </c>
      <c r="AJ43031">
        <v>6</v>
      </c>
      <c r="AK43031">
        <v>6</v>
      </c>
      <c r="AL43031">
        <v>6</v>
      </c>
      <c r="AM43031">
        <v>6</v>
      </c>
      <c r="AN43031">
        <v>6</v>
      </c>
      <c r="AO43031">
        <v>6</v>
      </c>
      <c r="AP43031">
        <v>6</v>
      </c>
      <c r="AQ43031">
        <v>6</v>
      </c>
    </row>
    <row r="43032" spans="1:43">
      <c r="A43032" t="s">
        <v>26335</v>
      </c>
      <c r="B43032" t="s">
        <v>26336</v>
      </c>
      <c r="C43032" t="s">
        <v>11350</v>
      </c>
      <c r="D43032" t="s">
        <v>11351</v>
      </c>
      <c r="E43032" t="s">
        <v>11206</v>
      </c>
      <c r="F43032" t="s">
        <v>11207</v>
      </c>
      <c r="G43032" t="s">
        <v>10734</v>
      </c>
      <c r="H43032" t="s">
        <v>10735</v>
      </c>
      <c r="I43032" s="2">
        <v>0</v>
      </c>
      <c r="J43032" s="2">
        <v>0</v>
      </c>
      <c r="K43032" s="2">
        <v>1</v>
      </c>
      <c r="L43032" t="s">
        <v>995</v>
      </c>
      <c r="M43032" t="s">
        <v>89</v>
      </c>
      <c r="N43032" t="s">
        <v>90</v>
      </c>
      <c r="O43032" t="s">
        <v>85</v>
      </c>
      <c r="P43032" t="s">
        <v>86</v>
      </c>
      <c r="Q43032">
        <v>4</v>
      </c>
      <c r="R43032">
        <v>4</v>
      </c>
      <c r="S43032">
        <v>4</v>
      </c>
      <c r="T43032">
        <v>5</v>
      </c>
      <c r="U43032">
        <v>5</v>
      </c>
      <c r="V43032">
        <v>5</v>
      </c>
      <c r="W43032">
        <v>5</v>
      </c>
      <c r="X43032">
        <v>5</v>
      </c>
      <c r="Y43032">
        <v>5</v>
      </c>
      <c r="Z43032">
        <v>5</v>
      </c>
      <c r="AA43032">
        <v>6</v>
      </c>
      <c r="AB43032">
        <v>6</v>
      </c>
      <c r="AC43032">
        <v>6</v>
      </c>
      <c r="AD43032">
        <v>6</v>
      </c>
      <c r="AE43032">
        <v>6</v>
      </c>
      <c r="AF43032">
        <v>6</v>
      </c>
      <c r="AG43032">
        <v>6</v>
      </c>
      <c r="AH43032">
        <v>6</v>
      </c>
      <c r="AI43032">
        <v>7</v>
      </c>
      <c r="AJ43032">
        <v>7</v>
      </c>
      <c r="AK43032">
        <v>7</v>
      </c>
      <c r="AL43032">
        <v>7</v>
      </c>
      <c r="AM43032">
        <v>7</v>
      </c>
      <c r="AN43032">
        <v>7</v>
      </c>
      <c r="AO43032">
        <v>7</v>
      </c>
      <c r="AP43032">
        <v>7</v>
      </c>
      <c r="AQ43032">
        <v>7</v>
      </c>
    </row>
    <row r="43033" spans="1:43">
      <c r="A43033" t="s">
        <v>26335</v>
      </c>
      <c r="B43033" t="s">
        <v>26336</v>
      </c>
      <c r="C43033" t="s">
        <v>11350</v>
      </c>
      <c r="D43033" t="s">
        <v>11351</v>
      </c>
      <c r="E43033" t="s">
        <v>11206</v>
      </c>
      <c r="F43033" t="s">
        <v>11207</v>
      </c>
      <c r="G43033" t="s">
        <v>10734</v>
      </c>
      <c r="H43033" t="s">
        <v>10735</v>
      </c>
      <c r="I43033" s="2">
        <v>0</v>
      </c>
      <c r="J43033" s="2">
        <v>0</v>
      </c>
      <c r="K43033" s="2">
        <v>1</v>
      </c>
      <c r="L43033" t="s">
        <v>995</v>
      </c>
      <c r="M43033" t="s">
        <v>83</v>
      </c>
      <c r="N43033" t="s">
        <v>91</v>
      </c>
      <c r="O43033" t="s">
        <v>85</v>
      </c>
      <c r="P43033" t="s">
        <v>86</v>
      </c>
      <c r="Q43033">
        <v>4</v>
      </c>
      <c r="R43033">
        <v>4</v>
      </c>
      <c r="S43033">
        <v>4</v>
      </c>
      <c r="T43033">
        <v>4</v>
      </c>
      <c r="U43033">
        <v>5</v>
      </c>
      <c r="V43033">
        <v>5</v>
      </c>
      <c r="W43033">
        <v>5</v>
      </c>
      <c r="X43033">
        <v>5</v>
      </c>
      <c r="Y43033">
        <v>5</v>
      </c>
      <c r="Z43033">
        <v>5</v>
      </c>
      <c r="AA43033">
        <v>5</v>
      </c>
      <c r="AB43033">
        <v>5</v>
      </c>
      <c r="AC43033">
        <v>6</v>
      </c>
      <c r="AD43033">
        <v>6</v>
      </c>
      <c r="AE43033">
        <v>6</v>
      </c>
      <c r="AF43033">
        <v>6</v>
      </c>
      <c r="AG43033">
        <v>6</v>
      </c>
      <c r="AH43033">
        <v>6</v>
      </c>
      <c r="AI43033">
        <v>6</v>
      </c>
      <c r="AJ43033">
        <v>6</v>
      </c>
      <c r="AK43033">
        <v>7</v>
      </c>
      <c r="AL43033">
        <v>7</v>
      </c>
      <c r="AM43033">
        <v>7</v>
      </c>
      <c r="AN43033">
        <v>7</v>
      </c>
      <c r="AO43033">
        <v>7</v>
      </c>
      <c r="AP43033">
        <v>7</v>
      </c>
      <c r="AQ43033">
        <v>7</v>
      </c>
    </row>
    <row r="43034" spans="1:43">
      <c r="A43034" t="s">
        <v>26337</v>
      </c>
      <c r="B43034" t="s">
        <v>26338</v>
      </c>
      <c r="C43034" t="s">
        <v>11518</v>
      </c>
      <c r="D43034" t="s">
        <v>11519</v>
      </c>
      <c r="E43034" t="s">
        <v>11206</v>
      </c>
      <c r="F43034" t="s">
        <v>11207</v>
      </c>
      <c r="G43034" t="s">
        <v>10734</v>
      </c>
      <c r="H43034" t="s">
        <v>10735</v>
      </c>
      <c r="I43034" s="2">
        <v>0</v>
      </c>
      <c r="J43034" s="2">
        <v>0</v>
      </c>
      <c r="K43034" s="2">
        <v>1</v>
      </c>
      <c r="L43034" t="s">
        <v>995</v>
      </c>
      <c r="M43034" t="s">
        <v>83</v>
      </c>
      <c r="N43034" t="s">
        <v>84</v>
      </c>
      <c r="O43034" t="s">
        <v>85</v>
      </c>
      <c r="P43034" t="s">
        <v>86</v>
      </c>
      <c r="Q43034">
        <v>2</v>
      </c>
      <c r="R43034">
        <v>2</v>
      </c>
      <c r="S43034">
        <v>2</v>
      </c>
      <c r="T43034">
        <v>2</v>
      </c>
      <c r="U43034">
        <v>2</v>
      </c>
      <c r="V43034">
        <v>2</v>
      </c>
      <c r="W43034">
        <v>2</v>
      </c>
      <c r="X43034">
        <v>2</v>
      </c>
      <c r="Y43034">
        <v>2</v>
      </c>
      <c r="Z43034">
        <v>2</v>
      </c>
      <c r="AA43034">
        <v>2</v>
      </c>
      <c r="AB43034">
        <v>2</v>
      </c>
      <c r="AC43034">
        <v>2</v>
      </c>
      <c r="AD43034">
        <v>2</v>
      </c>
      <c r="AE43034">
        <v>2</v>
      </c>
      <c r="AF43034">
        <v>3</v>
      </c>
      <c r="AG43034">
        <v>3</v>
      </c>
      <c r="AH43034">
        <v>3</v>
      </c>
      <c r="AI43034">
        <v>3</v>
      </c>
      <c r="AJ43034">
        <v>3</v>
      </c>
      <c r="AK43034">
        <v>3</v>
      </c>
      <c r="AL43034">
        <v>3</v>
      </c>
      <c r="AM43034">
        <v>3</v>
      </c>
      <c r="AN43034">
        <v>3</v>
      </c>
      <c r="AO43034">
        <v>3</v>
      </c>
      <c r="AP43034">
        <v>3</v>
      </c>
      <c r="AQ43034">
        <v>3</v>
      </c>
    </row>
    <row r="43035" spans="1:43">
      <c r="A43035" t="s">
        <v>26337</v>
      </c>
      <c r="B43035" t="s">
        <v>26338</v>
      </c>
      <c r="C43035" t="s">
        <v>11518</v>
      </c>
      <c r="D43035" t="s">
        <v>11519</v>
      </c>
      <c r="E43035" t="s">
        <v>11206</v>
      </c>
      <c r="F43035" t="s">
        <v>11207</v>
      </c>
      <c r="G43035" t="s">
        <v>10734</v>
      </c>
      <c r="H43035" t="s">
        <v>10735</v>
      </c>
      <c r="I43035" s="2">
        <v>0</v>
      </c>
      <c r="J43035" s="2">
        <v>0</v>
      </c>
      <c r="K43035" s="2">
        <v>1</v>
      </c>
      <c r="L43035" t="s">
        <v>995</v>
      </c>
      <c r="M43035" t="s">
        <v>87</v>
      </c>
      <c r="N43035" t="s">
        <v>88</v>
      </c>
      <c r="O43035" t="s">
        <v>85</v>
      </c>
      <c r="P43035" t="s">
        <v>86</v>
      </c>
      <c r="Q43035">
        <v>2</v>
      </c>
      <c r="R43035">
        <v>2</v>
      </c>
      <c r="S43035">
        <v>2</v>
      </c>
      <c r="T43035">
        <v>2</v>
      </c>
      <c r="U43035">
        <v>2</v>
      </c>
      <c r="V43035">
        <v>2</v>
      </c>
      <c r="W43035">
        <v>2</v>
      </c>
      <c r="X43035">
        <v>2</v>
      </c>
      <c r="Y43035">
        <v>2</v>
      </c>
      <c r="Z43035">
        <v>2</v>
      </c>
      <c r="AA43035">
        <v>2</v>
      </c>
      <c r="AB43035">
        <v>2</v>
      </c>
      <c r="AC43035">
        <v>2</v>
      </c>
      <c r="AD43035">
        <v>2</v>
      </c>
      <c r="AE43035">
        <v>2</v>
      </c>
      <c r="AF43035">
        <v>2</v>
      </c>
      <c r="AG43035">
        <v>2</v>
      </c>
      <c r="AH43035">
        <v>2</v>
      </c>
      <c r="AI43035">
        <v>2</v>
      </c>
      <c r="AJ43035">
        <v>2</v>
      </c>
      <c r="AK43035">
        <v>2</v>
      </c>
      <c r="AL43035">
        <v>2</v>
      </c>
      <c r="AM43035">
        <v>2</v>
      </c>
      <c r="AN43035">
        <v>2</v>
      </c>
      <c r="AO43035">
        <v>2</v>
      </c>
      <c r="AP43035">
        <v>2</v>
      </c>
      <c r="AQ43035">
        <v>2</v>
      </c>
    </row>
    <row r="43036" spans="1:43">
      <c r="A43036" t="s">
        <v>26337</v>
      </c>
      <c r="B43036" t="s">
        <v>26338</v>
      </c>
      <c r="C43036" t="s">
        <v>11518</v>
      </c>
      <c r="D43036" t="s">
        <v>11519</v>
      </c>
      <c r="E43036" t="s">
        <v>11206</v>
      </c>
      <c r="F43036" t="s">
        <v>11207</v>
      </c>
      <c r="G43036" t="s">
        <v>10734</v>
      </c>
      <c r="H43036" t="s">
        <v>10735</v>
      </c>
      <c r="I43036" s="2">
        <v>0</v>
      </c>
      <c r="J43036" s="2">
        <v>0</v>
      </c>
      <c r="K43036" s="2">
        <v>1</v>
      </c>
      <c r="L43036" t="s">
        <v>995</v>
      </c>
      <c r="M43036" t="s">
        <v>89</v>
      </c>
      <c r="N43036" t="s">
        <v>90</v>
      </c>
      <c r="O43036" t="s">
        <v>85</v>
      </c>
      <c r="P43036" t="s">
        <v>86</v>
      </c>
      <c r="Q43036">
        <v>2</v>
      </c>
      <c r="R43036">
        <v>2</v>
      </c>
      <c r="S43036">
        <v>2</v>
      </c>
      <c r="T43036">
        <v>2</v>
      </c>
      <c r="U43036">
        <v>2</v>
      </c>
      <c r="V43036">
        <v>2</v>
      </c>
      <c r="W43036">
        <v>2</v>
      </c>
      <c r="X43036">
        <v>2</v>
      </c>
      <c r="Y43036">
        <v>2</v>
      </c>
      <c r="Z43036">
        <v>2</v>
      </c>
      <c r="AA43036">
        <v>3</v>
      </c>
      <c r="AB43036">
        <v>3</v>
      </c>
      <c r="AC43036">
        <v>3</v>
      </c>
      <c r="AD43036">
        <v>3</v>
      </c>
      <c r="AE43036">
        <v>3</v>
      </c>
      <c r="AF43036">
        <v>3</v>
      </c>
      <c r="AG43036">
        <v>3</v>
      </c>
      <c r="AH43036">
        <v>3</v>
      </c>
      <c r="AI43036">
        <v>3</v>
      </c>
      <c r="AJ43036">
        <v>3</v>
      </c>
      <c r="AK43036">
        <v>3</v>
      </c>
      <c r="AL43036">
        <v>3</v>
      </c>
      <c r="AM43036">
        <v>3</v>
      </c>
      <c r="AN43036">
        <v>3</v>
      </c>
      <c r="AO43036">
        <v>3</v>
      </c>
      <c r="AP43036">
        <v>3</v>
      </c>
      <c r="AQ43036">
        <v>3</v>
      </c>
    </row>
    <row r="43037" spans="1:43">
      <c r="A43037" t="s">
        <v>26337</v>
      </c>
      <c r="B43037" t="s">
        <v>26338</v>
      </c>
      <c r="C43037" t="s">
        <v>11518</v>
      </c>
      <c r="D43037" t="s">
        <v>11519</v>
      </c>
      <c r="E43037" t="s">
        <v>11206</v>
      </c>
      <c r="F43037" t="s">
        <v>11207</v>
      </c>
      <c r="G43037" t="s">
        <v>10734</v>
      </c>
      <c r="H43037" t="s">
        <v>10735</v>
      </c>
      <c r="I43037" s="2">
        <v>0</v>
      </c>
      <c r="J43037" s="2">
        <v>0</v>
      </c>
      <c r="K43037" s="2">
        <v>1</v>
      </c>
      <c r="L43037" t="s">
        <v>995</v>
      </c>
      <c r="M43037" t="s">
        <v>83</v>
      </c>
      <c r="N43037" t="s">
        <v>91</v>
      </c>
      <c r="O43037" t="s">
        <v>85</v>
      </c>
      <c r="P43037" t="s">
        <v>86</v>
      </c>
      <c r="Q43037">
        <v>2</v>
      </c>
      <c r="R43037">
        <v>2</v>
      </c>
      <c r="S43037">
        <v>2</v>
      </c>
      <c r="T43037">
        <v>2</v>
      </c>
      <c r="U43037">
        <v>2</v>
      </c>
      <c r="V43037">
        <v>2</v>
      </c>
      <c r="W43037">
        <v>2</v>
      </c>
      <c r="X43037">
        <v>2</v>
      </c>
      <c r="Y43037">
        <v>2</v>
      </c>
      <c r="Z43037">
        <v>2</v>
      </c>
      <c r="AA43037">
        <v>2</v>
      </c>
      <c r="AB43037">
        <v>2</v>
      </c>
      <c r="AC43037">
        <v>2</v>
      </c>
      <c r="AD43037">
        <v>2</v>
      </c>
      <c r="AE43037">
        <v>2</v>
      </c>
      <c r="AF43037">
        <v>3</v>
      </c>
      <c r="AG43037">
        <v>3</v>
      </c>
      <c r="AH43037">
        <v>3</v>
      </c>
      <c r="AI43037">
        <v>3</v>
      </c>
      <c r="AJ43037">
        <v>3</v>
      </c>
      <c r="AK43037">
        <v>3</v>
      </c>
      <c r="AL43037">
        <v>3</v>
      </c>
      <c r="AM43037">
        <v>3</v>
      </c>
      <c r="AN43037">
        <v>3</v>
      </c>
      <c r="AO43037">
        <v>3</v>
      </c>
      <c r="AP43037">
        <v>3</v>
      </c>
      <c r="AQ43037">
        <v>3</v>
      </c>
    </row>
    <row r="43038" spans="1:43">
      <c r="A43038" t="s">
        <v>26339</v>
      </c>
      <c r="B43038" t="s">
        <v>26340</v>
      </c>
      <c r="C43038" t="s">
        <v>11518</v>
      </c>
      <c r="D43038" t="s">
        <v>11519</v>
      </c>
      <c r="E43038" t="s">
        <v>11206</v>
      </c>
      <c r="F43038" t="s">
        <v>11207</v>
      </c>
      <c r="G43038" t="s">
        <v>10734</v>
      </c>
      <c r="H43038" t="s">
        <v>10735</v>
      </c>
      <c r="I43038" s="2">
        <v>0</v>
      </c>
      <c r="J43038" s="2">
        <v>0</v>
      </c>
      <c r="K43038" s="2">
        <v>1</v>
      </c>
      <c r="L43038" t="s">
        <v>995</v>
      </c>
      <c r="M43038" t="s">
        <v>83</v>
      </c>
      <c r="N43038" t="s">
        <v>84</v>
      </c>
      <c r="O43038" t="s">
        <v>85</v>
      </c>
      <c r="P43038" t="s">
        <v>86</v>
      </c>
      <c r="Q43038">
        <v>21</v>
      </c>
      <c r="R43038">
        <v>22</v>
      </c>
      <c r="S43038">
        <v>22</v>
      </c>
      <c r="T43038">
        <v>22</v>
      </c>
      <c r="U43038">
        <v>23</v>
      </c>
      <c r="V43038">
        <v>23</v>
      </c>
      <c r="W43038">
        <v>23</v>
      </c>
      <c r="X43038">
        <v>24</v>
      </c>
      <c r="Y43038">
        <v>24</v>
      </c>
      <c r="Z43038">
        <v>24</v>
      </c>
      <c r="AA43038">
        <v>24</v>
      </c>
      <c r="AB43038">
        <v>25</v>
      </c>
      <c r="AC43038">
        <v>25</v>
      </c>
      <c r="AD43038">
        <v>25</v>
      </c>
      <c r="AE43038">
        <v>26</v>
      </c>
      <c r="AF43038">
        <v>26</v>
      </c>
      <c r="AG43038">
        <v>26</v>
      </c>
      <c r="AH43038">
        <v>26</v>
      </c>
      <c r="AI43038">
        <v>27</v>
      </c>
      <c r="AJ43038">
        <v>27</v>
      </c>
      <c r="AK43038">
        <v>27</v>
      </c>
      <c r="AL43038">
        <v>28</v>
      </c>
      <c r="AM43038">
        <v>28</v>
      </c>
      <c r="AN43038">
        <v>28</v>
      </c>
      <c r="AO43038">
        <v>28</v>
      </c>
      <c r="AP43038">
        <v>28</v>
      </c>
      <c r="AQ43038">
        <v>28</v>
      </c>
    </row>
    <row r="43039" spans="1:43">
      <c r="A43039" t="s">
        <v>26339</v>
      </c>
      <c r="B43039" t="s">
        <v>26340</v>
      </c>
      <c r="C43039" t="s">
        <v>11518</v>
      </c>
      <c r="D43039" t="s">
        <v>11519</v>
      </c>
      <c r="E43039" t="s">
        <v>11206</v>
      </c>
      <c r="F43039" t="s">
        <v>11207</v>
      </c>
      <c r="G43039" t="s">
        <v>10734</v>
      </c>
      <c r="H43039" t="s">
        <v>10735</v>
      </c>
      <c r="I43039" s="2">
        <v>0</v>
      </c>
      <c r="J43039" s="2">
        <v>0</v>
      </c>
      <c r="K43039" s="2">
        <v>1</v>
      </c>
      <c r="L43039" t="s">
        <v>995</v>
      </c>
      <c r="M43039" t="s">
        <v>87</v>
      </c>
      <c r="N43039" t="s">
        <v>88</v>
      </c>
      <c r="O43039" t="s">
        <v>85</v>
      </c>
      <c r="P43039" t="s">
        <v>86</v>
      </c>
      <c r="Q43039">
        <v>21</v>
      </c>
      <c r="R43039">
        <v>21</v>
      </c>
      <c r="S43039">
        <v>21</v>
      </c>
      <c r="T43039">
        <v>21</v>
      </c>
      <c r="U43039">
        <v>22</v>
      </c>
      <c r="V43039">
        <v>22</v>
      </c>
      <c r="W43039">
        <v>22</v>
      </c>
      <c r="X43039">
        <v>22</v>
      </c>
      <c r="Y43039">
        <v>22</v>
      </c>
      <c r="Z43039">
        <v>22</v>
      </c>
      <c r="AA43039">
        <v>22</v>
      </c>
      <c r="AB43039">
        <v>22</v>
      </c>
      <c r="AC43039">
        <v>22</v>
      </c>
      <c r="AD43039">
        <v>23</v>
      </c>
      <c r="AE43039">
        <v>23</v>
      </c>
      <c r="AF43039">
        <v>23</v>
      </c>
      <c r="AG43039">
        <v>23</v>
      </c>
      <c r="AH43039">
        <v>23</v>
      </c>
      <c r="AI43039">
        <v>23</v>
      </c>
      <c r="AJ43039">
        <v>23</v>
      </c>
      <c r="AK43039">
        <v>23</v>
      </c>
      <c r="AL43039">
        <v>23</v>
      </c>
      <c r="AM43039">
        <v>24</v>
      </c>
      <c r="AN43039">
        <v>24</v>
      </c>
      <c r="AO43039">
        <v>24</v>
      </c>
      <c r="AP43039">
        <v>24</v>
      </c>
      <c r="AQ43039">
        <v>24</v>
      </c>
    </row>
    <row r="43040" spans="1:43">
      <c r="A43040" t="s">
        <v>26339</v>
      </c>
      <c r="B43040" t="s">
        <v>26340</v>
      </c>
      <c r="C43040" t="s">
        <v>11518</v>
      </c>
      <c r="D43040" t="s">
        <v>11519</v>
      </c>
      <c r="E43040" t="s">
        <v>11206</v>
      </c>
      <c r="F43040" t="s">
        <v>11207</v>
      </c>
      <c r="G43040" t="s">
        <v>10734</v>
      </c>
      <c r="H43040" t="s">
        <v>10735</v>
      </c>
      <c r="I43040" s="2">
        <v>0</v>
      </c>
      <c r="J43040" s="2">
        <v>0</v>
      </c>
      <c r="K43040" s="2">
        <v>1</v>
      </c>
      <c r="L43040" t="s">
        <v>995</v>
      </c>
      <c r="M43040" t="s">
        <v>89</v>
      </c>
      <c r="N43040" t="s">
        <v>90</v>
      </c>
      <c r="O43040" t="s">
        <v>85</v>
      </c>
      <c r="P43040" t="s">
        <v>86</v>
      </c>
      <c r="Q43040">
        <v>21</v>
      </c>
      <c r="R43040">
        <v>21</v>
      </c>
      <c r="S43040">
        <v>22</v>
      </c>
      <c r="T43040">
        <v>22</v>
      </c>
      <c r="U43040">
        <v>22</v>
      </c>
      <c r="V43040">
        <v>23</v>
      </c>
      <c r="W43040">
        <v>23</v>
      </c>
      <c r="X43040">
        <v>24</v>
      </c>
      <c r="Y43040">
        <v>24</v>
      </c>
      <c r="Z43040">
        <v>25</v>
      </c>
      <c r="AA43040">
        <v>25</v>
      </c>
      <c r="AB43040">
        <v>25</v>
      </c>
      <c r="AC43040">
        <v>26</v>
      </c>
      <c r="AD43040">
        <v>26</v>
      </c>
      <c r="AE43040">
        <v>26</v>
      </c>
      <c r="AF43040">
        <v>27</v>
      </c>
      <c r="AG43040">
        <v>27</v>
      </c>
      <c r="AH43040">
        <v>27</v>
      </c>
      <c r="AI43040">
        <v>27</v>
      </c>
      <c r="AJ43040">
        <v>27</v>
      </c>
      <c r="AK43040">
        <v>27</v>
      </c>
      <c r="AL43040">
        <v>27</v>
      </c>
      <c r="AM43040">
        <v>27</v>
      </c>
      <c r="AN43040">
        <v>27</v>
      </c>
      <c r="AO43040">
        <v>27</v>
      </c>
      <c r="AP43040">
        <v>27</v>
      </c>
      <c r="AQ43040">
        <v>27</v>
      </c>
    </row>
    <row r="43041" spans="1:43">
      <c r="A43041" t="s">
        <v>26339</v>
      </c>
      <c r="B43041" t="s">
        <v>26340</v>
      </c>
      <c r="C43041" t="s">
        <v>11518</v>
      </c>
      <c r="D43041" t="s">
        <v>11519</v>
      </c>
      <c r="E43041" t="s">
        <v>11206</v>
      </c>
      <c r="F43041" t="s">
        <v>11207</v>
      </c>
      <c r="G43041" t="s">
        <v>10734</v>
      </c>
      <c r="H43041" t="s">
        <v>10735</v>
      </c>
      <c r="I43041" s="2">
        <v>0</v>
      </c>
      <c r="J43041" s="2">
        <v>0</v>
      </c>
      <c r="K43041" s="2">
        <v>1</v>
      </c>
      <c r="L43041" t="s">
        <v>995</v>
      </c>
      <c r="M43041" t="s">
        <v>83</v>
      </c>
      <c r="N43041" t="s">
        <v>91</v>
      </c>
      <c r="O43041" t="s">
        <v>85</v>
      </c>
      <c r="P43041" t="s">
        <v>86</v>
      </c>
      <c r="Q43041">
        <v>21</v>
      </c>
      <c r="R43041">
        <v>22</v>
      </c>
      <c r="S43041">
        <v>22</v>
      </c>
      <c r="T43041">
        <v>22</v>
      </c>
      <c r="U43041">
        <v>23</v>
      </c>
      <c r="V43041">
        <v>23</v>
      </c>
      <c r="W43041">
        <v>23</v>
      </c>
      <c r="X43041">
        <v>24</v>
      </c>
      <c r="Y43041">
        <v>24</v>
      </c>
      <c r="Z43041">
        <v>24</v>
      </c>
      <c r="AA43041">
        <v>24</v>
      </c>
      <c r="AB43041">
        <v>25</v>
      </c>
      <c r="AC43041">
        <v>25</v>
      </c>
      <c r="AD43041">
        <v>25</v>
      </c>
      <c r="AE43041">
        <v>26</v>
      </c>
      <c r="AF43041">
        <v>26</v>
      </c>
      <c r="AG43041">
        <v>26</v>
      </c>
      <c r="AH43041">
        <v>26</v>
      </c>
      <c r="AI43041">
        <v>27</v>
      </c>
      <c r="AJ43041">
        <v>27</v>
      </c>
      <c r="AK43041">
        <v>27</v>
      </c>
      <c r="AL43041">
        <v>28</v>
      </c>
      <c r="AM43041">
        <v>28</v>
      </c>
      <c r="AN43041">
        <v>28</v>
      </c>
      <c r="AO43041">
        <v>28</v>
      </c>
      <c r="AP43041">
        <v>28</v>
      </c>
      <c r="AQ43041">
        <v>28</v>
      </c>
    </row>
    <row r="43042" spans="1:43">
      <c r="A43042" t="s">
        <v>26341</v>
      </c>
      <c r="B43042" t="s">
        <v>26342</v>
      </c>
      <c r="C43042" t="s">
        <v>11260</v>
      </c>
      <c r="D43042" t="s">
        <v>11261</v>
      </c>
      <c r="E43042" t="s">
        <v>11206</v>
      </c>
      <c r="F43042" t="s">
        <v>11207</v>
      </c>
      <c r="G43042" t="s">
        <v>10734</v>
      </c>
      <c r="H43042" t="s">
        <v>10735</v>
      </c>
      <c r="I43042" s="2">
        <v>0</v>
      </c>
      <c r="J43042" s="2">
        <v>0</v>
      </c>
      <c r="K43042" s="2">
        <v>1</v>
      </c>
      <c r="L43042" t="s">
        <v>995</v>
      </c>
      <c r="M43042" t="s">
        <v>83</v>
      </c>
      <c r="N43042" t="s">
        <v>84</v>
      </c>
      <c r="O43042" t="s">
        <v>85</v>
      </c>
      <c r="P43042" t="s">
        <v>86</v>
      </c>
      <c r="Q43042">
        <v>36</v>
      </c>
      <c r="R43042">
        <v>37</v>
      </c>
      <c r="S43042">
        <v>38</v>
      </c>
      <c r="T43042">
        <v>39</v>
      </c>
      <c r="U43042">
        <v>40</v>
      </c>
      <c r="V43042">
        <v>41</v>
      </c>
      <c r="W43042">
        <v>42</v>
      </c>
      <c r="X43042">
        <v>43</v>
      </c>
      <c r="Y43042">
        <v>44</v>
      </c>
      <c r="Z43042">
        <v>45</v>
      </c>
      <c r="AA43042">
        <v>46</v>
      </c>
      <c r="AB43042">
        <v>47</v>
      </c>
      <c r="AC43042">
        <v>48</v>
      </c>
      <c r="AD43042">
        <v>50</v>
      </c>
      <c r="AE43042">
        <v>51</v>
      </c>
      <c r="AF43042">
        <v>52</v>
      </c>
      <c r="AG43042">
        <v>53</v>
      </c>
      <c r="AH43042">
        <v>54</v>
      </c>
      <c r="AI43042">
        <v>56</v>
      </c>
      <c r="AJ43042">
        <v>57</v>
      </c>
      <c r="AK43042">
        <v>58</v>
      </c>
      <c r="AL43042">
        <v>59</v>
      </c>
      <c r="AM43042">
        <v>60</v>
      </c>
      <c r="AN43042">
        <v>61</v>
      </c>
      <c r="AO43042">
        <v>62</v>
      </c>
      <c r="AP43042">
        <v>63</v>
      </c>
      <c r="AQ43042">
        <v>64</v>
      </c>
    </row>
    <row r="43043" spans="1:43">
      <c r="A43043" t="s">
        <v>26341</v>
      </c>
      <c r="B43043" t="s">
        <v>26342</v>
      </c>
      <c r="C43043" t="s">
        <v>11260</v>
      </c>
      <c r="D43043" t="s">
        <v>11261</v>
      </c>
      <c r="E43043" t="s">
        <v>11206</v>
      </c>
      <c r="F43043" t="s">
        <v>11207</v>
      </c>
      <c r="G43043" t="s">
        <v>10734</v>
      </c>
      <c r="H43043" t="s">
        <v>10735</v>
      </c>
      <c r="I43043" s="2">
        <v>0</v>
      </c>
      <c r="J43043" s="2">
        <v>0</v>
      </c>
      <c r="K43043" s="2">
        <v>1</v>
      </c>
      <c r="L43043" t="s">
        <v>995</v>
      </c>
      <c r="M43043" t="s">
        <v>87</v>
      </c>
      <c r="N43043" t="s">
        <v>88</v>
      </c>
      <c r="O43043" t="s">
        <v>85</v>
      </c>
      <c r="P43043" t="s">
        <v>86</v>
      </c>
      <c r="Q43043">
        <v>36</v>
      </c>
      <c r="R43043">
        <v>36</v>
      </c>
      <c r="S43043">
        <v>37</v>
      </c>
      <c r="T43043">
        <v>38</v>
      </c>
      <c r="U43043">
        <v>38</v>
      </c>
      <c r="V43043">
        <v>39</v>
      </c>
      <c r="W43043">
        <v>39</v>
      </c>
      <c r="X43043">
        <v>40</v>
      </c>
      <c r="Y43043">
        <v>41</v>
      </c>
      <c r="Z43043">
        <v>41</v>
      </c>
      <c r="AA43043">
        <v>42</v>
      </c>
      <c r="AB43043">
        <v>43</v>
      </c>
      <c r="AC43043">
        <v>43</v>
      </c>
      <c r="AD43043">
        <v>44</v>
      </c>
      <c r="AE43043">
        <v>45</v>
      </c>
      <c r="AF43043">
        <v>46</v>
      </c>
      <c r="AG43043">
        <v>47</v>
      </c>
      <c r="AH43043">
        <v>47</v>
      </c>
      <c r="AI43043">
        <v>48</v>
      </c>
      <c r="AJ43043">
        <v>49</v>
      </c>
      <c r="AK43043">
        <v>50</v>
      </c>
      <c r="AL43043">
        <v>51</v>
      </c>
      <c r="AM43043">
        <v>52</v>
      </c>
      <c r="AN43043">
        <v>52</v>
      </c>
      <c r="AO43043">
        <v>53</v>
      </c>
      <c r="AP43043">
        <v>54</v>
      </c>
      <c r="AQ43043">
        <v>55</v>
      </c>
    </row>
    <row r="43044" spans="1:43">
      <c r="A43044" t="s">
        <v>26341</v>
      </c>
      <c r="B43044" t="s">
        <v>26342</v>
      </c>
      <c r="C43044" t="s">
        <v>11260</v>
      </c>
      <c r="D43044" t="s">
        <v>11261</v>
      </c>
      <c r="E43044" t="s">
        <v>11206</v>
      </c>
      <c r="F43044" t="s">
        <v>11207</v>
      </c>
      <c r="G43044" t="s">
        <v>10734</v>
      </c>
      <c r="H43044" t="s">
        <v>10735</v>
      </c>
      <c r="I43044" s="2">
        <v>0</v>
      </c>
      <c r="J43044" s="2">
        <v>0</v>
      </c>
      <c r="K43044" s="2">
        <v>1</v>
      </c>
      <c r="L43044" t="s">
        <v>995</v>
      </c>
      <c r="M43044" t="s">
        <v>89</v>
      </c>
      <c r="N43044" t="s">
        <v>90</v>
      </c>
      <c r="O43044" t="s">
        <v>85</v>
      </c>
      <c r="P43044" t="s">
        <v>86</v>
      </c>
      <c r="Q43044">
        <v>36</v>
      </c>
      <c r="R43044">
        <v>38</v>
      </c>
      <c r="S43044">
        <v>39</v>
      </c>
      <c r="T43044">
        <v>40</v>
      </c>
      <c r="U43044">
        <v>41</v>
      </c>
      <c r="V43044">
        <v>43</v>
      </c>
      <c r="W43044">
        <v>44</v>
      </c>
      <c r="X43044">
        <v>45</v>
      </c>
      <c r="Y43044">
        <v>47</v>
      </c>
      <c r="Z43044">
        <v>48</v>
      </c>
      <c r="AA43044">
        <v>49</v>
      </c>
      <c r="AB43044">
        <v>50</v>
      </c>
      <c r="AC43044">
        <v>52</v>
      </c>
      <c r="AD43044">
        <v>53</v>
      </c>
      <c r="AE43044">
        <v>54</v>
      </c>
      <c r="AF43044">
        <v>55</v>
      </c>
      <c r="AG43044">
        <v>56</v>
      </c>
      <c r="AH43044">
        <v>57</v>
      </c>
      <c r="AI43044">
        <v>58</v>
      </c>
      <c r="AJ43044">
        <v>58</v>
      </c>
      <c r="AK43044">
        <v>59</v>
      </c>
      <c r="AL43044">
        <v>60</v>
      </c>
      <c r="AM43044">
        <v>61</v>
      </c>
      <c r="AN43044">
        <v>62</v>
      </c>
      <c r="AO43044">
        <v>63</v>
      </c>
      <c r="AP43044">
        <v>64</v>
      </c>
      <c r="AQ43044">
        <v>65</v>
      </c>
    </row>
    <row r="43045" spans="1:43">
      <c r="A43045" t="s">
        <v>26341</v>
      </c>
      <c r="B43045" t="s">
        <v>26342</v>
      </c>
      <c r="C43045" t="s">
        <v>11260</v>
      </c>
      <c r="D43045" t="s">
        <v>11261</v>
      </c>
      <c r="E43045" t="s">
        <v>11206</v>
      </c>
      <c r="F43045" t="s">
        <v>11207</v>
      </c>
      <c r="G43045" t="s">
        <v>10734</v>
      </c>
      <c r="H43045" t="s">
        <v>10735</v>
      </c>
      <c r="I43045" s="2">
        <v>0</v>
      </c>
      <c r="J43045" s="2">
        <v>0</v>
      </c>
      <c r="K43045" s="2">
        <v>1</v>
      </c>
      <c r="L43045" t="s">
        <v>995</v>
      </c>
      <c r="M43045" t="s">
        <v>83</v>
      </c>
      <c r="N43045" t="s">
        <v>91</v>
      </c>
      <c r="O43045" t="s">
        <v>85</v>
      </c>
      <c r="P43045" t="s">
        <v>86</v>
      </c>
      <c r="Q43045">
        <v>36</v>
      </c>
      <c r="R43045">
        <v>37</v>
      </c>
      <c r="S43045">
        <v>38</v>
      </c>
      <c r="T43045">
        <v>39</v>
      </c>
      <c r="U43045">
        <v>40</v>
      </c>
      <c r="V43045">
        <v>41</v>
      </c>
      <c r="W43045">
        <v>42</v>
      </c>
      <c r="X43045">
        <v>43</v>
      </c>
      <c r="Y43045">
        <v>44</v>
      </c>
      <c r="Z43045">
        <v>45</v>
      </c>
      <c r="AA43045">
        <v>46</v>
      </c>
      <c r="AB43045">
        <v>47</v>
      </c>
      <c r="AC43045">
        <v>48</v>
      </c>
      <c r="AD43045">
        <v>50</v>
      </c>
      <c r="AE43045">
        <v>51</v>
      </c>
      <c r="AF43045">
        <v>52</v>
      </c>
      <c r="AG43045">
        <v>53</v>
      </c>
      <c r="AH43045">
        <v>54</v>
      </c>
      <c r="AI43045">
        <v>56</v>
      </c>
      <c r="AJ43045">
        <v>57</v>
      </c>
      <c r="AK43045">
        <v>58</v>
      </c>
      <c r="AL43045">
        <v>59</v>
      </c>
      <c r="AM43045">
        <v>60</v>
      </c>
      <c r="AN43045">
        <v>61</v>
      </c>
      <c r="AO43045">
        <v>62</v>
      </c>
      <c r="AP43045">
        <v>63</v>
      </c>
      <c r="AQ43045">
        <v>64</v>
      </c>
    </row>
    <row r="43046" spans="1:43">
      <c r="A43046" t="s">
        <v>26343</v>
      </c>
      <c r="B43046" t="s">
        <v>26344</v>
      </c>
      <c r="C43046" t="s">
        <v>11260</v>
      </c>
      <c r="D43046" t="s">
        <v>11261</v>
      </c>
      <c r="E43046" t="s">
        <v>11206</v>
      </c>
      <c r="F43046" t="s">
        <v>11207</v>
      </c>
      <c r="G43046" t="s">
        <v>10734</v>
      </c>
      <c r="H43046" t="s">
        <v>10735</v>
      </c>
      <c r="I43046" s="2">
        <v>0</v>
      </c>
      <c r="J43046" s="2">
        <v>0</v>
      </c>
      <c r="K43046" s="2">
        <v>1</v>
      </c>
      <c r="L43046" t="s">
        <v>995</v>
      </c>
      <c r="M43046" t="s">
        <v>83</v>
      </c>
      <c r="N43046" t="s">
        <v>84</v>
      </c>
      <c r="O43046" t="s">
        <v>85</v>
      </c>
      <c r="P43046" t="s">
        <v>86</v>
      </c>
      <c r="Q43046">
        <v>3</v>
      </c>
      <c r="R43046">
        <v>3</v>
      </c>
      <c r="S43046">
        <v>3</v>
      </c>
      <c r="T43046">
        <v>3</v>
      </c>
      <c r="U43046">
        <v>3</v>
      </c>
      <c r="V43046">
        <v>3</v>
      </c>
      <c r="W43046">
        <v>3</v>
      </c>
      <c r="X43046">
        <v>3</v>
      </c>
      <c r="Y43046">
        <v>3</v>
      </c>
      <c r="Z43046">
        <v>3</v>
      </c>
      <c r="AA43046">
        <v>3</v>
      </c>
      <c r="AB43046">
        <v>3</v>
      </c>
      <c r="AC43046">
        <v>3</v>
      </c>
      <c r="AD43046">
        <v>4</v>
      </c>
      <c r="AE43046">
        <v>4</v>
      </c>
      <c r="AF43046">
        <v>4</v>
      </c>
      <c r="AG43046">
        <v>4</v>
      </c>
      <c r="AH43046">
        <v>4</v>
      </c>
      <c r="AI43046">
        <v>4</v>
      </c>
      <c r="AJ43046">
        <v>4</v>
      </c>
      <c r="AK43046">
        <v>4</v>
      </c>
      <c r="AL43046">
        <v>4</v>
      </c>
      <c r="AM43046">
        <v>4</v>
      </c>
      <c r="AN43046">
        <v>4</v>
      </c>
      <c r="AO43046">
        <v>4</v>
      </c>
      <c r="AP43046">
        <v>5</v>
      </c>
      <c r="AQ43046">
        <v>5</v>
      </c>
    </row>
    <row r="43047" spans="1:43">
      <c r="A43047" t="s">
        <v>26343</v>
      </c>
      <c r="B43047" t="s">
        <v>26344</v>
      </c>
      <c r="C43047" t="s">
        <v>11260</v>
      </c>
      <c r="D43047" t="s">
        <v>11261</v>
      </c>
      <c r="E43047" t="s">
        <v>11206</v>
      </c>
      <c r="F43047" t="s">
        <v>11207</v>
      </c>
      <c r="G43047" t="s">
        <v>10734</v>
      </c>
      <c r="H43047" t="s">
        <v>10735</v>
      </c>
      <c r="I43047" s="2">
        <v>0</v>
      </c>
      <c r="J43047" s="2">
        <v>0</v>
      </c>
      <c r="K43047" s="2">
        <v>1</v>
      </c>
      <c r="L43047" t="s">
        <v>995</v>
      </c>
      <c r="M43047" t="s">
        <v>87</v>
      </c>
      <c r="N43047" t="s">
        <v>88</v>
      </c>
      <c r="O43047" t="s">
        <v>85</v>
      </c>
      <c r="P43047" t="s">
        <v>86</v>
      </c>
      <c r="Q43047">
        <v>3</v>
      </c>
      <c r="R43047">
        <v>3</v>
      </c>
      <c r="S43047">
        <v>3</v>
      </c>
      <c r="T43047">
        <v>3</v>
      </c>
      <c r="U43047">
        <v>3</v>
      </c>
      <c r="V43047">
        <v>3</v>
      </c>
      <c r="W43047">
        <v>3</v>
      </c>
      <c r="X43047">
        <v>3</v>
      </c>
      <c r="Y43047">
        <v>3</v>
      </c>
      <c r="Z43047">
        <v>3</v>
      </c>
      <c r="AA43047">
        <v>3</v>
      </c>
      <c r="AB43047">
        <v>3</v>
      </c>
      <c r="AC43047">
        <v>3</v>
      </c>
      <c r="AD43047">
        <v>3</v>
      </c>
      <c r="AE43047">
        <v>3</v>
      </c>
      <c r="AF43047">
        <v>3</v>
      </c>
      <c r="AG43047">
        <v>3</v>
      </c>
      <c r="AH43047">
        <v>3</v>
      </c>
      <c r="AI43047">
        <v>3</v>
      </c>
      <c r="AJ43047">
        <v>4</v>
      </c>
      <c r="AK43047">
        <v>4</v>
      </c>
      <c r="AL43047">
        <v>4</v>
      </c>
      <c r="AM43047">
        <v>4</v>
      </c>
      <c r="AN43047">
        <v>4</v>
      </c>
      <c r="AO43047">
        <v>4</v>
      </c>
      <c r="AP43047">
        <v>4</v>
      </c>
      <c r="AQ43047">
        <v>4</v>
      </c>
    </row>
    <row r="43048" spans="1:43">
      <c r="A43048" t="s">
        <v>26343</v>
      </c>
      <c r="B43048" t="s">
        <v>26344</v>
      </c>
      <c r="C43048" t="s">
        <v>11260</v>
      </c>
      <c r="D43048" t="s">
        <v>11261</v>
      </c>
      <c r="E43048" t="s">
        <v>11206</v>
      </c>
      <c r="F43048" t="s">
        <v>11207</v>
      </c>
      <c r="G43048" t="s">
        <v>10734</v>
      </c>
      <c r="H43048" t="s">
        <v>10735</v>
      </c>
      <c r="I43048" s="2">
        <v>0</v>
      </c>
      <c r="J43048" s="2">
        <v>0</v>
      </c>
      <c r="K43048" s="2">
        <v>1</v>
      </c>
      <c r="L43048" t="s">
        <v>995</v>
      </c>
      <c r="M43048" t="s">
        <v>89</v>
      </c>
      <c r="N43048" t="s">
        <v>90</v>
      </c>
      <c r="O43048" t="s">
        <v>85</v>
      </c>
      <c r="P43048" t="s">
        <v>86</v>
      </c>
      <c r="Q43048">
        <v>3</v>
      </c>
      <c r="R43048">
        <v>3</v>
      </c>
      <c r="S43048">
        <v>3</v>
      </c>
      <c r="T43048">
        <v>3</v>
      </c>
      <c r="U43048">
        <v>3</v>
      </c>
      <c r="V43048">
        <v>3</v>
      </c>
      <c r="W43048">
        <v>3</v>
      </c>
      <c r="X43048">
        <v>3</v>
      </c>
      <c r="Y43048">
        <v>3</v>
      </c>
      <c r="Z43048">
        <v>3</v>
      </c>
      <c r="AA43048">
        <v>4</v>
      </c>
      <c r="AB43048">
        <v>4</v>
      </c>
      <c r="AC43048">
        <v>4</v>
      </c>
      <c r="AD43048">
        <v>4</v>
      </c>
      <c r="AE43048">
        <v>4</v>
      </c>
      <c r="AF43048">
        <v>4</v>
      </c>
      <c r="AG43048">
        <v>4</v>
      </c>
      <c r="AH43048">
        <v>4</v>
      </c>
      <c r="AI43048">
        <v>4</v>
      </c>
      <c r="AJ43048">
        <v>4</v>
      </c>
      <c r="AK43048">
        <v>4</v>
      </c>
      <c r="AL43048">
        <v>4</v>
      </c>
      <c r="AM43048">
        <v>4</v>
      </c>
      <c r="AN43048">
        <v>4</v>
      </c>
      <c r="AO43048">
        <v>5</v>
      </c>
      <c r="AP43048">
        <v>5</v>
      </c>
      <c r="AQ43048">
        <v>5</v>
      </c>
    </row>
    <row r="43049" spans="1:43">
      <c r="A43049" t="s">
        <v>26343</v>
      </c>
      <c r="B43049" t="s">
        <v>26344</v>
      </c>
      <c r="C43049" t="s">
        <v>11260</v>
      </c>
      <c r="D43049" t="s">
        <v>11261</v>
      </c>
      <c r="E43049" t="s">
        <v>11206</v>
      </c>
      <c r="F43049" t="s">
        <v>11207</v>
      </c>
      <c r="G43049" t="s">
        <v>10734</v>
      </c>
      <c r="H43049" t="s">
        <v>10735</v>
      </c>
      <c r="I43049" s="2">
        <v>0</v>
      </c>
      <c r="J43049" s="2">
        <v>0</v>
      </c>
      <c r="K43049" s="2">
        <v>1</v>
      </c>
      <c r="L43049" t="s">
        <v>995</v>
      </c>
      <c r="M43049" t="s">
        <v>83</v>
      </c>
      <c r="N43049" t="s">
        <v>91</v>
      </c>
      <c r="O43049" t="s">
        <v>85</v>
      </c>
      <c r="P43049" t="s">
        <v>86</v>
      </c>
      <c r="Q43049">
        <v>3</v>
      </c>
      <c r="R43049">
        <v>3</v>
      </c>
      <c r="S43049">
        <v>3</v>
      </c>
      <c r="T43049">
        <v>3</v>
      </c>
      <c r="U43049">
        <v>3</v>
      </c>
      <c r="V43049">
        <v>3</v>
      </c>
      <c r="W43049">
        <v>3</v>
      </c>
      <c r="X43049">
        <v>3</v>
      </c>
      <c r="Y43049">
        <v>3</v>
      </c>
      <c r="Z43049">
        <v>3</v>
      </c>
      <c r="AA43049">
        <v>3</v>
      </c>
      <c r="AB43049">
        <v>3</v>
      </c>
      <c r="AC43049">
        <v>3</v>
      </c>
      <c r="AD43049">
        <v>4</v>
      </c>
      <c r="AE43049">
        <v>4</v>
      </c>
      <c r="AF43049">
        <v>4</v>
      </c>
      <c r="AG43049">
        <v>4</v>
      </c>
      <c r="AH43049">
        <v>4</v>
      </c>
      <c r="AI43049">
        <v>4</v>
      </c>
      <c r="AJ43049">
        <v>4</v>
      </c>
      <c r="AK43049">
        <v>4</v>
      </c>
      <c r="AL43049">
        <v>4</v>
      </c>
      <c r="AM43049">
        <v>4</v>
      </c>
      <c r="AN43049">
        <v>4</v>
      </c>
      <c r="AO43049">
        <v>4</v>
      </c>
      <c r="AP43049">
        <v>5</v>
      </c>
      <c r="AQ43049">
        <v>5</v>
      </c>
    </row>
    <row r="43050" spans="1:43">
      <c r="A43050" t="s">
        <v>26345</v>
      </c>
      <c r="B43050" t="s">
        <v>26346</v>
      </c>
      <c r="C43050" t="s">
        <v>11260</v>
      </c>
      <c r="D43050" t="s">
        <v>11261</v>
      </c>
      <c r="E43050" t="s">
        <v>11206</v>
      </c>
      <c r="F43050" t="s">
        <v>11207</v>
      </c>
      <c r="G43050" t="s">
        <v>10734</v>
      </c>
      <c r="H43050" t="s">
        <v>10735</v>
      </c>
      <c r="I43050" s="2">
        <v>0</v>
      </c>
      <c r="J43050" s="2">
        <v>0</v>
      </c>
      <c r="K43050" s="2">
        <v>1</v>
      </c>
      <c r="L43050" t="s">
        <v>995</v>
      </c>
      <c r="M43050" t="s">
        <v>83</v>
      </c>
      <c r="N43050" t="s">
        <v>84</v>
      </c>
      <c r="O43050" t="s">
        <v>85</v>
      </c>
      <c r="P43050" t="s">
        <v>86</v>
      </c>
      <c r="Q43050">
        <v>87</v>
      </c>
      <c r="R43050">
        <v>89</v>
      </c>
      <c r="S43050">
        <v>92</v>
      </c>
      <c r="T43050">
        <v>94</v>
      </c>
      <c r="U43050">
        <v>96</v>
      </c>
      <c r="V43050">
        <v>99</v>
      </c>
      <c r="W43050">
        <v>101</v>
      </c>
      <c r="X43050">
        <v>104</v>
      </c>
      <c r="Y43050">
        <v>106</v>
      </c>
      <c r="Z43050">
        <v>109</v>
      </c>
      <c r="AA43050">
        <v>112</v>
      </c>
      <c r="AB43050">
        <v>114</v>
      </c>
      <c r="AC43050">
        <v>117</v>
      </c>
      <c r="AD43050">
        <v>120</v>
      </c>
      <c r="AE43050">
        <v>123</v>
      </c>
      <c r="AF43050">
        <v>126</v>
      </c>
      <c r="AG43050">
        <v>129</v>
      </c>
      <c r="AH43050">
        <v>132</v>
      </c>
      <c r="AI43050">
        <v>135</v>
      </c>
      <c r="AJ43050">
        <v>138</v>
      </c>
      <c r="AK43050">
        <v>141</v>
      </c>
      <c r="AL43050">
        <v>144</v>
      </c>
      <c r="AM43050">
        <v>146</v>
      </c>
      <c r="AN43050">
        <v>148</v>
      </c>
      <c r="AO43050">
        <v>150</v>
      </c>
      <c r="AP43050">
        <v>152</v>
      </c>
      <c r="AQ43050">
        <v>154</v>
      </c>
    </row>
    <row r="43051" spans="1:43">
      <c r="A43051" t="s">
        <v>26345</v>
      </c>
      <c r="B43051" t="s">
        <v>26346</v>
      </c>
      <c r="C43051" t="s">
        <v>11260</v>
      </c>
      <c r="D43051" t="s">
        <v>11261</v>
      </c>
      <c r="E43051" t="s">
        <v>11206</v>
      </c>
      <c r="F43051" t="s">
        <v>11207</v>
      </c>
      <c r="G43051" t="s">
        <v>10734</v>
      </c>
      <c r="H43051" t="s">
        <v>10735</v>
      </c>
      <c r="I43051" s="2">
        <v>0</v>
      </c>
      <c r="J43051" s="2">
        <v>0</v>
      </c>
      <c r="K43051" s="2">
        <v>1</v>
      </c>
      <c r="L43051" t="s">
        <v>995</v>
      </c>
      <c r="M43051" t="s">
        <v>87</v>
      </c>
      <c r="N43051" t="s">
        <v>88</v>
      </c>
      <c r="O43051" t="s">
        <v>85</v>
      </c>
      <c r="P43051" t="s">
        <v>86</v>
      </c>
      <c r="Q43051">
        <v>87</v>
      </c>
      <c r="R43051">
        <v>89</v>
      </c>
      <c r="S43051">
        <v>90</v>
      </c>
      <c r="T43051">
        <v>92</v>
      </c>
      <c r="U43051">
        <v>93</v>
      </c>
      <c r="V43051">
        <v>95</v>
      </c>
      <c r="W43051">
        <v>96</v>
      </c>
      <c r="X43051">
        <v>98</v>
      </c>
      <c r="Y43051">
        <v>99</v>
      </c>
      <c r="Z43051">
        <v>101</v>
      </c>
      <c r="AA43051">
        <v>103</v>
      </c>
      <c r="AB43051">
        <v>104</v>
      </c>
      <c r="AC43051">
        <v>106</v>
      </c>
      <c r="AD43051">
        <v>108</v>
      </c>
      <c r="AE43051">
        <v>110</v>
      </c>
      <c r="AF43051">
        <v>112</v>
      </c>
      <c r="AG43051">
        <v>114</v>
      </c>
      <c r="AH43051">
        <v>115</v>
      </c>
      <c r="AI43051">
        <v>117</v>
      </c>
      <c r="AJ43051">
        <v>119</v>
      </c>
      <c r="AK43051">
        <v>122</v>
      </c>
      <c r="AL43051">
        <v>124</v>
      </c>
      <c r="AM43051">
        <v>126</v>
      </c>
      <c r="AN43051">
        <v>128</v>
      </c>
      <c r="AO43051">
        <v>130</v>
      </c>
      <c r="AP43051">
        <v>132</v>
      </c>
      <c r="AQ43051">
        <v>135</v>
      </c>
    </row>
    <row r="43052" spans="1:43">
      <c r="A43052" t="s">
        <v>26345</v>
      </c>
      <c r="B43052" t="s">
        <v>26346</v>
      </c>
      <c r="C43052" t="s">
        <v>11260</v>
      </c>
      <c r="D43052" t="s">
        <v>11261</v>
      </c>
      <c r="E43052" t="s">
        <v>11206</v>
      </c>
      <c r="F43052" t="s">
        <v>11207</v>
      </c>
      <c r="G43052" t="s">
        <v>10734</v>
      </c>
      <c r="H43052" t="s">
        <v>10735</v>
      </c>
      <c r="I43052" s="2">
        <v>0</v>
      </c>
      <c r="J43052" s="2">
        <v>0</v>
      </c>
      <c r="K43052" s="2">
        <v>1</v>
      </c>
      <c r="L43052" t="s">
        <v>995</v>
      </c>
      <c r="M43052" t="s">
        <v>89</v>
      </c>
      <c r="N43052" t="s">
        <v>90</v>
      </c>
      <c r="O43052" t="s">
        <v>85</v>
      </c>
      <c r="P43052" t="s">
        <v>86</v>
      </c>
      <c r="Q43052">
        <v>87</v>
      </c>
      <c r="R43052">
        <v>90</v>
      </c>
      <c r="S43052">
        <v>93</v>
      </c>
      <c r="T43052">
        <v>96</v>
      </c>
      <c r="U43052">
        <v>99</v>
      </c>
      <c r="V43052">
        <v>102</v>
      </c>
      <c r="W43052">
        <v>106</v>
      </c>
      <c r="X43052">
        <v>109</v>
      </c>
      <c r="Y43052">
        <v>112</v>
      </c>
      <c r="Z43052">
        <v>115</v>
      </c>
      <c r="AA43052">
        <v>118</v>
      </c>
      <c r="AB43052">
        <v>121</v>
      </c>
      <c r="AC43052">
        <v>124</v>
      </c>
      <c r="AD43052">
        <v>128</v>
      </c>
      <c r="AE43052">
        <v>131</v>
      </c>
      <c r="AF43052">
        <v>132</v>
      </c>
      <c r="AG43052">
        <v>134</v>
      </c>
      <c r="AH43052">
        <v>136</v>
      </c>
      <c r="AI43052">
        <v>138</v>
      </c>
      <c r="AJ43052">
        <v>140</v>
      </c>
      <c r="AK43052">
        <v>142</v>
      </c>
      <c r="AL43052">
        <v>144</v>
      </c>
      <c r="AM43052">
        <v>147</v>
      </c>
      <c r="AN43052">
        <v>149</v>
      </c>
      <c r="AO43052">
        <v>151</v>
      </c>
      <c r="AP43052">
        <v>153</v>
      </c>
      <c r="AQ43052">
        <v>155</v>
      </c>
    </row>
    <row r="43053" spans="1:43">
      <c r="A43053" t="s">
        <v>26345</v>
      </c>
      <c r="B43053" t="s">
        <v>26346</v>
      </c>
      <c r="C43053" t="s">
        <v>11260</v>
      </c>
      <c r="D43053" t="s">
        <v>11261</v>
      </c>
      <c r="E43053" t="s">
        <v>11206</v>
      </c>
      <c r="F43053" t="s">
        <v>11207</v>
      </c>
      <c r="G43053" t="s">
        <v>10734</v>
      </c>
      <c r="H43053" t="s">
        <v>10735</v>
      </c>
      <c r="I43053" s="2">
        <v>0</v>
      </c>
      <c r="J43053" s="2">
        <v>0</v>
      </c>
      <c r="K43053" s="2">
        <v>1</v>
      </c>
      <c r="L43053" t="s">
        <v>995</v>
      </c>
      <c r="M43053" t="s">
        <v>83</v>
      </c>
      <c r="N43053" t="s">
        <v>91</v>
      </c>
      <c r="O43053" t="s">
        <v>85</v>
      </c>
      <c r="P43053" t="s">
        <v>86</v>
      </c>
      <c r="Q43053">
        <v>87</v>
      </c>
      <c r="R43053">
        <v>89</v>
      </c>
      <c r="S43053">
        <v>92</v>
      </c>
      <c r="T43053">
        <v>94</v>
      </c>
      <c r="U43053">
        <v>96</v>
      </c>
      <c r="V43053">
        <v>99</v>
      </c>
      <c r="W43053">
        <v>101</v>
      </c>
      <c r="X43053">
        <v>104</v>
      </c>
      <c r="Y43053">
        <v>106</v>
      </c>
      <c r="Z43053">
        <v>109</v>
      </c>
      <c r="AA43053">
        <v>112</v>
      </c>
      <c r="AB43053">
        <v>114</v>
      </c>
      <c r="AC43053">
        <v>117</v>
      </c>
      <c r="AD43053">
        <v>120</v>
      </c>
      <c r="AE43053">
        <v>123</v>
      </c>
      <c r="AF43053">
        <v>126</v>
      </c>
      <c r="AG43053">
        <v>129</v>
      </c>
      <c r="AH43053">
        <v>132</v>
      </c>
      <c r="AI43053">
        <v>135</v>
      </c>
      <c r="AJ43053">
        <v>138</v>
      </c>
      <c r="AK43053">
        <v>141</v>
      </c>
      <c r="AL43053">
        <v>144</v>
      </c>
      <c r="AM43053">
        <v>146</v>
      </c>
      <c r="AN43053">
        <v>148</v>
      </c>
      <c r="AO43053">
        <v>150</v>
      </c>
      <c r="AP43053">
        <v>152</v>
      </c>
      <c r="AQ43053">
        <v>154</v>
      </c>
    </row>
    <row r="43054" spans="1:43">
      <c r="A43054" t="s">
        <v>26347</v>
      </c>
      <c r="B43054" t="s">
        <v>26348</v>
      </c>
      <c r="C43054" t="s">
        <v>11260</v>
      </c>
      <c r="D43054" t="s">
        <v>11261</v>
      </c>
      <c r="E43054" t="s">
        <v>11206</v>
      </c>
      <c r="F43054" t="s">
        <v>11207</v>
      </c>
      <c r="G43054" t="s">
        <v>10734</v>
      </c>
      <c r="H43054" t="s">
        <v>10735</v>
      </c>
      <c r="I43054" s="2">
        <v>0</v>
      </c>
      <c r="J43054" s="2">
        <v>0</v>
      </c>
      <c r="K43054" s="2">
        <v>1</v>
      </c>
      <c r="L43054" t="s">
        <v>995</v>
      </c>
      <c r="M43054" t="s">
        <v>83</v>
      </c>
      <c r="N43054" t="s">
        <v>84</v>
      </c>
      <c r="O43054" t="s">
        <v>85</v>
      </c>
      <c r="P43054" t="s">
        <v>86</v>
      </c>
      <c r="Q43054">
        <v>40</v>
      </c>
      <c r="R43054">
        <v>41</v>
      </c>
      <c r="S43054">
        <v>42</v>
      </c>
      <c r="T43054">
        <v>43</v>
      </c>
      <c r="U43054">
        <v>44</v>
      </c>
      <c r="V43054">
        <v>45</v>
      </c>
      <c r="W43054">
        <v>46</v>
      </c>
      <c r="X43054">
        <v>47</v>
      </c>
      <c r="Y43054">
        <v>49</v>
      </c>
      <c r="Z43054">
        <v>50</v>
      </c>
      <c r="AA43054">
        <v>51</v>
      </c>
      <c r="AB43054">
        <v>52</v>
      </c>
      <c r="AC43054">
        <v>54</v>
      </c>
      <c r="AD43054">
        <v>55</v>
      </c>
      <c r="AE43054">
        <v>56</v>
      </c>
      <c r="AF43054">
        <v>57</v>
      </c>
      <c r="AG43054">
        <v>59</v>
      </c>
      <c r="AH43054">
        <v>60</v>
      </c>
      <c r="AI43054">
        <v>62</v>
      </c>
      <c r="AJ43054">
        <v>63</v>
      </c>
      <c r="AK43054">
        <v>64</v>
      </c>
      <c r="AL43054">
        <v>66</v>
      </c>
      <c r="AM43054">
        <v>67</v>
      </c>
      <c r="AN43054">
        <v>68</v>
      </c>
      <c r="AO43054">
        <v>69</v>
      </c>
      <c r="AP43054">
        <v>70</v>
      </c>
      <c r="AQ43054">
        <v>71</v>
      </c>
    </row>
    <row r="43055" spans="1:43">
      <c r="A43055" t="s">
        <v>26347</v>
      </c>
      <c r="B43055" t="s">
        <v>26348</v>
      </c>
      <c r="C43055" t="s">
        <v>11260</v>
      </c>
      <c r="D43055" t="s">
        <v>11261</v>
      </c>
      <c r="E43055" t="s">
        <v>11206</v>
      </c>
      <c r="F43055" t="s">
        <v>11207</v>
      </c>
      <c r="G43055" t="s">
        <v>10734</v>
      </c>
      <c r="H43055" t="s">
        <v>10735</v>
      </c>
      <c r="I43055" s="2">
        <v>0</v>
      </c>
      <c r="J43055" s="2">
        <v>0</v>
      </c>
      <c r="K43055" s="2">
        <v>1</v>
      </c>
      <c r="L43055" t="s">
        <v>995</v>
      </c>
      <c r="M43055" t="s">
        <v>87</v>
      </c>
      <c r="N43055" t="s">
        <v>88</v>
      </c>
      <c r="O43055" t="s">
        <v>85</v>
      </c>
      <c r="P43055" t="s">
        <v>86</v>
      </c>
      <c r="Q43055">
        <v>40</v>
      </c>
      <c r="R43055">
        <v>41</v>
      </c>
      <c r="S43055">
        <v>42</v>
      </c>
      <c r="T43055">
        <v>42</v>
      </c>
      <c r="U43055">
        <v>43</v>
      </c>
      <c r="V43055">
        <v>44</v>
      </c>
      <c r="W43055">
        <v>45</v>
      </c>
      <c r="X43055">
        <v>45</v>
      </c>
      <c r="Y43055">
        <v>46</v>
      </c>
      <c r="Z43055">
        <v>47</v>
      </c>
      <c r="AA43055">
        <v>47</v>
      </c>
      <c r="AB43055">
        <v>48</v>
      </c>
      <c r="AC43055">
        <v>49</v>
      </c>
      <c r="AD43055">
        <v>50</v>
      </c>
      <c r="AE43055">
        <v>51</v>
      </c>
      <c r="AF43055">
        <v>52</v>
      </c>
      <c r="AG43055">
        <v>52</v>
      </c>
      <c r="AH43055">
        <v>53</v>
      </c>
      <c r="AI43055">
        <v>54</v>
      </c>
      <c r="AJ43055">
        <v>55</v>
      </c>
      <c r="AK43055">
        <v>56</v>
      </c>
      <c r="AL43055">
        <v>57</v>
      </c>
      <c r="AM43055">
        <v>58</v>
      </c>
      <c r="AN43055">
        <v>59</v>
      </c>
      <c r="AO43055">
        <v>60</v>
      </c>
      <c r="AP43055">
        <v>61</v>
      </c>
      <c r="AQ43055">
        <v>62</v>
      </c>
    </row>
    <row r="43056" spans="1:43">
      <c r="A43056" t="s">
        <v>26347</v>
      </c>
      <c r="B43056" t="s">
        <v>26348</v>
      </c>
      <c r="C43056" t="s">
        <v>11260</v>
      </c>
      <c r="D43056" t="s">
        <v>11261</v>
      </c>
      <c r="E43056" t="s">
        <v>11206</v>
      </c>
      <c r="F43056" t="s">
        <v>11207</v>
      </c>
      <c r="G43056" t="s">
        <v>10734</v>
      </c>
      <c r="H43056" t="s">
        <v>10735</v>
      </c>
      <c r="I43056" s="2">
        <v>0</v>
      </c>
      <c r="J43056" s="2">
        <v>0</v>
      </c>
      <c r="K43056" s="2">
        <v>1</v>
      </c>
      <c r="L43056" t="s">
        <v>995</v>
      </c>
      <c r="M43056" t="s">
        <v>89</v>
      </c>
      <c r="N43056" t="s">
        <v>90</v>
      </c>
      <c r="O43056" t="s">
        <v>85</v>
      </c>
      <c r="P43056" t="s">
        <v>86</v>
      </c>
      <c r="Q43056">
        <v>40</v>
      </c>
      <c r="R43056">
        <v>41</v>
      </c>
      <c r="S43056">
        <v>43</v>
      </c>
      <c r="T43056">
        <v>44</v>
      </c>
      <c r="U43056">
        <v>46</v>
      </c>
      <c r="V43056">
        <v>47</v>
      </c>
      <c r="W43056">
        <v>49</v>
      </c>
      <c r="X43056">
        <v>50</v>
      </c>
      <c r="Y43056">
        <v>52</v>
      </c>
      <c r="Z43056">
        <v>53</v>
      </c>
      <c r="AA43056">
        <v>54</v>
      </c>
      <c r="AB43056">
        <v>56</v>
      </c>
      <c r="AC43056">
        <v>57</v>
      </c>
      <c r="AD43056">
        <v>59</v>
      </c>
      <c r="AE43056">
        <v>60</v>
      </c>
      <c r="AF43056">
        <v>61</v>
      </c>
      <c r="AG43056">
        <v>62</v>
      </c>
      <c r="AH43056">
        <v>63</v>
      </c>
      <c r="AI43056">
        <v>64</v>
      </c>
      <c r="AJ43056">
        <v>65</v>
      </c>
      <c r="AK43056">
        <v>66</v>
      </c>
      <c r="AL43056">
        <v>66</v>
      </c>
      <c r="AM43056">
        <v>67</v>
      </c>
      <c r="AN43056">
        <v>68</v>
      </c>
      <c r="AO43056">
        <v>69</v>
      </c>
      <c r="AP43056">
        <v>70</v>
      </c>
      <c r="AQ43056">
        <v>71</v>
      </c>
    </row>
    <row r="43057" spans="1:43">
      <c r="A43057" t="s">
        <v>26347</v>
      </c>
      <c r="B43057" t="s">
        <v>26348</v>
      </c>
      <c r="C43057" t="s">
        <v>11260</v>
      </c>
      <c r="D43057" t="s">
        <v>11261</v>
      </c>
      <c r="E43057" t="s">
        <v>11206</v>
      </c>
      <c r="F43057" t="s">
        <v>11207</v>
      </c>
      <c r="G43057" t="s">
        <v>10734</v>
      </c>
      <c r="H43057" t="s">
        <v>10735</v>
      </c>
      <c r="I43057" s="2">
        <v>0</v>
      </c>
      <c r="J43057" s="2">
        <v>0</v>
      </c>
      <c r="K43057" s="2">
        <v>1</v>
      </c>
      <c r="L43057" t="s">
        <v>995</v>
      </c>
      <c r="M43057" t="s">
        <v>83</v>
      </c>
      <c r="N43057" t="s">
        <v>91</v>
      </c>
      <c r="O43057" t="s">
        <v>85</v>
      </c>
      <c r="P43057" t="s">
        <v>86</v>
      </c>
      <c r="Q43057">
        <v>40</v>
      </c>
      <c r="R43057">
        <v>41</v>
      </c>
      <c r="S43057">
        <v>42</v>
      </c>
      <c r="T43057">
        <v>43</v>
      </c>
      <c r="U43057">
        <v>44</v>
      </c>
      <c r="V43057">
        <v>45</v>
      </c>
      <c r="W43057">
        <v>46</v>
      </c>
      <c r="X43057">
        <v>47</v>
      </c>
      <c r="Y43057">
        <v>49</v>
      </c>
      <c r="Z43057">
        <v>50</v>
      </c>
      <c r="AA43057">
        <v>51</v>
      </c>
      <c r="AB43057">
        <v>52</v>
      </c>
      <c r="AC43057">
        <v>54</v>
      </c>
      <c r="AD43057">
        <v>55</v>
      </c>
      <c r="AE43057">
        <v>56</v>
      </c>
      <c r="AF43057">
        <v>57</v>
      </c>
      <c r="AG43057">
        <v>59</v>
      </c>
      <c r="AH43057">
        <v>60</v>
      </c>
      <c r="AI43057">
        <v>62</v>
      </c>
      <c r="AJ43057">
        <v>63</v>
      </c>
      <c r="AK43057">
        <v>64</v>
      </c>
      <c r="AL43057">
        <v>66</v>
      </c>
      <c r="AM43057">
        <v>67</v>
      </c>
      <c r="AN43057">
        <v>68</v>
      </c>
      <c r="AO43057">
        <v>69</v>
      </c>
      <c r="AP43057">
        <v>70</v>
      </c>
      <c r="AQ43057">
        <v>71</v>
      </c>
    </row>
    <row r="43058" spans="1:43">
      <c r="A43058" t="s">
        <v>26349</v>
      </c>
      <c r="B43058" t="s">
        <v>26350</v>
      </c>
      <c r="C43058" t="s">
        <v>11254</v>
      </c>
      <c r="D43058" t="s">
        <v>11255</v>
      </c>
      <c r="E43058" t="s">
        <v>11206</v>
      </c>
      <c r="F43058" t="s">
        <v>11207</v>
      </c>
      <c r="G43058" t="s">
        <v>10734</v>
      </c>
      <c r="H43058" t="s">
        <v>10735</v>
      </c>
      <c r="I43058" s="2">
        <v>0</v>
      </c>
      <c r="J43058" s="2">
        <v>0</v>
      </c>
      <c r="K43058" s="2">
        <v>1</v>
      </c>
      <c r="L43058" t="s">
        <v>995</v>
      </c>
      <c r="M43058" t="s">
        <v>83</v>
      </c>
      <c r="N43058" t="s">
        <v>84</v>
      </c>
      <c r="O43058" t="s">
        <v>85</v>
      </c>
      <c r="P43058" t="s">
        <v>86</v>
      </c>
      <c r="Q43058">
        <v>22</v>
      </c>
      <c r="R43058">
        <v>22</v>
      </c>
      <c r="S43058">
        <v>23</v>
      </c>
      <c r="T43058">
        <v>23</v>
      </c>
      <c r="U43058">
        <v>24</v>
      </c>
      <c r="V43058">
        <v>25</v>
      </c>
      <c r="W43058">
        <v>25</v>
      </c>
      <c r="X43058">
        <v>26</v>
      </c>
      <c r="Y43058">
        <v>27</v>
      </c>
      <c r="Z43058">
        <v>27</v>
      </c>
      <c r="AA43058">
        <v>28</v>
      </c>
      <c r="AB43058">
        <v>29</v>
      </c>
      <c r="AC43058">
        <v>29</v>
      </c>
      <c r="AD43058">
        <v>30</v>
      </c>
      <c r="AE43058">
        <v>31</v>
      </c>
      <c r="AF43058">
        <v>31</v>
      </c>
      <c r="AG43058">
        <v>32</v>
      </c>
      <c r="AH43058">
        <v>33</v>
      </c>
      <c r="AI43058">
        <v>34</v>
      </c>
      <c r="AJ43058">
        <v>34</v>
      </c>
      <c r="AK43058">
        <v>35</v>
      </c>
      <c r="AL43058">
        <v>36</v>
      </c>
      <c r="AM43058">
        <v>36</v>
      </c>
      <c r="AN43058">
        <v>37</v>
      </c>
      <c r="AO43058">
        <v>38</v>
      </c>
      <c r="AP43058">
        <v>38</v>
      </c>
      <c r="AQ43058">
        <v>39</v>
      </c>
    </row>
    <row r="43059" spans="1:43">
      <c r="A43059" t="s">
        <v>26349</v>
      </c>
      <c r="B43059" t="s">
        <v>26350</v>
      </c>
      <c r="C43059" t="s">
        <v>11254</v>
      </c>
      <c r="D43059" t="s">
        <v>11255</v>
      </c>
      <c r="E43059" t="s">
        <v>11206</v>
      </c>
      <c r="F43059" t="s">
        <v>11207</v>
      </c>
      <c r="G43059" t="s">
        <v>10734</v>
      </c>
      <c r="H43059" t="s">
        <v>10735</v>
      </c>
      <c r="I43059" s="2">
        <v>0</v>
      </c>
      <c r="J43059" s="2">
        <v>0</v>
      </c>
      <c r="K43059" s="2">
        <v>1</v>
      </c>
      <c r="L43059" t="s">
        <v>995</v>
      </c>
      <c r="M43059" t="s">
        <v>87</v>
      </c>
      <c r="N43059" t="s">
        <v>88</v>
      </c>
      <c r="O43059" t="s">
        <v>85</v>
      </c>
      <c r="P43059" t="s">
        <v>86</v>
      </c>
      <c r="Q43059">
        <v>22</v>
      </c>
      <c r="R43059">
        <v>23</v>
      </c>
      <c r="S43059">
        <v>23</v>
      </c>
      <c r="T43059">
        <v>24</v>
      </c>
      <c r="U43059">
        <v>24</v>
      </c>
      <c r="V43059">
        <v>24</v>
      </c>
      <c r="W43059">
        <v>25</v>
      </c>
      <c r="X43059">
        <v>25</v>
      </c>
      <c r="Y43059">
        <v>26</v>
      </c>
      <c r="Z43059">
        <v>26</v>
      </c>
      <c r="AA43059">
        <v>26</v>
      </c>
      <c r="AB43059">
        <v>27</v>
      </c>
      <c r="AC43059">
        <v>27</v>
      </c>
      <c r="AD43059">
        <v>28</v>
      </c>
      <c r="AE43059">
        <v>28</v>
      </c>
      <c r="AF43059">
        <v>29</v>
      </c>
      <c r="AG43059">
        <v>29</v>
      </c>
      <c r="AH43059">
        <v>30</v>
      </c>
      <c r="AI43059">
        <v>30</v>
      </c>
      <c r="AJ43059">
        <v>31</v>
      </c>
      <c r="AK43059">
        <v>31</v>
      </c>
      <c r="AL43059">
        <v>32</v>
      </c>
      <c r="AM43059">
        <v>32</v>
      </c>
      <c r="AN43059">
        <v>33</v>
      </c>
      <c r="AO43059">
        <v>33</v>
      </c>
      <c r="AP43059">
        <v>34</v>
      </c>
      <c r="AQ43059">
        <v>34</v>
      </c>
    </row>
    <row r="43060" spans="1:43">
      <c r="A43060" t="s">
        <v>26349</v>
      </c>
      <c r="B43060" t="s">
        <v>26350</v>
      </c>
      <c r="C43060" t="s">
        <v>11254</v>
      </c>
      <c r="D43060" t="s">
        <v>11255</v>
      </c>
      <c r="E43060" t="s">
        <v>11206</v>
      </c>
      <c r="F43060" t="s">
        <v>11207</v>
      </c>
      <c r="G43060" t="s">
        <v>10734</v>
      </c>
      <c r="H43060" t="s">
        <v>10735</v>
      </c>
      <c r="I43060" s="2">
        <v>0</v>
      </c>
      <c r="J43060" s="2">
        <v>0</v>
      </c>
      <c r="K43060" s="2">
        <v>1</v>
      </c>
      <c r="L43060" t="s">
        <v>995</v>
      </c>
      <c r="M43060" t="s">
        <v>89</v>
      </c>
      <c r="N43060" t="s">
        <v>90</v>
      </c>
      <c r="O43060" t="s">
        <v>85</v>
      </c>
      <c r="P43060" t="s">
        <v>86</v>
      </c>
      <c r="Q43060">
        <v>22</v>
      </c>
      <c r="R43060">
        <v>23</v>
      </c>
      <c r="S43060">
        <v>23</v>
      </c>
      <c r="T43060">
        <v>24</v>
      </c>
      <c r="U43060">
        <v>25</v>
      </c>
      <c r="V43060">
        <v>26</v>
      </c>
      <c r="W43060">
        <v>27</v>
      </c>
      <c r="X43060">
        <v>27</v>
      </c>
      <c r="Y43060">
        <v>28</v>
      </c>
      <c r="Z43060">
        <v>29</v>
      </c>
      <c r="AA43060">
        <v>30</v>
      </c>
      <c r="AB43060">
        <v>30</v>
      </c>
      <c r="AC43060">
        <v>31</v>
      </c>
      <c r="AD43060">
        <v>32</v>
      </c>
      <c r="AE43060">
        <v>33</v>
      </c>
      <c r="AF43060">
        <v>33</v>
      </c>
      <c r="AG43060">
        <v>34</v>
      </c>
      <c r="AH43060">
        <v>34</v>
      </c>
      <c r="AI43060">
        <v>35</v>
      </c>
      <c r="AJ43060">
        <v>35</v>
      </c>
      <c r="AK43060">
        <v>36</v>
      </c>
      <c r="AL43060">
        <v>36</v>
      </c>
      <c r="AM43060">
        <v>37</v>
      </c>
      <c r="AN43060">
        <v>37</v>
      </c>
      <c r="AO43060">
        <v>38</v>
      </c>
      <c r="AP43060">
        <v>39</v>
      </c>
      <c r="AQ43060">
        <v>39</v>
      </c>
    </row>
    <row r="43061" spans="1:43">
      <c r="A43061" t="s">
        <v>26349</v>
      </c>
      <c r="B43061" t="s">
        <v>26350</v>
      </c>
      <c r="C43061" t="s">
        <v>11254</v>
      </c>
      <c r="D43061" t="s">
        <v>11255</v>
      </c>
      <c r="E43061" t="s">
        <v>11206</v>
      </c>
      <c r="F43061" t="s">
        <v>11207</v>
      </c>
      <c r="G43061" t="s">
        <v>10734</v>
      </c>
      <c r="H43061" t="s">
        <v>10735</v>
      </c>
      <c r="I43061" s="2">
        <v>0</v>
      </c>
      <c r="J43061" s="2">
        <v>0</v>
      </c>
      <c r="K43061" s="2">
        <v>1</v>
      </c>
      <c r="L43061" t="s">
        <v>995</v>
      </c>
      <c r="M43061" t="s">
        <v>83</v>
      </c>
      <c r="N43061" t="s">
        <v>91</v>
      </c>
      <c r="O43061" t="s">
        <v>85</v>
      </c>
      <c r="P43061" t="s">
        <v>86</v>
      </c>
      <c r="Q43061">
        <v>22</v>
      </c>
      <c r="R43061">
        <v>22</v>
      </c>
      <c r="S43061">
        <v>23</v>
      </c>
      <c r="T43061">
        <v>23</v>
      </c>
      <c r="U43061">
        <v>24</v>
      </c>
      <c r="V43061">
        <v>25</v>
      </c>
      <c r="W43061">
        <v>25</v>
      </c>
      <c r="X43061">
        <v>26</v>
      </c>
      <c r="Y43061">
        <v>27</v>
      </c>
      <c r="Z43061">
        <v>27</v>
      </c>
      <c r="AA43061">
        <v>28</v>
      </c>
      <c r="AB43061">
        <v>29</v>
      </c>
      <c r="AC43061">
        <v>29</v>
      </c>
      <c r="AD43061">
        <v>30</v>
      </c>
      <c r="AE43061">
        <v>31</v>
      </c>
      <c r="AF43061">
        <v>31</v>
      </c>
      <c r="AG43061">
        <v>32</v>
      </c>
      <c r="AH43061">
        <v>33</v>
      </c>
      <c r="AI43061">
        <v>34</v>
      </c>
      <c r="AJ43061">
        <v>34</v>
      </c>
      <c r="AK43061">
        <v>35</v>
      </c>
      <c r="AL43061">
        <v>36</v>
      </c>
      <c r="AM43061">
        <v>36</v>
      </c>
      <c r="AN43061">
        <v>37</v>
      </c>
      <c r="AO43061">
        <v>38</v>
      </c>
      <c r="AP43061">
        <v>38</v>
      </c>
      <c r="AQ43061">
        <v>39</v>
      </c>
    </row>
    <row r="43062" spans="1:43">
      <c r="A43062" t="s">
        <v>26351</v>
      </c>
      <c r="B43062" t="s">
        <v>26352</v>
      </c>
      <c r="C43062" t="s">
        <v>11254</v>
      </c>
      <c r="D43062" t="s">
        <v>11255</v>
      </c>
      <c r="E43062" t="s">
        <v>11206</v>
      </c>
      <c r="F43062" t="s">
        <v>11207</v>
      </c>
      <c r="G43062" t="s">
        <v>10734</v>
      </c>
      <c r="H43062" t="s">
        <v>10735</v>
      </c>
      <c r="I43062" s="2">
        <v>0</v>
      </c>
      <c r="J43062" s="2">
        <v>0</v>
      </c>
      <c r="K43062" s="2">
        <v>1</v>
      </c>
      <c r="L43062" t="s">
        <v>995</v>
      </c>
      <c r="M43062" t="s">
        <v>83</v>
      </c>
      <c r="N43062" t="s">
        <v>84</v>
      </c>
      <c r="O43062" t="s">
        <v>85</v>
      </c>
      <c r="P43062" t="s">
        <v>86</v>
      </c>
      <c r="Q43062">
        <v>0</v>
      </c>
      <c r="R43062">
        <v>0</v>
      </c>
      <c r="S43062">
        <v>0</v>
      </c>
      <c r="T43062">
        <v>0</v>
      </c>
      <c r="U43062">
        <v>0</v>
      </c>
      <c r="V43062">
        <v>0</v>
      </c>
      <c r="W43062">
        <v>0</v>
      </c>
      <c r="X43062">
        <v>0</v>
      </c>
      <c r="Y43062">
        <v>0</v>
      </c>
      <c r="Z43062">
        <v>0</v>
      </c>
      <c r="AA43062">
        <v>0</v>
      </c>
      <c r="AB43062">
        <v>0</v>
      </c>
      <c r="AC43062">
        <v>0</v>
      </c>
      <c r="AD43062">
        <v>0</v>
      </c>
      <c r="AE43062">
        <v>0</v>
      </c>
      <c r="AF43062">
        <v>0</v>
      </c>
      <c r="AG43062">
        <v>0</v>
      </c>
      <c r="AH43062">
        <v>0</v>
      </c>
      <c r="AI43062">
        <v>0</v>
      </c>
      <c r="AJ43062">
        <v>0</v>
      </c>
      <c r="AK43062">
        <v>0</v>
      </c>
      <c r="AL43062">
        <v>0</v>
      </c>
      <c r="AM43062">
        <v>0</v>
      </c>
      <c r="AN43062">
        <v>0</v>
      </c>
      <c r="AO43062">
        <v>0</v>
      </c>
      <c r="AP43062">
        <v>0</v>
      </c>
      <c r="AQ43062">
        <v>0</v>
      </c>
    </row>
    <row r="43063" spans="1:43">
      <c r="A43063" t="s">
        <v>26351</v>
      </c>
      <c r="B43063" t="s">
        <v>26352</v>
      </c>
      <c r="C43063" t="s">
        <v>11254</v>
      </c>
      <c r="D43063" t="s">
        <v>11255</v>
      </c>
      <c r="E43063" t="s">
        <v>11206</v>
      </c>
      <c r="F43063" t="s">
        <v>11207</v>
      </c>
      <c r="G43063" t="s">
        <v>10734</v>
      </c>
      <c r="H43063" t="s">
        <v>10735</v>
      </c>
      <c r="I43063" s="2">
        <v>0</v>
      </c>
      <c r="J43063" s="2">
        <v>0</v>
      </c>
      <c r="K43063" s="2">
        <v>1</v>
      </c>
      <c r="L43063" t="s">
        <v>995</v>
      </c>
      <c r="M43063" t="s">
        <v>87</v>
      </c>
      <c r="N43063" t="s">
        <v>88</v>
      </c>
      <c r="O43063" t="s">
        <v>85</v>
      </c>
      <c r="P43063" t="s">
        <v>86</v>
      </c>
      <c r="Q43063">
        <v>0</v>
      </c>
      <c r="R43063">
        <v>0</v>
      </c>
      <c r="S43063">
        <v>0</v>
      </c>
      <c r="T43063">
        <v>0</v>
      </c>
      <c r="U43063">
        <v>0</v>
      </c>
      <c r="V43063">
        <v>0</v>
      </c>
      <c r="W43063">
        <v>0</v>
      </c>
      <c r="X43063">
        <v>0</v>
      </c>
      <c r="Y43063">
        <v>0</v>
      </c>
      <c r="Z43063">
        <v>0</v>
      </c>
      <c r="AA43063">
        <v>0</v>
      </c>
      <c r="AB43063">
        <v>0</v>
      </c>
      <c r="AC43063">
        <v>0</v>
      </c>
      <c r="AD43063">
        <v>0</v>
      </c>
      <c r="AE43063">
        <v>0</v>
      </c>
      <c r="AF43063">
        <v>0</v>
      </c>
      <c r="AG43063">
        <v>0</v>
      </c>
      <c r="AH43063">
        <v>0</v>
      </c>
      <c r="AI43063">
        <v>0</v>
      </c>
      <c r="AJ43063">
        <v>0</v>
      </c>
      <c r="AK43063">
        <v>0</v>
      </c>
      <c r="AL43063">
        <v>0</v>
      </c>
      <c r="AM43063">
        <v>0</v>
      </c>
      <c r="AN43063">
        <v>0</v>
      </c>
      <c r="AO43063">
        <v>0</v>
      </c>
      <c r="AP43063">
        <v>0</v>
      </c>
      <c r="AQ43063">
        <v>0</v>
      </c>
    </row>
    <row r="43064" spans="1:43">
      <c r="A43064" t="s">
        <v>26351</v>
      </c>
      <c r="B43064" t="s">
        <v>26352</v>
      </c>
      <c r="C43064" t="s">
        <v>11254</v>
      </c>
      <c r="D43064" t="s">
        <v>11255</v>
      </c>
      <c r="E43064" t="s">
        <v>11206</v>
      </c>
      <c r="F43064" t="s">
        <v>11207</v>
      </c>
      <c r="G43064" t="s">
        <v>10734</v>
      </c>
      <c r="H43064" t="s">
        <v>10735</v>
      </c>
      <c r="I43064" s="2">
        <v>0</v>
      </c>
      <c r="J43064" s="2">
        <v>0</v>
      </c>
      <c r="K43064" s="2">
        <v>1</v>
      </c>
      <c r="L43064" t="s">
        <v>995</v>
      </c>
      <c r="M43064" t="s">
        <v>89</v>
      </c>
      <c r="N43064" t="s">
        <v>90</v>
      </c>
      <c r="O43064" t="s">
        <v>85</v>
      </c>
      <c r="P43064" t="s">
        <v>86</v>
      </c>
      <c r="Q43064">
        <v>0</v>
      </c>
      <c r="R43064">
        <v>0</v>
      </c>
      <c r="S43064">
        <v>0</v>
      </c>
      <c r="T43064">
        <v>0</v>
      </c>
      <c r="U43064">
        <v>0</v>
      </c>
      <c r="V43064">
        <v>0</v>
      </c>
      <c r="W43064">
        <v>0</v>
      </c>
      <c r="X43064">
        <v>0</v>
      </c>
      <c r="Y43064">
        <v>0</v>
      </c>
      <c r="Z43064">
        <v>0</v>
      </c>
      <c r="AA43064">
        <v>0</v>
      </c>
      <c r="AB43064">
        <v>0</v>
      </c>
      <c r="AC43064">
        <v>0</v>
      </c>
      <c r="AD43064">
        <v>0</v>
      </c>
      <c r="AE43064">
        <v>0</v>
      </c>
      <c r="AF43064">
        <v>0</v>
      </c>
      <c r="AG43064">
        <v>0</v>
      </c>
      <c r="AH43064">
        <v>0</v>
      </c>
      <c r="AI43064">
        <v>0</v>
      </c>
      <c r="AJ43064">
        <v>0</v>
      </c>
      <c r="AK43064">
        <v>0</v>
      </c>
      <c r="AL43064">
        <v>0</v>
      </c>
      <c r="AM43064">
        <v>0</v>
      </c>
      <c r="AN43064">
        <v>0</v>
      </c>
      <c r="AO43064">
        <v>0</v>
      </c>
      <c r="AP43064">
        <v>0</v>
      </c>
      <c r="AQ43064">
        <v>0</v>
      </c>
    </row>
    <row r="43065" spans="1:43">
      <c r="A43065" t="s">
        <v>26351</v>
      </c>
      <c r="B43065" t="s">
        <v>26352</v>
      </c>
      <c r="C43065" t="s">
        <v>11254</v>
      </c>
      <c r="D43065" t="s">
        <v>11255</v>
      </c>
      <c r="E43065" t="s">
        <v>11206</v>
      </c>
      <c r="F43065" t="s">
        <v>11207</v>
      </c>
      <c r="G43065" t="s">
        <v>10734</v>
      </c>
      <c r="H43065" t="s">
        <v>10735</v>
      </c>
      <c r="I43065" s="2">
        <v>0</v>
      </c>
      <c r="J43065" s="2">
        <v>0</v>
      </c>
      <c r="K43065" s="2">
        <v>1</v>
      </c>
      <c r="L43065" t="s">
        <v>995</v>
      </c>
      <c r="M43065" t="s">
        <v>83</v>
      </c>
      <c r="N43065" t="s">
        <v>91</v>
      </c>
      <c r="O43065" t="s">
        <v>85</v>
      </c>
      <c r="P43065" t="s">
        <v>86</v>
      </c>
      <c r="Q43065">
        <v>0</v>
      </c>
      <c r="R43065">
        <v>0</v>
      </c>
      <c r="S43065">
        <v>0</v>
      </c>
      <c r="T43065">
        <v>0</v>
      </c>
      <c r="U43065">
        <v>0</v>
      </c>
      <c r="V43065">
        <v>0</v>
      </c>
      <c r="W43065">
        <v>0</v>
      </c>
      <c r="X43065">
        <v>0</v>
      </c>
      <c r="Y43065">
        <v>0</v>
      </c>
      <c r="Z43065">
        <v>0</v>
      </c>
      <c r="AA43065">
        <v>0</v>
      </c>
      <c r="AB43065">
        <v>0</v>
      </c>
      <c r="AC43065">
        <v>0</v>
      </c>
      <c r="AD43065">
        <v>0</v>
      </c>
      <c r="AE43065">
        <v>0</v>
      </c>
      <c r="AF43065">
        <v>0</v>
      </c>
      <c r="AG43065">
        <v>0</v>
      </c>
      <c r="AH43065">
        <v>0</v>
      </c>
      <c r="AI43065">
        <v>0</v>
      </c>
      <c r="AJ43065">
        <v>0</v>
      </c>
      <c r="AK43065">
        <v>0</v>
      </c>
      <c r="AL43065">
        <v>0</v>
      </c>
      <c r="AM43065">
        <v>0</v>
      </c>
      <c r="AN43065">
        <v>0</v>
      </c>
      <c r="AO43065">
        <v>0</v>
      </c>
      <c r="AP43065">
        <v>0</v>
      </c>
      <c r="AQ43065">
        <v>0</v>
      </c>
    </row>
    <row r="43066" spans="1:43">
      <c r="A43066" t="s">
        <v>26353</v>
      </c>
      <c r="B43066" t="s">
        <v>26354</v>
      </c>
      <c r="C43066" t="s">
        <v>11204</v>
      </c>
      <c r="D43066" t="s">
        <v>11205</v>
      </c>
      <c r="E43066" t="s">
        <v>11206</v>
      </c>
      <c r="F43066" t="s">
        <v>11207</v>
      </c>
      <c r="G43066" t="s">
        <v>10734</v>
      </c>
      <c r="H43066" t="s">
        <v>10735</v>
      </c>
      <c r="I43066" s="2">
        <v>0</v>
      </c>
      <c r="J43066" s="2">
        <v>0</v>
      </c>
      <c r="K43066" s="2">
        <v>1</v>
      </c>
      <c r="L43066" t="s">
        <v>995</v>
      </c>
      <c r="M43066" t="s">
        <v>83</v>
      </c>
      <c r="N43066" t="s">
        <v>84</v>
      </c>
      <c r="O43066" t="s">
        <v>85</v>
      </c>
      <c r="P43066" t="s">
        <v>86</v>
      </c>
      <c r="Q43066">
        <v>84</v>
      </c>
      <c r="R43066">
        <v>86</v>
      </c>
      <c r="S43066">
        <v>89</v>
      </c>
      <c r="T43066">
        <v>91</v>
      </c>
      <c r="U43066">
        <v>93</v>
      </c>
      <c r="V43066">
        <v>96</v>
      </c>
      <c r="W43066">
        <v>98</v>
      </c>
      <c r="X43066">
        <v>101</v>
      </c>
      <c r="Y43066">
        <v>103</v>
      </c>
      <c r="Z43066">
        <v>106</v>
      </c>
      <c r="AA43066">
        <v>108</v>
      </c>
      <c r="AB43066">
        <v>111</v>
      </c>
      <c r="AC43066">
        <v>114</v>
      </c>
      <c r="AD43066">
        <v>116</v>
      </c>
      <c r="AE43066">
        <v>119</v>
      </c>
      <c r="AF43066">
        <v>122</v>
      </c>
      <c r="AG43066">
        <v>125</v>
      </c>
      <c r="AH43066">
        <v>128</v>
      </c>
      <c r="AI43066">
        <v>131</v>
      </c>
      <c r="AJ43066">
        <v>134</v>
      </c>
      <c r="AK43066">
        <v>137</v>
      </c>
      <c r="AL43066">
        <v>139</v>
      </c>
      <c r="AM43066">
        <v>141</v>
      </c>
      <c r="AN43066">
        <v>143</v>
      </c>
      <c r="AO43066">
        <v>145</v>
      </c>
      <c r="AP43066">
        <v>148</v>
      </c>
      <c r="AQ43066">
        <v>150</v>
      </c>
    </row>
    <row r="43067" spans="1:43">
      <c r="A43067" t="s">
        <v>26353</v>
      </c>
      <c r="B43067" t="s">
        <v>26354</v>
      </c>
      <c r="C43067" t="s">
        <v>11204</v>
      </c>
      <c r="D43067" t="s">
        <v>11205</v>
      </c>
      <c r="E43067" t="s">
        <v>11206</v>
      </c>
      <c r="F43067" t="s">
        <v>11207</v>
      </c>
      <c r="G43067" t="s">
        <v>10734</v>
      </c>
      <c r="H43067" t="s">
        <v>10735</v>
      </c>
      <c r="I43067" s="2">
        <v>0</v>
      </c>
      <c r="J43067" s="2">
        <v>0</v>
      </c>
      <c r="K43067" s="2">
        <v>1</v>
      </c>
      <c r="L43067" t="s">
        <v>995</v>
      </c>
      <c r="M43067" t="s">
        <v>87</v>
      </c>
      <c r="N43067" t="s">
        <v>88</v>
      </c>
      <c r="O43067" t="s">
        <v>85</v>
      </c>
      <c r="P43067" t="s">
        <v>86</v>
      </c>
      <c r="Q43067">
        <v>84</v>
      </c>
      <c r="R43067">
        <v>86</v>
      </c>
      <c r="S43067">
        <v>87</v>
      </c>
      <c r="T43067">
        <v>89</v>
      </c>
      <c r="U43067">
        <v>90</v>
      </c>
      <c r="V43067">
        <v>92</v>
      </c>
      <c r="W43067">
        <v>93</v>
      </c>
      <c r="X43067">
        <v>95</v>
      </c>
      <c r="Y43067">
        <v>96</v>
      </c>
      <c r="Z43067">
        <v>98</v>
      </c>
      <c r="AA43067">
        <v>100</v>
      </c>
      <c r="AB43067">
        <v>101</v>
      </c>
      <c r="AC43067">
        <v>103</v>
      </c>
      <c r="AD43067">
        <v>105</v>
      </c>
      <c r="AE43067">
        <v>106</v>
      </c>
      <c r="AF43067">
        <v>108</v>
      </c>
      <c r="AG43067">
        <v>110</v>
      </c>
      <c r="AH43067">
        <v>112</v>
      </c>
      <c r="AI43067">
        <v>114</v>
      </c>
      <c r="AJ43067">
        <v>116</v>
      </c>
      <c r="AK43067">
        <v>118</v>
      </c>
      <c r="AL43067">
        <v>120</v>
      </c>
      <c r="AM43067">
        <v>122</v>
      </c>
      <c r="AN43067">
        <v>124</v>
      </c>
      <c r="AO43067">
        <v>126</v>
      </c>
      <c r="AP43067">
        <v>128</v>
      </c>
      <c r="AQ43067">
        <v>130</v>
      </c>
    </row>
    <row r="43068" spans="1:43">
      <c r="A43068" t="s">
        <v>26353</v>
      </c>
      <c r="B43068" t="s">
        <v>26354</v>
      </c>
      <c r="C43068" t="s">
        <v>11204</v>
      </c>
      <c r="D43068" t="s">
        <v>11205</v>
      </c>
      <c r="E43068" t="s">
        <v>11206</v>
      </c>
      <c r="F43068" t="s">
        <v>11207</v>
      </c>
      <c r="G43068" t="s">
        <v>10734</v>
      </c>
      <c r="H43068" t="s">
        <v>10735</v>
      </c>
      <c r="I43068" s="2">
        <v>0</v>
      </c>
      <c r="J43068" s="2">
        <v>0</v>
      </c>
      <c r="K43068" s="2">
        <v>1</v>
      </c>
      <c r="L43068" t="s">
        <v>995</v>
      </c>
      <c r="M43068" t="s">
        <v>89</v>
      </c>
      <c r="N43068" t="s">
        <v>90</v>
      </c>
      <c r="O43068" t="s">
        <v>85</v>
      </c>
      <c r="P43068" t="s">
        <v>86</v>
      </c>
      <c r="Q43068">
        <v>84</v>
      </c>
      <c r="R43068">
        <v>87</v>
      </c>
      <c r="S43068">
        <v>90</v>
      </c>
      <c r="T43068">
        <v>93</v>
      </c>
      <c r="U43068">
        <v>96</v>
      </c>
      <c r="V43068">
        <v>99</v>
      </c>
      <c r="W43068">
        <v>102</v>
      </c>
      <c r="X43068">
        <v>105</v>
      </c>
      <c r="Y43068">
        <v>108</v>
      </c>
      <c r="Z43068">
        <v>111</v>
      </c>
      <c r="AA43068">
        <v>114</v>
      </c>
      <c r="AB43068">
        <v>117</v>
      </c>
      <c r="AC43068">
        <v>121</v>
      </c>
      <c r="AD43068">
        <v>124</v>
      </c>
      <c r="AE43068">
        <v>127</v>
      </c>
      <c r="AF43068">
        <v>129</v>
      </c>
      <c r="AG43068">
        <v>130</v>
      </c>
      <c r="AH43068">
        <v>132</v>
      </c>
      <c r="AI43068">
        <v>134</v>
      </c>
      <c r="AJ43068">
        <v>136</v>
      </c>
      <c r="AK43068">
        <v>138</v>
      </c>
      <c r="AL43068">
        <v>140</v>
      </c>
      <c r="AM43068">
        <v>142</v>
      </c>
      <c r="AN43068">
        <v>144</v>
      </c>
      <c r="AO43068">
        <v>146</v>
      </c>
      <c r="AP43068">
        <v>148</v>
      </c>
      <c r="AQ43068">
        <v>150</v>
      </c>
    </row>
    <row r="43069" spans="1:43">
      <c r="A43069" t="s">
        <v>26353</v>
      </c>
      <c r="B43069" t="s">
        <v>26354</v>
      </c>
      <c r="C43069" t="s">
        <v>11204</v>
      </c>
      <c r="D43069" t="s">
        <v>11205</v>
      </c>
      <c r="E43069" t="s">
        <v>11206</v>
      </c>
      <c r="F43069" t="s">
        <v>11207</v>
      </c>
      <c r="G43069" t="s">
        <v>10734</v>
      </c>
      <c r="H43069" t="s">
        <v>10735</v>
      </c>
      <c r="I43069" s="2">
        <v>0</v>
      </c>
      <c r="J43069" s="2">
        <v>0</v>
      </c>
      <c r="K43069" s="2">
        <v>1</v>
      </c>
      <c r="L43069" t="s">
        <v>995</v>
      </c>
      <c r="M43069" t="s">
        <v>83</v>
      </c>
      <c r="N43069" t="s">
        <v>91</v>
      </c>
      <c r="O43069" t="s">
        <v>85</v>
      </c>
      <c r="P43069" t="s">
        <v>86</v>
      </c>
      <c r="Q43069">
        <v>84</v>
      </c>
      <c r="R43069">
        <v>86</v>
      </c>
      <c r="S43069">
        <v>89</v>
      </c>
      <c r="T43069">
        <v>91</v>
      </c>
      <c r="U43069">
        <v>93</v>
      </c>
      <c r="V43069">
        <v>96</v>
      </c>
      <c r="W43069">
        <v>98</v>
      </c>
      <c r="X43069">
        <v>101</v>
      </c>
      <c r="Y43069">
        <v>103</v>
      </c>
      <c r="Z43069">
        <v>106</v>
      </c>
      <c r="AA43069">
        <v>108</v>
      </c>
      <c r="AB43069">
        <v>111</v>
      </c>
      <c r="AC43069">
        <v>114</v>
      </c>
      <c r="AD43069">
        <v>116</v>
      </c>
      <c r="AE43069">
        <v>119</v>
      </c>
      <c r="AF43069">
        <v>122</v>
      </c>
      <c r="AG43069">
        <v>125</v>
      </c>
      <c r="AH43069">
        <v>128</v>
      </c>
      <c r="AI43069">
        <v>131</v>
      </c>
      <c r="AJ43069">
        <v>134</v>
      </c>
      <c r="AK43069">
        <v>137</v>
      </c>
      <c r="AL43069">
        <v>139</v>
      </c>
      <c r="AM43069">
        <v>141</v>
      </c>
      <c r="AN43069">
        <v>143</v>
      </c>
      <c r="AO43069">
        <v>145</v>
      </c>
      <c r="AP43069">
        <v>148</v>
      </c>
      <c r="AQ43069">
        <v>150</v>
      </c>
    </row>
    <row r="43070" spans="1:43">
      <c r="A43070" t="s">
        <v>26355</v>
      </c>
      <c r="B43070" t="s">
        <v>26356</v>
      </c>
      <c r="C43070" t="s">
        <v>11204</v>
      </c>
      <c r="D43070" t="s">
        <v>11205</v>
      </c>
      <c r="E43070" t="s">
        <v>11206</v>
      </c>
      <c r="F43070" t="s">
        <v>11207</v>
      </c>
      <c r="G43070" t="s">
        <v>10734</v>
      </c>
      <c r="H43070" t="s">
        <v>10735</v>
      </c>
      <c r="I43070" s="2">
        <v>0</v>
      </c>
      <c r="J43070" s="2">
        <v>0</v>
      </c>
      <c r="K43070" s="2">
        <v>1</v>
      </c>
      <c r="L43070" t="s">
        <v>995</v>
      </c>
      <c r="M43070" t="s">
        <v>83</v>
      </c>
      <c r="N43070" t="s">
        <v>84</v>
      </c>
      <c r="O43070" t="s">
        <v>85</v>
      </c>
      <c r="P43070" t="s">
        <v>86</v>
      </c>
      <c r="Q43070">
        <v>259</v>
      </c>
      <c r="R43070">
        <v>266</v>
      </c>
      <c r="S43070">
        <v>274</v>
      </c>
      <c r="T43070">
        <v>281</v>
      </c>
      <c r="U43070">
        <v>288</v>
      </c>
      <c r="V43070">
        <v>295</v>
      </c>
      <c r="W43070">
        <v>302</v>
      </c>
      <c r="X43070">
        <v>310</v>
      </c>
      <c r="Y43070">
        <v>318</v>
      </c>
      <c r="Z43070">
        <v>326</v>
      </c>
      <c r="AA43070">
        <v>334</v>
      </c>
      <c r="AB43070">
        <v>342</v>
      </c>
      <c r="AC43070">
        <v>350</v>
      </c>
      <c r="AD43070">
        <v>358</v>
      </c>
      <c r="AE43070">
        <v>367</v>
      </c>
      <c r="AF43070">
        <v>375</v>
      </c>
      <c r="AG43070">
        <v>384</v>
      </c>
      <c r="AH43070">
        <v>393</v>
      </c>
      <c r="AI43070">
        <v>403</v>
      </c>
      <c r="AJ43070">
        <v>412</v>
      </c>
      <c r="AK43070">
        <v>422</v>
      </c>
      <c r="AL43070">
        <v>429</v>
      </c>
      <c r="AM43070">
        <v>435</v>
      </c>
      <c r="AN43070">
        <v>442</v>
      </c>
      <c r="AO43070">
        <v>448</v>
      </c>
      <c r="AP43070">
        <v>455</v>
      </c>
      <c r="AQ43070">
        <v>461</v>
      </c>
    </row>
    <row r="43071" spans="1:43">
      <c r="A43071" t="s">
        <v>26355</v>
      </c>
      <c r="B43071" t="s">
        <v>26356</v>
      </c>
      <c r="C43071" t="s">
        <v>11204</v>
      </c>
      <c r="D43071" t="s">
        <v>11205</v>
      </c>
      <c r="E43071" t="s">
        <v>11206</v>
      </c>
      <c r="F43071" t="s">
        <v>11207</v>
      </c>
      <c r="G43071" t="s">
        <v>10734</v>
      </c>
      <c r="H43071" t="s">
        <v>10735</v>
      </c>
      <c r="I43071" s="2">
        <v>0</v>
      </c>
      <c r="J43071" s="2">
        <v>0</v>
      </c>
      <c r="K43071" s="2">
        <v>1</v>
      </c>
      <c r="L43071" t="s">
        <v>995</v>
      </c>
      <c r="M43071" t="s">
        <v>87</v>
      </c>
      <c r="N43071" t="s">
        <v>88</v>
      </c>
      <c r="O43071" t="s">
        <v>85</v>
      </c>
      <c r="P43071" t="s">
        <v>86</v>
      </c>
      <c r="Q43071">
        <v>259</v>
      </c>
      <c r="R43071">
        <v>263</v>
      </c>
      <c r="S43071">
        <v>268</v>
      </c>
      <c r="T43071">
        <v>273</v>
      </c>
      <c r="U43071">
        <v>277</v>
      </c>
      <c r="V43071">
        <v>282</v>
      </c>
      <c r="W43071">
        <v>286</v>
      </c>
      <c r="X43071">
        <v>291</v>
      </c>
      <c r="Y43071">
        <v>296</v>
      </c>
      <c r="Z43071">
        <v>301</v>
      </c>
      <c r="AA43071">
        <v>306</v>
      </c>
      <c r="AB43071">
        <v>311</v>
      </c>
      <c r="AC43071">
        <v>316</v>
      </c>
      <c r="AD43071">
        <v>321</v>
      </c>
      <c r="AE43071">
        <v>326</v>
      </c>
      <c r="AF43071">
        <v>332</v>
      </c>
      <c r="AG43071">
        <v>338</v>
      </c>
      <c r="AH43071">
        <v>343</v>
      </c>
      <c r="AI43071">
        <v>349</v>
      </c>
      <c r="AJ43071">
        <v>355</v>
      </c>
      <c r="AK43071">
        <v>361</v>
      </c>
      <c r="AL43071">
        <v>367</v>
      </c>
      <c r="AM43071">
        <v>374</v>
      </c>
      <c r="AN43071">
        <v>380</v>
      </c>
      <c r="AO43071">
        <v>387</v>
      </c>
      <c r="AP43071">
        <v>394</v>
      </c>
      <c r="AQ43071">
        <v>400</v>
      </c>
    </row>
    <row r="43072" spans="1:43">
      <c r="A43072" t="s">
        <v>26355</v>
      </c>
      <c r="B43072" t="s">
        <v>26356</v>
      </c>
      <c r="C43072" t="s">
        <v>11204</v>
      </c>
      <c r="D43072" t="s">
        <v>11205</v>
      </c>
      <c r="E43072" t="s">
        <v>11206</v>
      </c>
      <c r="F43072" t="s">
        <v>11207</v>
      </c>
      <c r="G43072" t="s">
        <v>10734</v>
      </c>
      <c r="H43072" t="s">
        <v>10735</v>
      </c>
      <c r="I43072" s="2">
        <v>0</v>
      </c>
      <c r="J43072" s="2">
        <v>0</v>
      </c>
      <c r="K43072" s="2">
        <v>1</v>
      </c>
      <c r="L43072" t="s">
        <v>995</v>
      </c>
      <c r="M43072" t="s">
        <v>89</v>
      </c>
      <c r="N43072" t="s">
        <v>90</v>
      </c>
      <c r="O43072" t="s">
        <v>85</v>
      </c>
      <c r="P43072" t="s">
        <v>86</v>
      </c>
      <c r="Q43072">
        <v>259</v>
      </c>
      <c r="R43072">
        <v>268</v>
      </c>
      <c r="S43072">
        <v>278</v>
      </c>
      <c r="T43072">
        <v>287</v>
      </c>
      <c r="U43072">
        <v>296</v>
      </c>
      <c r="V43072">
        <v>306</v>
      </c>
      <c r="W43072">
        <v>315</v>
      </c>
      <c r="X43072">
        <v>324</v>
      </c>
      <c r="Y43072">
        <v>334</v>
      </c>
      <c r="Z43072">
        <v>343</v>
      </c>
      <c r="AA43072">
        <v>352</v>
      </c>
      <c r="AB43072">
        <v>362</v>
      </c>
      <c r="AC43072">
        <v>372</v>
      </c>
      <c r="AD43072">
        <v>382</v>
      </c>
      <c r="AE43072">
        <v>390</v>
      </c>
      <c r="AF43072">
        <v>396</v>
      </c>
      <c r="AG43072">
        <v>402</v>
      </c>
      <c r="AH43072">
        <v>408</v>
      </c>
      <c r="AI43072">
        <v>414</v>
      </c>
      <c r="AJ43072">
        <v>420</v>
      </c>
      <c r="AK43072">
        <v>425</v>
      </c>
      <c r="AL43072">
        <v>432</v>
      </c>
      <c r="AM43072">
        <v>438</v>
      </c>
      <c r="AN43072">
        <v>444</v>
      </c>
      <c r="AO43072">
        <v>450</v>
      </c>
      <c r="AP43072">
        <v>457</v>
      </c>
      <c r="AQ43072">
        <v>464</v>
      </c>
    </row>
    <row r="43073" spans="1:43">
      <c r="A43073" t="s">
        <v>26355</v>
      </c>
      <c r="B43073" t="s">
        <v>26356</v>
      </c>
      <c r="C43073" t="s">
        <v>11204</v>
      </c>
      <c r="D43073" t="s">
        <v>11205</v>
      </c>
      <c r="E43073" t="s">
        <v>11206</v>
      </c>
      <c r="F43073" t="s">
        <v>11207</v>
      </c>
      <c r="G43073" t="s">
        <v>10734</v>
      </c>
      <c r="H43073" t="s">
        <v>10735</v>
      </c>
      <c r="I43073" s="2">
        <v>0</v>
      </c>
      <c r="J43073" s="2">
        <v>0</v>
      </c>
      <c r="K43073" s="2">
        <v>1</v>
      </c>
      <c r="L43073" t="s">
        <v>995</v>
      </c>
      <c r="M43073" t="s">
        <v>83</v>
      </c>
      <c r="N43073" t="s">
        <v>91</v>
      </c>
      <c r="O43073" t="s">
        <v>85</v>
      </c>
      <c r="P43073" t="s">
        <v>86</v>
      </c>
      <c r="Q43073">
        <v>259</v>
      </c>
      <c r="R43073">
        <v>266</v>
      </c>
      <c r="S43073">
        <v>274</v>
      </c>
      <c r="T43073">
        <v>281</v>
      </c>
      <c r="U43073">
        <v>288</v>
      </c>
      <c r="V43073">
        <v>295</v>
      </c>
      <c r="W43073">
        <v>302</v>
      </c>
      <c r="X43073">
        <v>310</v>
      </c>
      <c r="Y43073">
        <v>318</v>
      </c>
      <c r="Z43073">
        <v>326</v>
      </c>
      <c r="AA43073">
        <v>334</v>
      </c>
      <c r="AB43073">
        <v>342</v>
      </c>
      <c r="AC43073">
        <v>350</v>
      </c>
      <c r="AD43073">
        <v>358</v>
      </c>
      <c r="AE43073">
        <v>367</v>
      </c>
      <c r="AF43073">
        <v>375</v>
      </c>
      <c r="AG43073">
        <v>384</v>
      </c>
      <c r="AH43073">
        <v>393</v>
      </c>
      <c r="AI43073">
        <v>403</v>
      </c>
      <c r="AJ43073">
        <v>412</v>
      </c>
      <c r="AK43073">
        <v>422</v>
      </c>
      <c r="AL43073">
        <v>429</v>
      </c>
      <c r="AM43073">
        <v>435</v>
      </c>
      <c r="AN43073">
        <v>442</v>
      </c>
      <c r="AO43073">
        <v>448</v>
      </c>
      <c r="AP43073">
        <v>455</v>
      </c>
      <c r="AQ43073">
        <v>461</v>
      </c>
    </row>
    <row r="43074" spans="1:43">
      <c r="A43074" t="s">
        <v>26357</v>
      </c>
      <c r="B43074" t="s">
        <v>26358</v>
      </c>
      <c r="C43074" t="s">
        <v>19641</v>
      </c>
      <c r="D43074" t="s">
        <v>19642</v>
      </c>
      <c r="E43074" t="s">
        <v>19535</v>
      </c>
      <c r="F43074" t="s">
        <v>19536</v>
      </c>
      <c r="G43074" t="s">
        <v>10734</v>
      </c>
      <c r="H43074" t="s">
        <v>10735</v>
      </c>
      <c r="I43074" s="2">
        <v>0</v>
      </c>
      <c r="J43074" s="2">
        <v>0</v>
      </c>
      <c r="K43074" s="2">
        <v>1</v>
      </c>
      <c r="L43074" t="s">
        <v>995</v>
      </c>
      <c r="M43074" t="s">
        <v>83</v>
      </c>
      <c r="N43074" t="s">
        <v>84</v>
      </c>
      <c r="O43074" t="s">
        <v>85</v>
      </c>
      <c r="P43074" t="s">
        <v>86</v>
      </c>
      <c r="Q43074">
        <v>17</v>
      </c>
      <c r="R43074">
        <v>18</v>
      </c>
      <c r="S43074">
        <v>18</v>
      </c>
      <c r="T43074">
        <v>19</v>
      </c>
      <c r="U43074">
        <v>19</v>
      </c>
      <c r="V43074">
        <v>20</v>
      </c>
      <c r="W43074">
        <v>20</v>
      </c>
      <c r="X43074">
        <v>21</v>
      </c>
      <c r="Y43074">
        <v>21</v>
      </c>
      <c r="Z43074">
        <v>22</v>
      </c>
      <c r="AA43074">
        <v>22</v>
      </c>
      <c r="AB43074">
        <v>23</v>
      </c>
      <c r="AC43074">
        <v>24</v>
      </c>
      <c r="AD43074">
        <v>24</v>
      </c>
      <c r="AE43074">
        <v>25</v>
      </c>
      <c r="AF43074">
        <v>25</v>
      </c>
      <c r="AG43074">
        <v>26</v>
      </c>
      <c r="AH43074">
        <v>27</v>
      </c>
      <c r="AI43074">
        <v>27</v>
      </c>
      <c r="AJ43074">
        <v>28</v>
      </c>
      <c r="AK43074">
        <v>29</v>
      </c>
      <c r="AL43074">
        <v>29</v>
      </c>
      <c r="AM43074">
        <v>30</v>
      </c>
      <c r="AN43074">
        <v>30</v>
      </c>
      <c r="AO43074">
        <v>31</v>
      </c>
      <c r="AP43074">
        <v>31</v>
      </c>
      <c r="AQ43074">
        <v>32</v>
      </c>
    </row>
    <row r="43075" spans="1:43">
      <c r="A43075" t="s">
        <v>26357</v>
      </c>
      <c r="B43075" t="s">
        <v>26358</v>
      </c>
      <c r="C43075" t="s">
        <v>19641</v>
      </c>
      <c r="D43075" t="s">
        <v>19642</v>
      </c>
      <c r="E43075" t="s">
        <v>19535</v>
      </c>
      <c r="F43075" t="s">
        <v>19536</v>
      </c>
      <c r="G43075" t="s">
        <v>10734</v>
      </c>
      <c r="H43075" t="s">
        <v>10735</v>
      </c>
      <c r="I43075" s="2">
        <v>0</v>
      </c>
      <c r="J43075" s="2">
        <v>0</v>
      </c>
      <c r="K43075" s="2">
        <v>1</v>
      </c>
      <c r="L43075" t="s">
        <v>995</v>
      </c>
      <c r="M43075" t="s">
        <v>87</v>
      </c>
      <c r="N43075" t="s">
        <v>88</v>
      </c>
      <c r="O43075" t="s">
        <v>85</v>
      </c>
      <c r="P43075" t="s">
        <v>86</v>
      </c>
      <c r="Q43075">
        <v>17</v>
      </c>
      <c r="R43075">
        <v>17</v>
      </c>
      <c r="S43075">
        <v>18</v>
      </c>
      <c r="T43075">
        <v>18</v>
      </c>
      <c r="U43075">
        <v>18</v>
      </c>
      <c r="V43075">
        <v>19</v>
      </c>
      <c r="W43075">
        <v>19</v>
      </c>
      <c r="X43075">
        <v>19</v>
      </c>
      <c r="Y43075">
        <v>20</v>
      </c>
      <c r="Z43075">
        <v>20</v>
      </c>
      <c r="AA43075">
        <v>20</v>
      </c>
      <c r="AB43075">
        <v>21</v>
      </c>
      <c r="AC43075">
        <v>21</v>
      </c>
      <c r="AD43075">
        <v>22</v>
      </c>
      <c r="AE43075">
        <v>22</v>
      </c>
      <c r="AF43075">
        <v>22</v>
      </c>
      <c r="AG43075">
        <v>23</v>
      </c>
      <c r="AH43075">
        <v>23</v>
      </c>
      <c r="AI43075">
        <v>24</v>
      </c>
      <c r="AJ43075">
        <v>24</v>
      </c>
      <c r="AK43075">
        <v>25</v>
      </c>
      <c r="AL43075">
        <v>25</v>
      </c>
      <c r="AM43075">
        <v>26</v>
      </c>
      <c r="AN43075">
        <v>26</v>
      </c>
      <c r="AO43075">
        <v>27</v>
      </c>
      <c r="AP43075">
        <v>27</v>
      </c>
      <c r="AQ43075">
        <v>28</v>
      </c>
    </row>
    <row r="43076" spans="1:43">
      <c r="A43076" t="s">
        <v>26357</v>
      </c>
      <c r="B43076" t="s">
        <v>26358</v>
      </c>
      <c r="C43076" t="s">
        <v>19641</v>
      </c>
      <c r="D43076" t="s">
        <v>19642</v>
      </c>
      <c r="E43076" t="s">
        <v>19535</v>
      </c>
      <c r="F43076" t="s">
        <v>19536</v>
      </c>
      <c r="G43076" t="s">
        <v>10734</v>
      </c>
      <c r="H43076" t="s">
        <v>10735</v>
      </c>
      <c r="I43076" s="2">
        <v>0</v>
      </c>
      <c r="J43076" s="2">
        <v>0</v>
      </c>
      <c r="K43076" s="2">
        <v>1</v>
      </c>
      <c r="L43076" t="s">
        <v>995</v>
      </c>
      <c r="M43076" t="s">
        <v>89</v>
      </c>
      <c r="N43076" t="s">
        <v>90</v>
      </c>
      <c r="O43076" t="s">
        <v>85</v>
      </c>
      <c r="P43076" t="s">
        <v>86</v>
      </c>
      <c r="Q43076">
        <v>17</v>
      </c>
      <c r="R43076">
        <v>18</v>
      </c>
      <c r="S43076">
        <v>19</v>
      </c>
      <c r="T43076">
        <v>19</v>
      </c>
      <c r="U43076">
        <v>20</v>
      </c>
      <c r="V43076">
        <v>21</v>
      </c>
      <c r="W43076">
        <v>21</v>
      </c>
      <c r="X43076">
        <v>22</v>
      </c>
      <c r="Y43076">
        <v>23</v>
      </c>
      <c r="Z43076">
        <v>23</v>
      </c>
      <c r="AA43076">
        <v>24</v>
      </c>
      <c r="AB43076">
        <v>25</v>
      </c>
      <c r="AC43076">
        <v>25</v>
      </c>
      <c r="AD43076">
        <v>26</v>
      </c>
      <c r="AE43076">
        <v>27</v>
      </c>
      <c r="AF43076">
        <v>27</v>
      </c>
      <c r="AG43076">
        <v>27</v>
      </c>
      <c r="AH43076">
        <v>28</v>
      </c>
      <c r="AI43076">
        <v>28</v>
      </c>
      <c r="AJ43076">
        <v>29</v>
      </c>
      <c r="AK43076">
        <v>29</v>
      </c>
      <c r="AL43076">
        <v>30</v>
      </c>
      <c r="AM43076">
        <v>30</v>
      </c>
      <c r="AN43076">
        <v>31</v>
      </c>
      <c r="AO43076">
        <v>31</v>
      </c>
      <c r="AP43076">
        <v>32</v>
      </c>
      <c r="AQ43076">
        <v>32</v>
      </c>
    </row>
    <row r="43077" spans="1:43">
      <c r="A43077" t="s">
        <v>26357</v>
      </c>
      <c r="B43077" t="s">
        <v>26358</v>
      </c>
      <c r="C43077" t="s">
        <v>19641</v>
      </c>
      <c r="D43077" t="s">
        <v>19642</v>
      </c>
      <c r="E43077" t="s">
        <v>19535</v>
      </c>
      <c r="F43077" t="s">
        <v>19536</v>
      </c>
      <c r="G43077" t="s">
        <v>10734</v>
      </c>
      <c r="H43077" t="s">
        <v>10735</v>
      </c>
      <c r="I43077" s="2">
        <v>0</v>
      </c>
      <c r="J43077" s="2">
        <v>0</v>
      </c>
      <c r="K43077" s="2">
        <v>1</v>
      </c>
      <c r="L43077" t="s">
        <v>995</v>
      </c>
      <c r="M43077" t="s">
        <v>83</v>
      </c>
      <c r="N43077" t="s">
        <v>91</v>
      </c>
      <c r="O43077" t="s">
        <v>85</v>
      </c>
      <c r="P43077" t="s">
        <v>86</v>
      </c>
      <c r="Q43077">
        <v>17</v>
      </c>
      <c r="R43077">
        <v>18</v>
      </c>
      <c r="S43077">
        <v>18</v>
      </c>
      <c r="T43077">
        <v>19</v>
      </c>
      <c r="U43077">
        <v>19</v>
      </c>
      <c r="V43077">
        <v>20</v>
      </c>
      <c r="W43077">
        <v>20</v>
      </c>
      <c r="X43077">
        <v>21</v>
      </c>
      <c r="Y43077">
        <v>21</v>
      </c>
      <c r="Z43077">
        <v>22</v>
      </c>
      <c r="AA43077">
        <v>22</v>
      </c>
      <c r="AB43077">
        <v>23</v>
      </c>
      <c r="AC43077">
        <v>24</v>
      </c>
      <c r="AD43077">
        <v>24</v>
      </c>
      <c r="AE43077">
        <v>25</v>
      </c>
      <c r="AF43077">
        <v>25</v>
      </c>
      <c r="AG43077">
        <v>26</v>
      </c>
      <c r="AH43077">
        <v>27</v>
      </c>
      <c r="AI43077">
        <v>27</v>
      </c>
      <c r="AJ43077">
        <v>28</v>
      </c>
      <c r="AK43077">
        <v>29</v>
      </c>
      <c r="AL43077">
        <v>29</v>
      </c>
      <c r="AM43077">
        <v>30</v>
      </c>
      <c r="AN43077">
        <v>30</v>
      </c>
      <c r="AO43077">
        <v>31</v>
      </c>
      <c r="AP43077">
        <v>31</v>
      </c>
      <c r="AQ43077">
        <v>32</v>
      </c>
    </row>
    <row r="43078" spans="1:43">
      <c r="A43078" t="s">
        <v>26359</v>
      </c>
      <c r="B43078" t="s">
        <v>26360</v>
      </c>
      <c r="C43078" t="s">
        <v>19641</v>
      </c>
      <c r="D43078" t="s">
        <v>19642</v>
      </c>
      <c r="E43078" t="s">
        <v>19535</v>
      </c>
      <c r="F43078" t="s">
        <v>19536</v>
      </c>
      <c r="G43078" t="s">
        <v>10734</v>
      </c>
      <c r="H43078" t="s">
        <v>10735</v>
      </c>
      <c r="I43078" s="2">
        <v>0</v>
      </c>
      <c r="J43078" s="2">
        <v>0</v>
      </c>
      <c r="K43078" s="2">
        <v>1</v>
      </c>
      <c r="L43078" t="s">
        <v>995</v>
      </c>
      <c r="M43078" t="s">
        <v>83</v>
      </c>
      <c r="N43078" t="s">
        <v>84</v>
      </c>
      <c r="O43078" t="s">
        <v>85</v>
      </c>
      <c r="P43078" t="s">
        <v>86</v>
      </c>
      <c r="Q43078">
        <v>14</v>
      </c>
      <c r="R43078">
        <v>14</v>
      </c>
      <c r="S43078">
        <v>15</v>
      </c>
      <c r="T43078">
        <v>15</v>
      </c>
      <c r="U43078">
        <v>16</v>
      </c>
      <c r="V43078">
        <v>16</v>
      </c>
      <c r="W43078">
        <v>16</v>
      </c>
      <c r="X43078">
        <v>17</v>
      </c>
      <c r="Y43078">
        <v>17</v>
      </c>
      <c r="Z43078">
        <v>18</v>
      </c>
      <c r="AA43078">
        <v>18</v>
      </c>
      <c r="AB43078">
        <v>19</v>
      </c>
      <c r="AC43078">
        <v>19</v>
      </c>
      <c r="AD43078">
        <v>20</v>
      </c>
      <c r="AE43078">
        <v>20</v>
      </c>
      <c r="AF43078">
        <v>21</v>
      </c>
      <c r="AG43078">
        <v>21</v>
      </c>
      <c r="AH43078">
        <v>22</v>
      </c>
      <c r="AI43078">
        <v>22</v>
      </c>
      <c r="AJ43078">
        <v>23</v>
      </c>
      <c r="AK43078">
        <v>23</v>
      </c>
      <c r="AL43078">
        <v>24</v>
      </c>
      <c r="AM43078">
        <v>24</v>
      </c>
      <c r="AN43078">
        <v>25</v>
      </c>
      <c r="AO43078">
        <v>25</v>
      </c>
      <c r="AP43078">
        <v>25</v>
      </c>
      <c r="AQ43078">
        <v>26</v>
      </c>
    </row>
    <row r="43079" spans="1:43">
      <c r="A43079" t="s">
        <v>26359</v>
      </c>
      <c r="B43079" t="s">
        <v>26360</v>
      </c>
      <c r="C43079" t="s">
        <v>19641</v>
      </c>
      <c r="D43079" t="s">
        <v>19642</v>
      </c>
      <c r="E43079" t="s">
        <v>19535</v>
      </c>
      <c r="F43079" t="s">
        <v>19536</v>
      </c>
      <c r="G43079" t="s">
        <v>10734</v>
      </c>
      <c r="H43079" t="s">
        <v>10735</v>
      </c>
      <c r="I43079" s="2">
        <v>0</v>
      </c>
      <c r="J43079" s="2">
        <v>0</v>
      </c>
      <c r="K43079" s="2">
        <v>1</v>
      </c>
      <c r="L43079" t="s">
        <v>995</v>
      </c>
      <c r="M43079" t="s">
        <v>87</v>
      </c>
      <c r="N43079" t="s">
        <v>88</v>
      </c>
      <c r="O43079" t="s">
        <v>85</v>
      </c>
      <c r="P43079" t="s">
        <v>86</v>
      </c>
      <c r="Q43079">
        <v>14</v>
      </c>
      <c r="R43079">
        <v>14</v>
      </c>
      <c r="S43079">
        <v>14</v>
      </c>
      <c r="T43079">
        <v>15</v>
      </c>
      <c r="U43079">
        <v>15</v>
      </c>
      <c r="V43079">
        <v>15</v>
      </c>
      <c r="W43079">
        <v>15</v>
      </c>
      <c r="X43079">
        <v>16</v>
      </c>
      <c r="Y43079">
        <v>16</v>
      </c>
      <c r="Z43079">
        <v>16</v>
      </c>
      <c r="AA43079">
        <v>17</v>
      </c>
      <c r="AB43079">
        <v>17</v>
      </c>
      <c r="AC43079">
        <v>17</v>
      </c>
      <c r="AD43079">
        <v>18</v>
      </c>
      <c r="AE43079">
        <v>18</v>
      </c>
      <c r="AF43079">
        <v>18</v>
      </c>
      <c r="AG43079">
        <v>19</v>
      </c>
      <c r="AH43079">
        <v>19</v>
      </c>
      <c r="AI43079">
        <v>19</v>
      </c>
      <c r="AJ43079">
        <v>20</v>
      </c>
      <c r="AK43079">
        <v>20</v>
      </c>
      <c r="AL43079">
        <v>20</v>
      </c>
      <c r="AM43079">
        <v>21</v>
      </c>
      <c r="AN43079">
        <v>21</v>
      </c>
      <c r="AO43079">
        <v>22</v>
      </c>
      <c r="AP43079">
        <v>22</v>
      </c>
      <c r="AQ43079">
        <v>22</v>
      </c>
    </row>
    <row r="43080" spans="1:43">
      <c r="A43080" t="s">
        <v>26359</v>
      </c>
      <c r="B43080" t="s">
        <v>26360</v>
      </c>
      <c r="C43080" t="s">
        <v>19641</v>
      </c>
      <c r="D43080" t="s">
        <v>19642</v>
      </c>
      <c r="E43080" t="s">
        <v>19535</v>
      </c>
      <c r="F43080" t="s">
        <v>19536</v>
      </c>
      <c r="G43080" t="s">
        <v>10734</v>
      </c>
      <c r="H43080" t="s">
        <v>10735</v>
      </c>
      <c r="I43080" s="2">
        <v>0</v>
      </c>
      <c r="J43080" s="2">
        <v>0</v>
      </c>
      <c r="K43080" s="2">
        <v>1</v>
      </c>
      <c r="L43080" t="s">
        <v>995</v>
      </c>
      <c r="M43080" t="s">
        <v>89</v>
      </c>
      <c r="N43080" t="s">
        <v>90</v>
      </c>
      <c r="O43080" t="s">
        <v>85</v>
      </c>
      <c r="P43080" t="s">
        <v>86</v>
      </c>
      <c r="Q43080">
        <v>14</v>
      </c>
      <c r="R43080">
        <v>15</v>
      </c>
      <c r="S43080">
        <v>15</v>
      </c>
      <c r="T43080">
        <v>16</v>
      </c>
      <c r="U43080">
        <v>16</v>
      </c>
      <c r="V43080">
        <v>17</v>
      </c>
      <c r="W43080">
        <v>17</v>
      </c>
      <c r="X43080">
        <v>18</v>
      </c>
      <c r="Y43080">
        <v>18</v>
      </c>
      <c r="Z43080">
        <v>19</v>
      </c>
      <c r="AA43080">
        <v>19</v>
      </c>
      <c r="AB43080">
        <v>20</v>
      </c>
      <c r="AC43080">
        <v>21</v>
      </c>
      <c r="AD43080">
        <v>21</v>
      </c>
      <c r="AE43080">
        <v>22</v>
      </c>
      <c r="AF43080">
        <v>22</v>
      </c>
      <c r="AG43080">
        <v>22</v>
      </c>
      <c r="AH43080">
        <v>23</v>
      </c>
      <c r="AI43080">
        <v>23</v>
      </c>
      <c r="AJ43080">
        <v>23</v>
      </c>
      <c r="AK43080">
        <v>24</v>
      </c>
      <c r="AL43080">
        <v>24</v>
      </c>
      <c r="AM43080">
        <v>24</v>
      </c>
      <c r="AN43080">
        <v>25</v>
      </c>
      <c r="AO43080">
        <v>25</v>
      </c>
      <c r="AP43080">
        <v>26</v>
      </c>
      <c r="AQ43080">
        <v>26</v>
      </c>
    </row>
    <row r="43081" spans="1:43">
      <c r="A43081" t="s">
        <v>26359</v>
      </c>
      <c r="B43081" t="s">
        <v>26360</v>
      </c>
      <c r="C43081" t="s">
        <v>19641</v>
      </c>
      <c r="D43081" t="s">
        <v>19642</v>
      </c>
      <c r="E43081" t="s">
        <v>19535</v>
      </c>
      <c r="F43081" t="s">
        <v>19536</v>
      </c>
      <c r="G43081" t="s">
        <v>10734</v>
      </c>
      <c r="H43081" t="s">
        <v>10735</v>
      </c>
      <c r="I43081" s="2">
        <v>0</v>
      </c>
      <c r="J43081" s="2">
        <v>0</v>
      </c>
      <c r="K43081" s="2">
        <v>1</v>
      </c>
      <c r="L43081" t="s">
        <v>995</v>
      </c>
      <c r="M43081" t="s">
        <v>83</v>
      </c>
      <c r="N43081" t="s">
        <v>91</v>
      </c>
      <c r="O43081" t="s">
        <v>85</v>
      </c>
      <c r="P43081" t="s">
        <v>86</v>
      </c>
      <c r="Q43081">
        <v>14</v>
      </c>
      <c r="R43081">
        <v>14</v>
      </c>
      <c r="S43081">
        <v>15</v>
      </c>
      <c r="T43081">
        <v>15</v>
      </c>
      <c r="U43081">
        <v>16</v>
      </c>
      <c r="V43081">
        <v>16</v>
      </c>
      <c r="W43081">
        <v>16</v>
      </c>
      <c r="X43081">
        <v>17</v>
      </c>
      <c r="Y43081">
        <v>17</v>
      </c>
      <c r="Z43081">
        <v>18</v>
      </c>
      <c r="AA43081">
        <v>18</v>
      </c>
      <c r="AB43081">
        <v>19</v>
      </c>
      <c r="AC43081">
        <v>19</v>
      </c>
      <c r="AD43081">
        <v>20</v>
      </c>
      <c r="AE43081">
        <v>20</v>
      </c>
      <c r="AF43081">
        <v>21</v>
      </c>
      <c r="AG43081">
        <v>21</v>
      </c>
      <c r="AH43081">
        <v>22</v>
      </c>
      <c r="AI43081">
        <v>22</v>
      </c>
      <c r="AJ43081">
        <v>23</v>
      </c>
      <c r="AK43081">
        <v>23</v>
      </c>
      <c r="AL43081">
        <v>24</v>
      </c>
      <c r="AM43081">
        <v>24</v>
      </c>
      <c r="AN43081">
        <v>25</v>
      </c>
      <c r="AO43081">
        <v>25</v>
      </c>
      <c r="AP43081">
        <v>25</v>
      </c>
      <c r="AQ43081">
        <v>26</v>
      </c>
    </row>
    <row r="43082" spans="1:43">
      <c r="A43082" t="s">
        <v>26361</v>
      </c>
      <c r="B43082" t="s">
        <v>26362</v>
      </c>
      <c r="C43082" t="s">
        <v>19603</v>
      </c>
      <c r="D43082" t="s">
        <v>19604</v>
      </c>
      <c r="E43082" t="s">
        <v>19535</v>
      </c>
      <c r="F43082" t="s">
        <v>19536</v>
      </c>
      <c r="G43082" t="s">
        <v>10734</v>
      </c>
      <c r="H43082" t="s">
        <v>10735</v>
      </c>
      <c r="I43082" s="2">
        <v>0</v>
      </c>
      <c r="J43082" s="2">
        <v>0</v>
      </c>
      <c r="K43082" s="2">
        <v>0.5</v>
      </c>
      <c r="L43082" t="s">
        <v>995</v>
      </c>
      <c r="M43082" t="s">
        <v>83</v>
      </c>
      <c r="N43082" t="s">
        <v>84</v>
      </c>
      <c r="O43082" t="s">
        <v>85</v>
      </c>
      <c r="P43082" t="s">
        <v>86</v>
      </c>
      <c r="Q43082">
        <v>16</v>
      </c>
      <c r="R43082">
        <v>17</v>
      </c>
      <c r="S43082">
        <v>17</v>
      </c>
      <c r="T43082">
        <v>18</v>
      </c>
      <c r="U43082">
        <v>18</v>
      </c>
      <c r="V43082">
        <v>19</v>
      </c>
      <c r="W43082">
        <v>19</v>
      </c>
      <c r="X43082">
        <v>20</v>
      </c>
      <c r="Y43082">
        <v>20</v>
      </c>
      <c r="Z43082">
        <v>21</v>
      </c>
      <c r="AA43082">
        <v>21</v>
      </c>
      <c r="AB43082">
        <v>22</v>
      </c>
      <c r="AC43082">
        <v>22</v>
      </c>
      <c r="AD43082">
        <v>23</v>
      </c>
      <c r="AE43082">
        <v>23</v>
      </c>
      <c r="AF43082">
        <v>24</v>
      </c>
      <c r="AG43082">
        <v>25</v>
      </c>
      <c r="AH43082">
        <v>25</v>
      </c>
      <c r="AI43082">
        <v>26</v>
      </c>
      <c r="AJ43082">
        <v>27</v>
      </c>
      <c r="AK43082">
        <v>27</v>
      </c>
      <c r="AL43082">
        <v>28</v>
      </c>
      <c r="AM43082">
        <v>28</v>
      </c>
      <c r="AN43082">
        <v>29</v>
      </c>
      <c r="AO43082">
        <v>29</v>
      </c>
      <c r="AP43082">
        <v>30</v>
      </c>
      <c r="AQ43082">
        <v>30</v>
      </c>
    </row>
    <row r="43083" spans="1:43">
      <c r="A43083" t="s">
        <v>26361</v>
      </c>
      <c r="B43083" t="s">
        <v>26362</v>
      </c>
      <c r="C43083" t="s">
        <v>19603</v>
      </c>
      <c r="D43083" t="s">
        <v>19604</v>
      </c>
      <c r="E43083" t="s">
        <v>19535</v>
      </c>
      <c r="F43083" t="s">
        <v>19536</v>
      </c>
      <c r="G43083" t="s">
        <v>10734</v>
      </c>
      <c r="H43083" t="s">
        <v>10735</v>
      </c>
      <c r="I43083" s="2">
        <v>0</v>
      </c>
      <c r="J43083" s="2">
        <v>0</v>
      </c>
      <c r="K43083" s="2">
        <v>0.5</v>
      </c>
      <c r="L43083" t="s">
        <v>995</v>
      </c>
      <c r="M43083" t="s">
        <v>87</v>
      </c>
      <c r="N43083" t="s">
        <v>88</v>
      </c>
      <c r="O43083" t="s">
        <v>85</v>
      </c>
      <c r="P43083" t="s">
        <v>86</v>
      </c>
      <c r="Q43083">
        <v>16</v>
      </c>
      <c r="R43083">
        <v>16</v>
      </c>
      <c r="S43083">
        <v>17</v>
      </c>
      <c r="T43083">
        <v>17</v>
      </c>
      <c r="U43083">
        <v>17</v>
      </c>
      <c r="V43083">
        <v>18</v>
      </c>
      <c r="W43083">
        <v>18</v>
      </c>
      <c r="X43083">
        <v>18</v>
      </c>
      <c r="Y43083">
        <v>19</v>
      </c>
      <c r="Z43083">
        <v>19</v>
      </c>
      <c r="AA43083">
        <v>19</v>
      </c>
      <c r="AB43083">
        <v>20</v>
      </c>
      <c r="AC43083">
        <v>20</v>
      </c>
      <c r="AD43083">
        <v>20</v>
      </c>
      <c r="AE43083">
        <v>21</v>
      </c>
      <c r="AF43083">
        <v>21</v>
      </c>
      <c r="AG43083">
        <v>22</v>
      </c>
      <c r="AH43083">
        <v>22</v>
      </c>
      <c r="AI43083">
        <v>22</v>
      </c>
      <c r="AJ43083">
        <v>23</v>
      </c>
      <c r="AK43083">
        <v>23</v>
      </c>
      <c r="AL43083">
        <v>24</v>
      </c>
      <c r="AM43083">
        <v>24</v>
      </c>
      <c r="AN43083">
        <v>25</v>
      </c>
      <c r="AO43083">
        <v>25</v>
      </c>
      <c r="AP43083">
        <v>26</v>
      </c>
      <c r="AQ43083">
        <v>26</v>
      </c>
    </row>
    <row r="43084" spans="1:43">
      <c r="A43084" t="s">
        <v>26361</v>
      </c>
      <c r="B43084" t="s">
        <v>26362</v>
      </c>
      <c r="C43084" t="s">
        <v>19603</v>
      </c>
      <c r="D43084" t="s">
        <v>19604</v>
      </c>
      <c r="E43084" t="s">
        <v>19535</v>
      </c>
      <c r="F43084" t="s">
        <v>19536</v>
      </c>
      <c r="G43084" t="s">
        <v>10734</v>
      </c>
      <c r="H43084" t="s">
        <v>10735</v>
      </c>
      <c r="I43084" s="2">
        <v>0</v>
      </c>
      <c r="J43084" s="2">
        <v>0</v>
      </c>
      <c r="K43084" s="2">
        <v>0.5</v>
      </c>
      <c r="L43084" t="s">
        <v>995</v>
      </c>
      <c r="M43084" t="s">
        <v>89</v>
      </c>
      <c r="N43084" t="s">
        <v>90</v>
      </c>
      <c r="O43084" t="s">
        <v>85</v>
      </c>
      <c r="P43084" t="s">
        <v>86</v>
      </c>
      <c r="Q43084">
        <v>16</v>
      </c>
      <c r="R43084">
        <v>17</v>
      </c>
      <c r="S43084">
        <v>18</v>
      </c>
      <c r="T43084">
        <v>18</v>
      </c>
      <c r="U43084">
        <v>19</v>
      </c>
      <c r="V43084">
        <v>20</v>
      </c>
      <c r="W43084">
        <v>20</v>
      </c>
      <c r="X43084">
        <v>21</v>
      </c>
      <c r="Y43084">
        <v>21</v>
      </c>
      <c r="Z43084">
        <v>22</v>
      </c>
      <c r="AA43084">
        <v>23</v>
      </c>
      <c r="AB43084">
        <v>23</v>
      </c>
      <c r="AC43084">
        <v>24</v>
      </c>
      <c r="AD43084">
        <v>25</v>
      </c>
      <c r="AE43084">
        <v>25</v>
      </c>
      <c r="AF43084">
        <v>25</v>
      </c>
      <c r="AG43084">
        <v>26</v>
      </c>
      <c r="AH43084">
        <v>26</v>
      </c>
      <c r="AI43084">
        <v>27</v>
      </c>
      <c r="AJ43084">
        <v>27</v>
      </c>
      <c r="AK43084">
        <v>28</v>
      </c>
      <c r="AL43084">
        <v>28</v>
      </c>
      <c r="AM43084">
        <v>28</v>
      </c>
      <c r="AN43084">
        <v>29</v>
      </c>
      <c r="AO43084">
        <v>29</v>
      </c>
      <c r="AP43084">
        <v>30</v>
      </c>
      <c r="AQ43084">
        <v>30</v>
      </c>
    </row>
    <row r="43085" spans="1:43">
      <c r="A43085" t="s">
        <v>26361</v>
      </c>
      <c r="B43085" t="s">
        <v>26362</v>
      </c>
      <c r="C43085" t="s">
        <v>19603</v>
      </c>
      <c r="D43085" t="s">
        <v>19604</v>
      </c>
      <c r="E43085" t="s">
        <v>19535</v>
      </c>
      <c r="F43085" t="s">
        <v>19536</v>
      </c>
      <c r="G43085" t="s">
        <v>10734</v>
      </c>
      <c r="H43085" t="s">
        <v>10735</v>
      </c>
      <c r="I43085" s="2">
        <v>0</v>
      </c>
      <c r="J43085" s="2">
        <v>0</v>
      </c>
      <c r="K43085" s="2">
        <v>0.5</v>
      </c>
      <c r="L43085" t="s">
        <v>995</v>
      </c>
      <c r="M43085" t="s">
        <v>83</v>
      </c>
      <c r="N43085" t="s">
        <v>91</v>
      </c>
      <c r="O43085" t="s">
        <v>85</v>
      </c>
      <c r="P43085" t="s">
        <v>86</v>
      </c>
      <c r="Q43085">
        <v>16</v>
      </c>
      <c r="R43085">
        <v>17</v>
      </c>
      <c r="S43085">
        <v>17</v>
      </c>
      <c r="T43085">
        <v>18</v>
      </c>
      <c r="U43085">
        <v>18</v>
      </c>
      <c r="V43085">
        <v>19</v>
      </c>
      <c r="W43085">
        <v>19</v>
      </c>
      <c r="X43085">
        <v>20</v>
      </c>
      <c r="Y43085">
        <v>20</v>
      </c>
      <c r="Z43085">
        <v>21</v>
      </c>
      <c r="AA43085">
        <v>21</v>
      </c>
      <c r="AB43085">
        <v>22</v>
      </c>
      <c r="AC43085">
        <v>22</v>
      </c>
      <c r="AD43085">
        <v>23</v>
      </c>
      <c r="AE43085">
        <v>23</v>
      </c>
      <c r="AF43085">
        <v>24</v>
      </c>
      <c r="AG43085">
        <v>25</v>
      </c>
      <c r="AH43085">
        <v>25</v>
      </c>
      <c r="AI43085">
        <v>26</v>
      </c>
      <c r="AJ43085">
        <v>27</v>
      </c>
      <c r="AK43085">
        <v>27</v>
      </c>
      <c r="AL43085">
        <v>28</v>
      </c>
      <c r="AM43085">
        <v>28</v>
      </c>
      <c r="AN43085">
        <v>29</v>
      </c>
      <c r="AO43085">
        <v>29</v>
      </c>
      <c r="AP43085">
        <v>30</v>
      </c>
      <c r="AQ43085">
        <v>30</v>
      </c>
    </row>
    <row r="43086" spans="1:43">
      <c r="A43086" t="s">
        <v>26363</v>
      </c>
      <c r="B43086" t="s">
        <v>26364</v>
      </c>
      <c r="C43086" t="s">
        <v>19603</v>
      </c>
      <c r="D43086" t="s">
        <v>19604</v>
      </c>
      <c r="E43086" t="s">
        <v>19535</v>
      </c>
      <c r="F43086" t="s">
        <v>19536</v>
      </c>
      <c r="G43086" t="s">
        <v>10734</v>
      </c>
      <c r="H43086" t="s">
        <v>10735</v>
      </c>
      <c r="I43086" s="2">
        <v>0</v>
      </c>
      <c r="J43086" s="2">
        <v>0</v>
      </c>
      <c r="K43086" s="2">
        <v>1</v>
      </c>
      <c r="L43086" t="s">
        <v>995</v>
      </c>
      <c r="M43086" t="s">
        <v>83</v>
      </c>
      <c r="N43086" t="s">
        <v>84</v>
      </c>
      <c r="O43086" t="s">
        <v>85</v>
      </c>
      <c r="P43086" t="s">
        <v>86</v>
      </c>
      <c r="Q43086">
        <v>23</v>
      </c>
      <c r="R43086">
        <v>24</v>
      </c>
      <c r="S43086">
        <v>25</v>
      </c>
      <c r="T43086">
        <v>26</v>
      </c>
      <c r="U43086">
        <v>26</v>
      </c>
      <c r="V43086">
        <v>27</v>
      </c>
      <c r="W43086">
        <v>28</v>
      </c>
      <c r="X43086">
        <v>28</v>
      </c>
      <c r="Y43086">
        <v>29</v>
      </c>
      <c r="Z43086">
        <v>30</v>
      </c>
      <c r="AA43086">
        <v>31</v>
      </c>
      <c r="AB43086">
        <v>32</v>
      </c>
      <c r="AC43086">
        <v>32</v>
      </c>
      <c r="AD43086">
        <v>33</v>
      </c>
      <c r="AE43086">
        <v>34</v>
      </c>
      <c r="AF43086">
        <v>35</v>
      </c>
      <c r="AG43086">
        <v>36</v>
      </c>
      <c r="AH43086">
        <v>37</v>
      </c>
      <c r="AI43086">
        <v>37</v>
      </c>
      <c r="AJ43086">
        <v>38</v>
      </c>
      <c r="AK43086">
        <v>39</v>
      </c>
      <c r="AL43086">
        <v>40</v>
      </c>
      <c r="AM43086">
        <v>41</v>
      </c>
      <c r="AN43086">
        <v>41</v>
      </c>
      <c r="AO43086">
        <v>42</v>
      </c>
      <c r="AP43086">
        <v>43</v>
      </c>
      <c r="AQ43086">
        <v>43</v>
      </c>
    </row>
    <row r="43087" spans="1:43">
      <c r="A43087" t="s">
        <v>26363</v>
      </c>
      <c r="B43087" t="s">
        <v>26364</v>
      </c>
      <c r="C43087" t="s">
        <v>19603</v>
      </c>
      <c r="D43087" t="s">
        <v>19604</v>
      </c>
      <c r="E43087" t="s">
        <v>19535</v>
      </c>
      <c r="F43087" t="s">
        <v>19536</v>
      </c>
      <c r="G43087" t="s">
        <v>10734</v>
      </c>
      <c r="H43087" t="s">
        <v>10735</v>
      </c>
      <c r="I43087" s="2">
        <v>0</v>
      </c>
      <c r="J43087" s="2">
        <v>0</v>
      </c>
      <c r="K43087" s="2">
        <v>1</v>
      </c>
      <c r="L43087" t="s">
        <v>995</v>
      </c>
      <c r="M43087" t="s">
        <v>87</v>
      </c>
      <c r="N43087" t="s">
        <v>88</v>
      </c>
      <c r="O43087" t="s">
        <v>85</v>
      </c>
      <c r="P43087" t="s">
        <v>86</v>
      </c>
      <c r="Q43087">
        <v>23</v>
      </c>
      <c r="R43087">
        <v>24</v>
      </c>
      <c r="S43087">
        <v>24</v>
      </c>
      <c r="T43087">
        <v>25</v>
      </c>
      <c r="U43087">
        <v>25</v>
      </c>
      <c r="V43087">
        <v>26</v>
      </c>
      <c r="W43087">
        <v>26</v>
      </c>
      <c r="X43087">
        <v>26</v>
      </c>
      <c r="Y43087">
        <v>27</v>
      </c>
      <c r="Z43087">
        <v>27</v>
      </c>
      <c r="AA43087">
        <v>28</v>
      </c>
      <c r="AB43087">
        <v>29</v>
      </c>
      <c r="AC43087">
        <v>29</v>
      </c>
      <c r="AD43087">
        <v>30</v>
      </c>
      <c r="AE43087">
        <v>30</v>
      </c>
      <c r="AF43087">
        <v>31</v>
      </c>
      <c r="AG43087">
        <v>31</v>
      </c>
      <c r="AH43087">
        <v>32</v>
      </c>
      <c r="AI43087">
        <v>32</v>
      </c>
      <c r="AJ43087">
        <v>33</v>
      </c>
      <c r="AK43087">
        <v>34</v>
      </c>
      <c r="AL43087">
        <v>34</v>
      </c>
      <c r="AM43087">
        <v>35</v>
      </c>
      <c r="AN43087">
        <v>36</v>
      </c>
      <c r="AO43087">
        <v>36</v>
      </c>
      <c r="AP43087">
        <v>37</v>
      </c>
      <c r="AQ43087">
        <v>38</v>
      </c>
    </row>
    <row r="43088" spans="1:43">
      <c r="A43088" t="s">
        <v>26363</v>
      </c>
      <c r="B43088" t="s">
        <v>26364</v>
      </c>
      <c r="C43088" t="s">
        <v>19603</v>
      </c>
      <c r="D43088" t="s">
        <v>19604</v>
      </c>
      <c r="E43088" t="s">
        <v>19535</v>
      </c>
      <c r="F43088" t="s">
        <v>19536</v>
      </c>
      <c r="G43088" t="s">
        <v>10734</v>
      </c>
      <c r="H43088" t="s">
        <v>10735</v>
      </c>
      <c r="I43088" s="2">
        <v>0</v>
      </c>
      <c r="J43088" s="2">
        <v>0</v>
      </c>
      <c r="K43088" s="2">
        <v>1</v>
      </c>
      <c r="L43088" t="s">
        <v>995</v>
      </c>
      <c r="M43088" t="s">
        <v>89</v>
      </c>
      <c r="N43088" t="s">
        <v>90</v>
      </c>
      <c r="O43088" t="s">
        <v>85</v>
      </c>
      <c r="P43088" t="s">
        <v>86</v>
      </c>
      <c r="Q43088">
        <v>23</v>
      </c>
      <c r="R43088">
        <v>24</v>
      </c>
      <c r="S43088">
        <v>25</v>
      </c>
      <c r="T43088">
        <v>25</v>
      </c>
      <c r="U43088">
        <v>26</v>
      </c>
      <c r="V43088">
        <v>27</v>
      </c>
      <c r="W43088">
        <v>28</v>
      </c>
      <c r="X43088">
        <v>29</v>
      </c>
      <c r="Y43088">
        <v>30</v>
      </c>
      <c r="Z43088">
        <v>31</v>
      </c>
      <c r="AA43088">
        <v>32</v>
      </c>
      <c r="AB43088">
        <v>33</v>
      </c>
      <c r="AC43088">
        <v>33</v>
      </c>
      <c r="AD43088">
        <v>34</v>
      </c>
      <c r="AE43088">
        <v>35</v>
      </c>
      <c r="AF43088">
        <v>36</v>
      </c>
      <c r="AG43088">
        <v>36</v>
      </c>
      <c r="AH43088">
        <v>37</v>
      </c>
      <c r="AI43088">
        <v>38</v>
      </c>
      <c r="AJ43088">
        <v>38</v>
      </c>
      <c r="AK43088">
        <v>39</v>
      </c>
      <c r="AL43088">
        <v>39</v>
      </c>
      <c r="AM43088">
        <v>40</v>
      </c>
      <c r="AN43088">
        <v>41</v>
      </c>
      <c r="AO43088">
        <v>41</v>
      </c>
      <c r="AP43088">
        <v>42</v>
      </c>
      <c r="AQ43088">
        <v>43</v>
      </c>
    </row>
    <row r="43089" spans="1:43">
      <c r="A43089" t="s">
        <v>26363</v>
      </c>
      <c r="B43089" t="s">
        <v>26364</v>
      </c>
      <c r="C43089" t="s">
        <v>19603</v>
      </c>
      <c r="D43089" t="s">
        <v>19604</v>
      </c>
      <c r="E43089" t="s">
        <v>19535</v>
      </c>
      <c r="F43089" t="s">
        <v>19536</v>
      </c>
      <c r="G43089" t="s">
        <v>10734</v>
      </c>
      <c r="H43089" t="s">
        <v>10735</v>
      </c>
      <c r="I43089" s="2">
        <v>0</v>
      </c>
      <c r="J43089" s="2">
        <v>0</v>
      </c>
      <c r="K43089" s="2">
        <v>1</v>
      </c>
      <c r="L43089" t="s">
        <v>995</v>
      </c>
      <c r="M43089" t="s">
        <v>83</v>
      </c>
      <c r="N43089" t="s">
        <v>91</v>
      </c>
      <c r="O43089" t="s">
        <v>85</v>
      </c>
      <c r="P43089" t="s">
        <v>86</v>
      </c>
      <c r="Q43089">
        <v>23</v>
      </c>
      <c r="R43089">
        <v>24</v>
      </c>
      <c r="S43089">
        <v>25</v>
      </c>
      <c r="T43089">
        <v>26</v>
      </c>
      <c r="U43089">
        <v>26</v>
      </c>
      <c r="V43089">
        <v>27</v>
      </c>
      <c r="W43089">
        <v>28</v>
      </c>
      <c r="X43089">
        <v>28</v>
      </c>
      <c r="Y43089">
        <v>29</v>
      </c>
      <c r="Z43089">
        <v>30</v>
      </c>
      <c r="AA43089">
        <v>31</v>
      </c>
      <c r="AB43089">
        <v>32</v>
      </c>
      <c r="AC43089">
        <v>32</v>
      </c>
      <c r="AD43089">
        <v>33</v>
      </c>
      <c r="AE43089">
        <v>34</v>
      </c>
      <c r="AF43089">
        <v>35</v>
      </c>
      <c r="AG43089">
        <v>36</v>
      </c>
      <c r="AH43089">
        <v>37</v>
      </c>
      <c r="AI43089">
        <v>37</v>
      </c>
      <c r="AJ43089">
        <v>38</v>
      </c>
      <c r="AK43089">
        <v>39</v>
      </c>
      <c r="AL43089">
        <v>40</v>
      </c>
      <c r="AM43089">
        <v>41</v>
      </c>
      <c r="AN43089">
        <v>41</v>
      </c>
      <c r="AO43089">
        <v>42</v>
      </c>
      <c r="AP43089">
        <v>43</v>
      </c>
      <c r="AQ43089">
        <v>43</v>
      </c>
    </row>
    <row r="43090" spans="1:43">
      <c r="A43090" t="s">
        <v>26365</v>
      </c>
      <c r="B43090" t="s">
        <v>26366</v>
      </c>
      <c r="C43090" t="s">
        <v>19595</v>
      </c>
      <c r="D43090" t="s">
        <v>19596</v>
      </c>
      <c r="E43090" t="s">
        <v>19535</v>
      </c>
      <c r="F43090" t="s">
        <v>19536</v>
      </c>
      <c r="G43090" t="s">
        <v>10734</v>
      </c>
      <c r="H43090" t="s">
        <v>10735</v>
      </c>
      <c r="I43090" s="2">
        <v>0</v>
      </c>
      <c r="J43090" s="2">
        <v>0</v>
      </c>
      <c r="K43090" s="2">
        <v>1</v>
      </c>
      <c r="L43090" t="s">
        <v>995</v>
      </c>
      <c r="M43090" t="s">
        <v>83</v>
      </c>
      <c r="N43090" t="s">
        <v>84</v>
      </c>
      <c r="O43090" t="s">
        <v>85</v>
      </c>
      <c r="P43090" t="s">
        <v>86</v>
      </c>
      <c r="Q43090">
        <v>20</v>
      </c>
      <c r="R43090">
        <v>20</v>
      </c>
      <c r="S43090">
        <v>21</v>
      </c>
      <c r="T43090">
        <v>22</v>
      </c>
      <c r="U43090">
        <v>22</v>
      </c>
      <c r="V43090">
        <v>23</v>
      </c>
      <c r="W43090">
        <v>23</v>
      </c>
      <c r="X43090">
        <v>24</v>
      </c>
      <c r="Y43090">
        <v>25</v>
      </c>
      <c r="Z43090">
        <v>25</v>
      </c>
      <c r="AA43090">
        <v>26</v>
      </c>
      <c r="AB43090">
        <v>27</v>
      </c>
      <c r="AC43090">
        <v>27</v>
      </c>
      <c r="AD43090">
        <v>28</v>
      </c>
      <c r="AE43090">
        <v>29</v>
      </c>
      <c r="AF43090">
        <v>29</v>
      </c>
      <c r="AG43090">
        <v>30</v>
      </c>
      <c r="AH43090">
        <v>31</v>
      </c>
      <c r="AI43090">
        <v>32</v>
      </c>
      <c r="AJ43090">
        <v>32</v>
      </c>
      <c r="AK43090">
        <v>33</v>
      </c>
      <c r="AL43090">
        <v>34</v>
      </c>
      <c r="AM43090">
        <v>34</v>
      </c>
      <c r="AN43090">
        <v>35</v>
      </c>
      <c r="AO43090">
        <v>36</v>
      </c>
      <c r="AP43090">
        <v>36</v>
      </c>
      <c r="AQ43090">
        <v>37</v>
      </c>
    </row>
    <row r="43091" spans="1:43">
      <c r="A43091" t="s">
        <v>26365</v>
      </c>
      <c r="B43091" t="s">
        <v>26366</v>
      </c>
      <c r="C43091" t="s">
        <v>19595</v>
      </c>
      <c r="D43091" t="s">
        <v>19596</v>
      </c>
      <c r="E43091" t="s">
        <v>19535</v>
      </c>
      <c r="F43091" t="s">
        <v>19536</v>
      </c>
      <c r="G43091" t="s">
        <v>10734</v>
      </c>
      <c r="H43091" t="s">
        <v>10735</v>
      </c>
      <c r="I43091" s="2">
        <v>0</v>
      </c>
      <c r="J43091" s="2">
        <v>0</v>
      </c>
      <c r="K43091" s="2">
        <v>1</v>
      </c>
      <c r="L43091" t="s">
        <v>995</v>
      </c>
      <c r="M43091" t="s">
        <v>87</v>
      </c>
      <c r="N43091" t="s">
        <v>88</v>
      </c>
      <c r="O43091" t="s">
        <v>85</v>
      </c>
      <c r="P43091" t="s">
        <v>86</v>
      </c>
      <c r="Q43091">
        <v>20</v>
      </c>
      <c r="R43091">
        <v>20</v>
      </c>
      <c r="S43091">
        <v>20</v>
      </c>
      <c r="T43091">
        <v>21</v>
      </c>
      <c r="U43091">
        <v>21</v>
      </c>
      <c r="V43091">
        <v>22</v>
      </c>
      <c r="W43091">
        <v>22</v>
      </c>
      <c r="X43091">
        <v>22</v>
      </c>
      <c r="Y43091">
        <v>23</v>
      </c>
      <c r="Z43091">
        <v>23</v>
      </c>
      <c r="AA43091">
        <v>24</v>
      </c>
      <c r="AB43091">
        <v>24</v>
      </c>
      <c r="AC43091">
        <v>24</v>
      </c>
      <c r="AD43091">
        <v>25</v>
      </c>
      <c r="AE43091">
        <v>25</v>
      </c>
      <c r="AF43091">
        <v>26</v>
      </c>
      <c r="AG43091">
        <v>26</v>
      </c>
      <c r="AH43091">
        <v>27</v>
      </c>
      <c r="AI43091">
        <v>27</v>
      </c>
      <c r="AJ43091">
        <v>28</v>
      </c>
      <c r="AK43091">
        <v>28</v>
      </c>
      <c r="AL43091">
        <v>29</v>
      </c>
      <c r="AM43091">
        <v>29</v>
      </c>
      <c r="AN43091">
        <v>30</v>
      </c>
      <c r="AO43091">
        <v>31</v>
      </c>
      <c r="AP43091">
        <v>31</v>
      </c>
      <c r="AQ43091">
        <v>32</v>
      </c>
    </row>
    <row r="43092" spans="1:43">
      <c r="A43092" t="s">
        <v>26365</v>
      </c>
      <c r="B43092" t="s">
        <v>26366</v>
      </c>
      <c r="C43092" t="s">
        <v>19595</v>
      </c>
      <c r="D43092" t="s">
        <v>19596</v>
      </c>
      <c r="E43092" t="s">
        <v>19535</v>
      </c>
      <c r="F43092" t="s">
        <v>19536</v>
      </c>
      <c r="G43092" t="s">
        <v>10734</v>
      </c>
      <c r="H43092" t="s">
        <v>10735</v>
      </c>
      <c r="I43092" s="2">
        <v>0</v>
      </c>
      <c r="J43092" s="2">
        <v>0</v>
      </c>
      <c r="K43092" s="2">
        <v>1</v>
      </c>
      <c r="L43092" t="s">
        <v>995</v>
      </c>
      <c r="M43092" t="s">
        <v>89</v>
      </c>
      <c r="N43092" t="s">
        <v>90</v>
      </c>
      <c r="O43092" t="s">
        <v>85</v>
      </c>
      <c r="P43092" t="s">
        <v>86</v>
      </c>
      <c r="Q43092">
        <v>20</v>
      </c>
      <c r="R43092">
        <v>21</v>
      </c>
      <c r="S43092">
        <v>22</v>
      </c>
      <c r="T43092">
        <v>22</v>
      </c>
      <c r="U43092">
        <v>23</v>
      </c>
      <c r="V43092">
        <v>24</v>
      </c>
      <c r="W43092">
        <v>25</v>
      </c>
      <c r="X43092">
        <v>25</v>
      </c>
      <c r="Y43092">
        <v>26</v>
      </c>
      <c r="Z43092">
        <v>27</v>
      </c>
      <c r="AA43092">
        <v>28</v>
      </c>
      <c r="AB43092">
        <v>28</v>
      </c>
      <c r="AC43092">
        <v>29</v>
      </c>
      <c r="AD43092">
        <v>30</v>
      </c>
      <c r="AE43092">
        <v>31</v>
      </c>
      <c r="AF43092">
        <v>31</v>
      </c>
      <c r="AG43092">
        <v>32</v>
      </c>
      <c r="AH43092">
        <v>32</v>
      </c>
      <c r="AI43092">
        <v>33</v>
      </c>
      <c r="AJ43092">
        <v>33</v>
      </c>
      <c r="AK43092">
        <v>34</v>
      </c>
      <c r="AL43092">
        <v>34</v>
      </c>
      <c r="AM43092">
        <v>35</v>
      </c>
      <c r="AN43092">
        <v>35</v>
      </c>
      <c r="AO43092">
        <v>36</v>
      </c>
      <c r="AP43092">
        <v>36</v>
      </c>
      <c r="AQ43092">
        <v>37</v>
      </c>
    </row>
    <row r="43093" spans="1:43">
      <c r="A43093" t="s">
        <v>26365</v>
      </c>
      <c r="B43093" t="s">
        <v>26366</v>
      </c>
      <c r="C43093" t="s">
        <v>19595</v>
      </c>
      <c r="D43093" t="s">
        <v>19596</v>
      </c>
      <c r="E43093" t="s">
        <v>19535</v>
      </c>
      <c r="F43093" t="s">
        <v>19536</v>
      </c>
      <c r="G43093" t="s">
        <v>10734</v>
      </c>
      <c r="H43093" t="s">
        <v>10735</v>
      </c>
      <c r="I43093" s="2">
        <v>0</v>
      </c>
      <c r="J43093" s="2">
        <v>0</v>
      </c>
      <c r="K43093" s="2">
        <v>1</v>
      </c>
      <c r="L43093" t="s">
        <v>995</v>
      </c>
      <c r="M43093" t="s">
        <v>83</v>
      </c>
      <c r="N43093" t="s">
        <v>91</v>
      </c>
      <c r="O43093" t="s">
        <v>85</v>
      </c>
      <c r="P43093" t="s">
        <v>86</v>
      </c>
      <c r="Q43093">
        <v>20</v>
      </c>
      <c r="R43093">
        <v>20</v>
      </c>
      <c r="S43093">
        <v>21</v>
      </c>
      <c r="T43093">
        <v>22</v>
      </c>
      <c r="U43093">
        <v>22</v>
      </c>
      <c r="V43093">
        <v>23</v>
      </c>
      <c r="W43093">
        <v>23</v>
      </c>
      <c r="X43093">
        <v>24</v>
      </c>
      <c r="Y43093">
        <v>25</v>
      </c>
      <c r="Z43093">
        <v>25</v>
      </c>
      <c r="AA43093">
        <v>26</v>
      </c>
      <c r="AB43093">
        <v>27</v>
      </c>
      <c r="AC43093">
        <v>27</v>
      </c>
      <c r="AD43093">
        <v>28</v>
      </c>
      <c r="AE43093">
        <v>29</v>
      </c>
      <c r="AF43093">
        <v>29</v>
      </c>
      <c r="AG43093">
        <v>30</v>
      </c>
      <c r="AH43093">
        <v>31</v>
      </c>
      <c r="AI43093">
        <v>32</v>
      </c>
      <c r="AJ43093">
        <v>32</v>
      </c>
      <c r="AK43093">
        <v>33</v>
      </c>
      <c r="AL43093">
        <v>34</v>
      </c>
      <c r="AM43093">
        <v>34</v>
      </c>
      <c r="AN43093">
        <v>35</v>
      </c>
      <c r="AO43093">
        <v>36</v>
      </c>
      <c r="AP43093">
        <v>36</v>
      </c>
      <c r="AQ43093">
        <v>37</v>
      </c>
    </row>
    <row r="43094" spans="1:43">
      <c r="A43094" t="s">
        <v>26367</v>
      </c>
      <c r="B43094" t="s">
        <v>26368</v>
      </c>
      <c r="C43094" t="s">
        <v>19595</v>
      </c>
      <c r="D43094" t="s">
        <v>19596</v>
      </c>
      <c r="E43094" t="s">
        <v>19535</v>
      </c>
      <c r="F43094" t="s">
        <v>19536</v>
      </c>
      <c r="G43094" t="s">
        <v>10734</v>
      </c>
      <c r="H43094" t="s">
        <v>10735</v>
      </c>
      <c r="I43094" s="2">
        <v>0</v>
      </c>
      <c r="J43094" s="2">
        <v>0</v>
      </c>
      <c r="K43094" s="2">
        <v>1</v>
      </c>
      <c r="L43094" t="s">
        <v>995</v>
      </c>
      <c r="M43094" t="s">
        <v>83</v>
      </c>
      <c r="N43094" t="s">
        <v>84</v>
      </c>
      <c r="O43094" t="s">
        <v>85</v>
      </c>
      <c r="P43094" t="s">
        <v>86</v>
      </c>
      <c r="Q43094">
        <v>11</v>
      </c>
      <c r="R43094">
        <v>11</v>
      </c>
      <c r="S43094">
        <v>11</v>
      </c>
      <c r="T43094">
        <v>11</v>
      </c>
      <c r="U43094">
        <v>12</v>
      </c>
      <c r="V43094">
        <v>12</v>
      </c>
      <c r="W43094">
        <v>12</v>
      </c>
      <c r="X43094">
        <v>13</v>
      </c>
      <c r="Y43094">
        <v>13</v>
      </c>
      <c r="Z43094">
        <v>13</v>
      </c>
      <c r="AA43094">
        <v>14</v>
      </c>
      <c r="AB43094">
        <v>14</v>
      </c>
      <c r="AC43094">
        <v>14</v>
      </c>
      <c r="AD43094">
        <v>15</v>
      </c>
      <c r="AE43094">
        <v>15</v>
      </c>
      <c r="AF43094">
        <v>16</v>
      </c>
      <c r="AG43094">
        <v>16</v>
      </c>
      <c r="AH43094">
        <v>16</v>
      </c>
      <c r="AI43094">
        <v>17</v>
      </c>
      <c r="AJ43094">
        <v>17</v>
      </c>
      <c r="AK43094">
        <v>18</v>
      </c>
      <c r="AL43094">
        <v>18</v>
      </c>
      <c r="AM43094">
        <v>18</v>
      </c>
      <c r="AN43094">
        <v>19</v>
      </c>
      <c r="AO43094">
        <v>19</v>
      </c>
      <c r="AP43094">
        <v>19</v>
      </c>
      <c r="AQ43094">
        <v>19</v>
      </c>
    </row>
    <row r="43095" spans="1:43">
      <c r="A43095" t="s">
        <v>26367</v>
      </c>
      <c r="B43095" t="s">
        <v>26368</v>
      </c>
      <c r="C43095" t="s">
        <v>19595</v>
      </c>
      <c r="D43095" t="s">
        <v>19596</v>
      </c>
      <c r="E43095" t="s">
        <v>19535</v>
      </c>
      <c r="F43095" t="s">
        <v>19536</v>
      </c>
      <c r="G43095" t="s">
        <v>10734</v>
      </c>
      <c r="H43095" t="s">
        <v>10735</v>
      </c>
      <c r="I43095" s="2">
        <v>0</v>
      </c>
      <c r="J43095" s="2">
        <v>0</v>
      </c>
      <c r="K43095" s="2">
        <v>1</v>
      </c>
      <c r="L43095" t="s">
        <v>995</v>
      </c>
      <c r="M43095" t="s">
        <v>87</v>
      </c>
      <c r="N43095" t="s">
        <v>88</v>
      </c>
      <c r="O43095" t="s">
        <v>85</v>
      </c>
      <c r="P43095" t="s">
        <v>86</v>
      </c>
      <c r="Q43095">
        <v>11</v>
      </c>
      <c r="R43095">
        <v>12</v>
      </c>
      <c r="S43095">
        <v>12</v>
      </c>
      <c r="T43095">
        <v>12</v>
      </c>
      <c r="U43095">
        <v>12</v>
      </c>
      <c r="V43095">
        <v>12</v>
      </c>
      <c r="W43095">
        <v>13</v>
      </c>
      <c r="X43095">
        <v>13</v>
      </c>
      <c r="Y43095">
        <v>13</v>
      </c>
      <c r="Z43095">
        <v>13</v>
      </c>
      <c r="AA43095">
        <v>14</v>
      </c>
      <c r="AB43095">
        <v>14</v>
      </c>
      <c r="AC43095">
        <v>14</v>
      </c>
      <c r="AD43095">
        <v>14</v>
      </c>
      <c r="AE43095">
        <v>14</v>
      </c>
      <c r="AF43095">
        <v>15</v>
      </c>
      <c r="AG43095">
        <v>15</v>
      </c>
      <c r="AH43095">
        <v>15</v>
      </c>
      <c r="AI43095">
        <v>15</v>
      </c>
      <c r="AJ43095">
        <v>16</v>
      </c>
      <c r="AK43095">
        <v>16</v>
      </c>
      <c r="AL43095">
        <v>16</v>
      </c>
      <c r="AM43095">
        <v>17</v>
      </c>
      <c r="AN43095">
        <v>17</v>
      </c>
      <c r="AO43095">
        <v>17</v>
      </c>
      <c r="AP43095">
        <v>18</v>
      </c>
      <c r="AQ43095">
        <v>18</v>
      </c>
    </row>
    <row r="43096" spans="1:43">
      <c r="A43096" t="s">
        <v>26367</v>
      </c>
      <c r="B43096" t="s">
        <v>26368</v>
      </c>
      <c r="C43096" t="s">
        <v>19595</v>
      </c>
      <c r="D43096" t="s">
        <v>19596</v>
      </c>
      <c r="E43096" t="s">
        <v>19535</v>
      </c>
      <c r="F43096" t="s">
        <v>19536</v>
      </c>
      <c r="G43096" t="s">
        <v>10734</v>
      </c>
      <c r="H43096" t="s">
        <v>10735</v>
      </c>
      <c r="I43096" s="2">
        <v>0</v>
      </c>
      <c r="J43096" s="2">
        <v>0</v>
      </c>
      <c r="K43096" s="2">
        <v>1</v>
      </c>
      <c r="L43096" t="s">
        <v>995</v>
      </c>
      <c r="M43096" t="s">
        <v>89</v>
      </c>
      <c r="N43096" t="s">
        <v>90</v>
      </c>
      <c r="O43096" t="s">
        <v>85</v>
      </c>
      <c r="P43096" t="s">
        <v>86</v>
      </c>
      <c r="Q43096">
        <v>11</v>
      </c>
      <c r="R43096">
        <v>11</v>
      </c>
      <c r="S43096">
        <v>11</v>
      </c>
      <c r="T43096">
        <v>12</v>
      </c>
      <c r="U43096">
        <v>12</v>
      </c>
      <c r="V43096">
        <v>13</v>
      </c>
      <c r="W43096">
        <v>13</v>
      </c>
      <c r="X43096">
        <v>13</v>
      </c>
      <c r="Y43096">
        <v>14</v>
      </c>
      <c r="Z43096">
        <v>14</v>
      </c>
      <c r="AA43096">
        <v>15</v>
      </c>
      <c r="AB43096">
        <v>15</v>
      </c>
      <c r="AC43096">
        <v>15</v>
      </c>
      <c r="AD43096">
        <v>16</v>
      </c>
      <c r="AE43096">
        <v>16</v>
      </c>
      <c r="AF43096">
        <v>17</v>
      </c>
      <c r="AG43096">
        <v>17</v>
      </c>
      <c r="AH43096">
        <v>17</v>
      </c>
      <c r="AI43096">
        <v>17</v>
      </c>
      <c r="AJ43096">
        <v>18</v>
      </c>
      <c r="AK43096">
        <v>18</v>
      </c>
      <c r="AL43096">
        <v>18</v>
      </c>
      <c r="AM43096">
        <v>18</v>
      </c>
      <c r="AN43096">
        <v>19</v>
      </c>
      <c r="AO43096">
        <v>19</v>
      </c>
      <c r="AP43096">
        <v>19</v>
      </c>
      <c r="AQ43096">
        <v>20</v>
      </c>
    </row>
    <row r="43097" spans="1:43">
      <c r="A43097" t="s">
        <v>26367</v>
      </c>
      <c r="B43097" t="s">
        <v>26368</v>
      </c>
      <c r="C43097" t="s">
        <v>19595</v>
      </c>
      <c r="D43097" t="s">
        <v>19596</v>
      </c>
      <c r="E43097" t="s">
        <v>19535</v>
      </c>
      <c r="F43097" t="s">
        <v>19536</v>
      </c>
      <c r="G43097" t="s">
        <v>10734</v>
      </c>
      <c r="H43097" t="s">
        <v>10735</v>
      </c>
      <c r="I43097" s="2">
        <v>0</v>
      </c>
      <c r="J43097" s="2">
        <v>0</v>
      </c>
      <c r="K43097" s="2">
        <v>1</v>
      </c>
      <c r="L43097" t="s">
        <v>995</v>
      </c>
      <c r="M43097" t="s">
        <v>83</v>
      </c>
      <c r="N43097" t="s">
        <v>91</v>
      </c>
      <c r="O43097" t="s">
        <v>85</v>
      </c>
      <c r="P43097" t="s">
        <v>86</v>
      </c>
      <c r="Q43097">
        <v>11</v>
      </c>
      <c r="R43097">
        <v>11</v>
      </c>
      <c r="S43097">
        <v>11</v>
      </c>
      <c r="T43097">
        <v>11</v>
      </c>
      <c r="U43097">
        <v>12</v>
      </c>
      <c r="V43097">
        <v>12</v>
      </c>
      <c r="W43097">
        <v>12</v>
      </c>
      <c r="X43097">
        <v>13</v>
      </c>
      <c r="Y43097">
        <v>13</v>
      </c>
      <c r="Z43097">
        <v>13</v>
      </c>
      <c r="AA43097">
        <v>14</v>
      </c>
      <c r="AB43097">
        <v>14</v>
      </c>
      <c r="AC43097">
        <v>14</v>
      </c>
      <c r="AD43097">
        <v>15</v>
      </c>
      <c r="AE43097">
        <v>15</v>
      </c>
      <c r="AF43097">
        <v>16</v>
      </c>
      <c r="AG43097">
        <v>16</v>
      </c>
      <c r="AH43097">
        <v>16</v>
      </c>
      <c r="AI43097">
        <v>17</v>
      </c>
      <c r="AJ43097">
        <v>17</v>
      </c>
      <c r="AK43097">
        <v>18</v>
      </c>
      <c r="AL43097">
        <v>18</v>
      </c>
      <c r="AM43097">
        <v>18</v>
      </c>
      <c r="AN43097">
        <v>19</v>
      </c>
      <c r="AO43097">
        <v>19</v>
      </c>
      <c r="AP43097">
        <v>19</v>
      </c>
      <c r="AQ43097">
        <v>19</v>
      </c>
    </row>
    <row r="43098" spans="1:43">
      <c r="A43098" t="s">
        <v>26369</v>
      </c>
      <c r="B43098" t="s">
        <v>26370</v>
      </c>
      <c r="C43098" t="s">
        <v>19543</v>
      </c>
      <c r="D43098" t="s">
        <v>19544</v>
      </c>
      <c r="E43098" t="s">
        <v>19535</v>
      </c>
      <c r="F43098" t="s">
        <v>19536</v>
      </c>
      <c r="G43098" t="s">
        <v>10734</v>
      </c>
      <c r="H43098" t="s">
        <v>10735</v>
      </c>
      <c r="I43098" s="2">
        <v>0</v>
      </c>
      <c r="J43098" s="2">
        <v>0</v>
      </c>
      <c r="K43098" s="2">
        <v>1</v>
      </c>
      <c r="L43098" t="s">
        <v>995</v>
      </c>
      <c r="M43098" t="s">
        <v>83</v>
      </c>
      <c r="N43098" t="s">
        <v>84</v>
      </c>
      <c r="O43098" t="s">
        <v>85</v>
      </c>
      <c r="P43098" t="s">
        <v>86</v>
      </c>
      <c r="Q43098">
        <v>28</v>
      </c>
      <c r="R43098">
        <v>29</v>
      </c>
      <c r="S43098">
        <v>30</v>
      </c>
      <c r="T43098">
        <v>30</v>
      </c>
      <c r="U43098">
        <v>31</v>
      </c>
      <c r="V43098">
        <v>32</v>
      </c>
      <c r="W43098">
        <v>33</v>
      </c>
      <c r="X43098">
        <v>34</v>
      </c>
      <c r="Y43098">
        <v>35</v>
      </c>
      <c r="Z43098">
        <v>36</v>
      </c>
      <c r="AA43098">
        <v>36</v>
      </c>
      <c r="AB43098">
        <v>37</v>
      </c>
      <c r="AC43098">
        <v>38</v>
      </c>
      <c r="AD43098">
        <v>39</v>
      </c>
      <c r="AE43098">
        <v>40</v>
      </c>
      <c r="AF43098">
        <v>41</v>
      </c>
      <c r="AG43098">
        <v>42</v>
      </c>
      <c r="AH43098">
        <v>43</v>
      </c>
      <c r="AI43098">
        <v>45</v>
      </c>
      <c r="AJ43098">
        <v>46</v>
      </c>
      <c r="AK43098">
        <v>47</v>
      </c>
      <c r="AL43098">
        <v>48</v>
      </c>
      <c r="AM43098">
        <v>48</v>
      </c>
      <c r="AN43098">
        <v>49</v>
      </c>
      <c r="AO43098">
        <v>50</v>
      </c>
      <c r="AP43098">
        <v>51</v>
      </c>
      <c r="AQ43098">
        <v>51</v>
      </c>
    </row>
    <row r="43099" spans="1:43">
      <c r="A43099" t="s">
        <v>26369</v>
      </c>
      <c r="B43099" t="s">
        <v>26370</v>
      </c>
      <c r="C43099" t="s">
        <v>19543</v>
      </c>
      <c r="D43099" t="s">
        <v>19544</v>
      </c>
      <c r="E43099" t="s">
        <v>19535</v>
      </c>
      <c r="F43099" t="s">
        <v>19536</v>
      </c>
      <c r="G43099" t="s">
        <v>10734</v>
      </c>
      <c r="H43099" t="s">
        <v>10735</v>
      </c>
      <c r="I43099" s="2">
        <v>0</v>
      </c>
      <c r="J43099" s="2">
        <v>0</v>
      </c>
      <c r="K43099" s="2">
        <v>1</v>
      </c>
      <c r="L43099" t="s">
        <v>995</v>
      </c>
      <c r="M43099" t="s">
        <v>87</v>
      </c>
      <c r="N43099" t="s">
        <v>88</v>
      </c>
      <c r="O43099" t="s">
        <v>85</v>
      </c>
      <c r="P43099" t="s">
        <v>86</v>
      </c>
      <c r="Q43099">
        <v>28</v>
      </c>
      <c r="R43099">
        <v>28</v>
      </c>
      <c r="S43099">
        <v>29</v>
      </c>
      <c r="T43099">
        <v>29</v>
      </c>
      <c r="U43099">
        <v>30</v>
      </c>
      <c r="V43099">
        <v>30</v>
      </c>
      <c r="W43099">
        <v>31</v>
      </c>
      <c r="X43099">
        <v>31</v>
      </c>
      <c r="Y43099">
        <v>32</v>
      </c>
      <c r="Z43099">
        <v>33</v>
      </c>
      <c r="AA43099">
        <v>33</v>
      </c>
      <c r="AB43099">
        <v>34</v>
      </c>
      <c r="AC43099">
        <v>34</v>
      </c>
      <c r="AD43099">
        <v>35</v>
      </c>
      <c r="AE43099">
        <v>36</v>
      </c>
      <c r="AF43099">
        <v>36</v>
      </c>
      <c r="AG43099">
        <v>37</v>
      </c>
      <c r="AH43099">
        <v>38</v>
      </c>
      <c r="AI43099">
        <v>38</v>
      </c>
      <c r="AJ43099">
        <v>39</v>
      </c>
      <c r="AK43099">
        <v>40</v>
      </c>
      <c r="AL43099">
        <v>41</v>
      </c>
      <c r="AM43099">
        <v>41</v>
      </c>
      <c r="AN43099">
        <v>42</v>
      </c>
      <c r="AO43099">
        <v>43</v>
      </c>
      <c r="AP43099">
        <v>44</v>
      </c>
      <c r="AQ43099">
        <v>45</v>
      </c>
    </row>
    <row r="43100" spans="1:43">
      <c r="A43100" t="s">
        <v>26369</v>
      </c>
      <c r="B43100" t="s">
        <v>26370</v>
      </c>
      <c r="C43100" t="s">
        <v>19543</v>
      </c>
      <c r="D43100" t="s">
        <v>19544</v>
      </c>
      <c r="E43100" t="s">
        <v>19535</v>
      </c>
      <c r="F43100" t="s">
        <v>19536</v>
      </c>
      <c r="G43100" t="s">
        <v>10734</v>
      </c>
      <c r="H43100" t="s">
        <v>10735</v>
      </c>
      <c r="I43100" s="2">
        <v>0</v>
      </c>
      <c r="J43100" s="2">
        <v>0</v>
      </c>
      <c r="K43100" s="2">
        <v>1</v>
      </c>
      <c r="L43100" t="s">
        <v>995</v>
      </c>
      <c r="M43100" t="s">
        <v>89</v>
      </c>
      <c r="N43100" t="s">
        <v>90</v>
      </c>
      <c r="O43100" t="s">
        <v>85</v>
      </c>
      <c r="P43100" t="s">
        <v>86</v>
      </c>
      <c r="Q43100">
        <v>28</v>
      </c>
      <c r="R43100">
        <v>29</v>
      </c>
      <c r="S43100">
        <v>30</v>
      </c>
      <c r="T43100">
        <v>31</v>
      </c>
      <c r="U43100">
        <v>32</v>
      </c>
      <c r="V43100">
        <v>34</v>
      </c>
      <c r="W43100">
        <v>35</v>
      </c>
      <c r="X43100">
        <v>36</v>
      </c>
      <c r="Y43100">
        <v>37</v>
      </c>
      <c r="Z43100">
        <v>38</v>
      </c>
      <c r="AA43100">
        <v>39</v>
      </c>
      <c r="AB43100">
        <v>40</v>
      </c>
      <c r="AC43100">
        <v>41</v>
      </c>
      <c r="AD43100">
        <v>42</v>
      </c>
      <c r="AE43100">
        <v>43</v>
      </c>
      <c r="AF43100">
        <v>44</v>
      </c>
      <c r="AG43100">
        <v>45</v>
      </c>
      <c r="AH43100">
        <v>45</v>
      </c>
      <c r="AI43100">
        <v>46</v>
      </c>
      <c r="AJ43100">
        <v>47</v>
      </c>
      <c r="AK43100">
        <v>47</v>
      </c>
      <c r="AL43100">
        <v>48</v>
      </c>
      <c r="AM43100">
        <v>49</v>
      </c>
      <c r="AN43100">
        <v>49</v>
      </c>
      <c r="AO43100">
        <v>50</v>
      </c>
      <c r="AP43100">
        <v>51</v>
      </c>
      <c r="AQ43100">
        <v>52</v>
      </c>
    </row>
    <row r="43101" spans="1:43">
      <c r="A43101" t="s">
        <v>26369</v>
      </c>
      <c r="B43101" t="s">
        <v>26370</v>
      </c>
      <c r="C43101" t="s">
        <v>19543</v>
      </c>
      <c r="D43101" t="s">
        <v>19544</v>
      </c>
      <c r="E43101" t="s">
        <v>19535</v>
      </c>
      <c r="F43101" t="s">
        <v>19536</v>
      </c>
      <c r="G43101" t="s">
        <v>10734</v>
      </c>
      <c r="H43101" t="s">
        <v>10735</v>
      </c>
      <c r="I43101" s="2">
        <v>0</v>
      </c>
      <c r="J43101" s="2">
        <v>0</v>
      </c>
      <c r="K43101" s="2">
        <v>1</v>
      </c>
      <c r="L43101" t="s">
        <v>995</v>
      </c>
      <c r="M43101" t="s">
        <v>83</v>
      </c>
      <c r="N43101" t="s">
        <v>91</v>
      </c>
      <c r="O43101" t="s">
        <v>85</v>
      </c>
      <c r="P43101" t="s">
        <v>86</v>
      </c>
      <c r="Q43101">
        <v>28</v>
      </c>
      <c r="R43101">
        <v>29</v>
      </c>
      <c r="S43101">
        <v>30</v>
      </c>
      <c r="T43101">
        <v>30</v>
      </c>
      <c r="U43101">
        <v>31</v>
      </c>
      <c r="V43101">
        <v>32</v>
      </c>
      <c r="W43101">
        <v>33</v>
      </c>
      <c r="X43101">
        <v>34</v>
      </c>
      <c r="Y43101">
        <v>35</v>
      </c>
      <c r="Z43101">
        <v>36</v>
      </c>
      <c r="AA43101">
        <v>36</v>
      </c>
      <c r="AB43101">
        <v>37</v>
      </c>
      <c r="AC43101">
        <v>38</v>
      </c>
      <c r="AD43101">
        <v>39</v>
      </c>
      <c r="AE43101">
        <v>40</v>
      </c>
      <c r="AF43101">
        <v>41</v>
      </c>
      <c r="AG43101">
        <v>42</v>
      </c>
      <c r="AH43101">
        <v>43</v>
      </c>
      <c r="AI43101">
        <v>45</v>
      </c>
      <c r="AJ43101">
        <v>46</v>
      </c>
      <c r="AK43101">
        <v>47</v>
      </c>
      <c r="AL43101">
        <v>48</v>
      </c>
      <c r="AM43101">
        <v>48</v>
      </c>
      <c r="AN43101">
        <v>49</v>
      </c>
      <c r="AO43101">
        <v>50</v>
      </c>
      <c r="AP43101">
        <v>51</v>
      </c>
      <c r="AQ43101">
        <v>51</v>
      </c>
    </row>
    <row r="43102" spans="1:43">
      <c r="A43102" t="s">
        <v>26371</v>
      </c>
      <c r="B43102" t="s">
        <v>26372</v>
      </c>
      <c r="C43102" t="s">
        <v>19543</v>
      </c>
      <c r="D43102" t="s">
        <v>19544</v>
      </c>
      <c r="E43102" t="s">
        <v>19535</v>
      </c>
      <c r="F43102" t="s">
        <v>19536</v>
      </c>
      <c r="G43102" t="s">
        <v>10734</v>
      </c>
      <c r="H43102" t="s">
        <v>10735</v>
      </c>
      <c r="I43102" s="2">
        <v>0</v>
      </c>
      <c r="J43102" s="2">
        <v>0</v>
      </c>
      <c r="K43102" s="2">
        <v>1</v>
      </c>
      <c r="L43102" t="s">
        <v>995</v>
      </c>
      <c r="M43102" t="s">
        <v>83</v>
      </c>
      <c r="N43102" t="s">
        <v>84</v>
      </c>
      <c r="O43102" t="s">
        <v>85</v>
      </c>
      <c r="P43102" t="s">
        <v>86</v>
      </c>
      <c r="Q43102">
        <v>19</v>
      </c>
      <c r="R43102">
        <v>19</v>
      </c>
      <c r="S43102">
        <v>20</v>
      </c>
      <c r="T43102">
        <v>21</v>
      </c>
      <c r="U43102">
        <v>21</v>
      </c>
      <c r="V43102">
        <v>22</v>
      </c>
      <c r="W43102">
        <v>22</v>
      </c>
      <c r="X43102">
        <v>23</v>
      </c>
      <c r="Y43102">
        <v>23</v>
      </c>
      <c r="Z43102">
        <v>24</v>
      </c>
      <c r="AA43102">
        <v>25</v>
      </c>
      <c r="AB43102">
        <v>25</v>
      </c>
      <c r="AC43102">
        <v>26</v>
      </c>
      <c r="AD43102">
        <v>27</v>
      </c>
      <c r="AE43102">
        <v>27</v>
      </c>
      <c r="AF43102">
        <v>28</v>
      </c>
      <c r="AG43102">
        <v>29</v>
      </c>
      <c r="AH43102">
        <v>29</v>
      </c>
      <c r="AI43102">
        <v>30</v>
      </c>
      <c r="AJ43102">
        <v>31</v>
      </c>
      <c r="AK43102">
        <v>32</v>
      </c>
      <c r="AL43102">
        <v>32</v>
      </c>
      <c r="AM43102">
        <v>33</v>
      </c>
      <c r="AN43102">
        <v>33</v>
      </c>
      <c r="AO43102">
        <v>34</v>
      </c>
      <c r="AP43102">
        <v>34</v>
      </c>
      <c r="AQ43102">
        <v>35</v>
      </c>
    </row>
    <row r="43103" spans="1:43">
      <c r="A43103" t="s">
        <v>26371</v>
      </c>
      <c r="B43103" t="s">
        <v>26372</v>
      </c>
      <c r="C43103" t="s">
        <v>19543</v>
      </c>
      <c r="D43103" t="s">
        <v>19544</v>
      </c>
      <c r="E43103" t="s">
        <v>19535</v>
      </c>
      <c r="F43103" t="s">
        <v>19536</v>
      </c>
      <c r="G43103" t="s">
        <v>10734</v>
      </c>
      <c r="H43103" t="s">
        <v>10735</v>
      </c>
      <c r="I43103" s="2">
        <v>0</v>
      </c>
      <c r="J43103" s="2">
        <v>0</v>
      </c>
      <c r="K43103" s="2">
        <v>1</v>
      </c>
      <c r="L43103" t="s">
        <v>995</v>
      </c>
      <c r="M43103" t="s">
        <v>87</v>
      </c>
      <c r="N43103" t="s">
        <v>88</v>
      </c>
      <c r="O43103" t="s">
        <v>85</v>
      </c>
      <c r="P43103" t="s">
        <v>86</v>
      </c>
      <c r="Q43103">
        <v>19</v>
      </c>
      <c r="R43103">
        <v>19</v>
      </c>
      <c r="S43103">
        <v>19</v>
      </c>
      <c r="T43103">
        <v>20</v>
      </c>
      <c r="U43103">
        <v>20</v>
      </c>
      <c r="V43103">
        <v>20</v>
      </c>
      <c r="W43103">
        <v>21</v>
      </c>
      <c r="X43103">
        <v>21</v>
      </c>
      <c r="Y43103">
        <v>22</v>
      </c>
      <c r="Z43103">
        <v>22</v>
      </c>
      <c r="AA43103">
        <v>22</v>
      </c>
      <c r="AB43103">
        <v>23</v>
      </c>
      <c r="AC43103">
        <v>23</v>
      </c>
      <c r="AD43103">
        <v>24</v>
      </c>
      <c r="AE43103">
        <v>24</v>
      </c>
      <c r="AF43103">
        <v>25</v>
      </c>
      <c r="AG43103">
        <v>25</v>
      </c>
      <c r="AH43103">
        <v>26</v>
      </c>
      <c r="AI43103">
        <v>26</v>
      </c>
      <c r="AJ43103">
        <v>26</v>
      </c>
      <c r="AK43103">
        <v>27</v>
      </c>
      <c r="AL43103">
        <v>27</v>
      </c>
      <c r="AM43103">
        <v>28</v>
      </c>
      <c r="AN43103">
        <v>29</v>
      </c>
      <c r="AO43103">
        <v>29</v>
      </c>
      <c r="AP43103">
        <v>30</v>
      </c>
      <c r="AQ43103">
        <v>30</v>
      </c>
    </row>
    <row r="43104" spans="1:43">
      <c r="A43104" t="s">
        <v>26371</v>
      </c>
      <c r="B43104" t="s">
        <v>26372</v>
      </c>
      <c r="C43104" t="s">
        <v>19543</v>
      </c>
      <c r="D43104" t="s">
        <v>19544</v>
      </c>
      <c r="E43104" t="s">
        <v>19535</v>
      </c>
      <c r="F43104" t="s">
        <v>19536</v>
      </c>
      <c r="G43104" t="s">
        <v>10734</v>
      </c>
      <c r="H43104" t="s">
        <v>10735</v>
      </c>
      <c r="I43104" s="2">
        <v>0</v>
      </c>
      <c r="J43104" s="2">
        <v>0</v>
      </c>
      <c r="K43104" s="2">
        <v>1</v>
      </c>
      <c r="L43104" t="s">
        <v>995</v>
      </c>
      <c r="M43104" t="s">
        <v>89</v>
      </c>
      <c r="N43104" t="s">
        <v>90</v>
      </c>
      <c r="O43104" t="s">
        <v>85</v>
      </c>
      <c r="P43104" t="s">
        <v>86</v>
      </c>
      <c r="Q43104">
        <v>19</v>
      </c>
      <c r="R43104">
        <v>20</v>
      </c>
      <c r="S43104">
        <v>20</v>
      </c>
      <c r="T43104">
        <v>21</v>
      </c>
      <c r="U43104">
        <v>22</v>
      </c>
      <c r="V43104">
        <v>23</v>
      </c>
      <c r="W43104">
        <v>23</v>
      </c>
      <c r="X43104">
        <v>24</v>
      </c>
      <c r="Y43104">
        <v>25</v>
      </c>
      <c r="Z43104">
        <v>25</v>
      </c>
      <c r="AA43104">
        <v>26</v>
      </c>
      <c r="AB43104">
        <v>27</v>
      </c>
      <c r="AC43104">
        <v>28</v>
      </c>
      <c r="AD43104">
        <v>28</v>
      </c>
      <c r="AE43104">
        <v>29</v>
      </c>
      <c r="AF43104">
        <v>30</v>
      </c>
      <c r="AG43104">
        <v>30</v>
      </c>
      <c r="AH43104">
        <v>30</v>
      </c>
      <c r="AI43104">
        <v>31</v>
      </c>
      <c r="AJ43104">
        <v>31</v>
      </c>
      <c r="AK43104">
        <v>32</v>
      </c>
      <c r="AL43104">
        <v>32</v>
      </c>
      <c r="AM43104">
        <v>33</v>
      </c>
      <c r="AN43104">
        <v>33</v>
      </c>
      <c r="AO43104">
        <v>34</v>
      </c>
      <c r="AP43104">
        <v>34</v>
      </c>
      <c r="AQ43104">
        <v>35</v>
      </c>
    </row>
    <row r="43105" spans="1:43">
      <c r="A43105" t="s">
        <v>26371</v>
      </c>
      <c r="B43105" t="s">
        <v>26372</v>
      </c>
      <c r="C43105" t="s">
        <v>19543</v>
      </c>
      <c r="D43105" t="s">
        <v>19544</v>
      </c>
      <c r="E43105" t="s">
        <v>19535</v>
      </c>
      <c r="F43105" t="s">
        <v>19536</v>
      </c>
      <c r="G43105" t="s">
        <v>10734</v>
      </c>
      <c r="H43105" t="s">
        <v>10735</v>
      </c>
      <c r="I43105" s="2">
        <v>0</v>
      </c>
      <c r="J43105" s="2">
        <v>0</v>
      </c>
      <c r="K43105" s="2">
        <v>1</v>
      </c>
      <c r="L43105" t="s">
        <v>995</v>
      </c>
      <c r="M43105" t="s">
        <v>83</v>
      </c>
      <c r="N43105" t="s">
        <v>91</v>
      </c>
      <c r="O43105" t="s">
        <v>85</v>
      </c>
      <c r="P43105" t="s">
        <v>86</v>
      </c>
      <c r="Q43105">
        <v>19</v>
      </c>
      <c r="R43105">
        <v>19</v>
      </c>
      <c r="S43105">
        <v>20</v>
      </c>
      <c r="T43105">
        <v>21</v>
      </c>
      <c r="U43105">
        <v>21</v>
      </c>
      <c r="V43105">
        <v>22</v>
      </c>
      <c r="W43105">
        <v>22</v>
      </c>
      <c r="X43105">
        <v>23</v>
      </c>
      <c r="Y43105">
        <v>23</v>
      </c>
      <c r="Z43105">
        <v>24</v>
      </c>
      <c r="AA43105">
        <v>25</v>
      </c>
      <c r="AB43105">
        <v>25</v>
      </c>
      <c r="AC43105">
        <v>26</v>
      </c>
      <c r="AD43105">
        <v>27</v>
      </c>
      <c r="AE43105">
        <v>27</v>
      </c>
      <c r="AF43105">
        <v>28</v>
      </c>
      <c r="AG43105">
        <v>29</v>
      </c>
      <c r="AH43105">
        <v>29</v>
      </c>
      <c r="AI43105">
        <v>30</v>
      </c>
      <c r="AJ43105">
        <v>31</v>
      </c>
      <c r="AK43105">
        <v>32</v>
      </c>
      <c r="AL43105">
        <v>32</v>
      </c>
      <c r="AM43105">
        <v>33</v>
      </c>
      <c r="AN43105">
        <v>33</v>
      </c>
      <c r="AO43105">
        <v>34</v>
      </c>
      <c r="AP43105">
        <v>34</v>
      </c>
      <c r="AQ43105">
        <v>35</v>
      </c>
    </row>
    <row r="43106" spans="1:43">
      <c r="A43106" t="s">
        <v>26373</v>
      </c>
      <c r="B43106" t="s">
        <v>26374</v>
      </c>
      <c r="C43106" t="s">
        <v>19543</v>
      </c>
      <c r="D43106" t="s">
        <v>19544</v>
      </c>
      <c r="E43106" t="s">
        <v>19535</v>
      </c>
      <c r="F43106" t="s">
        <v>19536</v>
      </c>
      <c r="G43106" t="s">
        <v>10734</v>
      </c>
      <c r="H43106" t="s">
        <v>10735</v>
      </c>
      <c r="I43106" s="2">
        <v>0</v>
      </c>
      <c r="J43106" s="2">
        <v>0</v>
      </c>
      <c r="K43106" s="2">
        <v>1</v>
      </c>
      <c r="L43106" t="s">
        <v>995</v>
      </c>
      <c r="M43106" t="s">
        <v>83</v>
      </c>
      <c r="N43106" t="s">
        <v>84</v>
      </c>
      <c r="O43106" t="s">
        <v>85</v>
      </c>
      <c r="P43106" t="s">
        <v>86</v>
      </c>
      <c r="Q43106">
        <v>15</v>
      </c>
      <c r="R43106">
        <v>15</v>
      </c>
      <c r="S43106">
        <v>15</v>
      </c>
      <c r="T43106">
        <v>16</v>
      </c>
      <c r="U43106">
        <v>16</v>
      </c>
      <c r="V43106">
        <v>17</v>
      </c>
      <c r="W43106">
        <v>17</v>
      </c>
      <c r="X43106">
        <v>18</v>
      </c>
      <c r="Y43106">
        <v>18</v>
      </c>
      <c r="Z43106">
        <v>18</v>
      </c>
      <c r="AA43106">
        <v>19</v>
      </c>
      <c r="AB43106">
        <v>19</v>
      </c>
      <c r="AC43106">
        <v>20</v>
      </c>
      <c r="AD43106">
        <v>20</v>
      </c>
      <c r="AE43106">
        <v>21</v>
      </c>
      <c r="AF43106">
        <v>21</v>
      </c>
      <c r="AG43106">
        <v>22</v>
      </c>
      <c r="AH43106">
        <v>23</v>
      </c>
      <c r="AI43106">
        <v>23</v>
      </c>
      <c r="AJ43106">
        <v>24</v>
      </c>
      <c r="AK43106">
        <v>24</v>
      </c>
      <c r="AL43106">
        <v>25</v>
      </c>
      <c r="AM43106">
        <v>25</v>
      </c>
      <c r="AN43106">
        <v>25</v>
      </c>
      <c r="AO43106">
        <v>26</v>
      </c>
      <c r="AP43106">
        <v>26</v>
      </c>
      <c r="AQ43106">
        <v>27</v>
      </c>
    </row>
    <row r="43107" spans="1:43">
      <c r="A43107" t="s">
        <v>26373</v>
      </c>
      <c r="B43107" t="s">
        <v>26374</v>
      </c>
      <c r="C43107" t="s">
        <v>19543</v>
      </c>
      <c r="D43107" t="s">
        <v>19544</v>
      </c>
      <c r="E43107" t="s">
        <v>19535</v>
      </c>
      <c r="F43107" t="s">
        <v>19536</v>
      </c>
      <c r="G43107" t="s">
        <v>10734</v>
      </c>
      <c r="H43107" t="s">
        <v>10735</v>
      </c>
      <c r="I43107" s="2">
        <v>0</v>
      </c>
      <c r="J43107" s="2">
        <v>0</v>
      </c>
      <c r="K43107" s="2">
        <v>1</v>
      </c>
      <c r="L43107" t="s">
        <v>995</v>
      </c>
      <c r="M43107" t="s">
        <v>87</v>
      </c>
      <c r="N43107" t="s">
        <v>88</v>
      </c>
      <c r="O43107" t="s">
        <v>85</v>
      </c>
      <c r="P43107" t="s">
        <v>86</v>
      </c>
      <c r="Q43107">
        <v>15</v>
      </c>
      <c r="R43107">
        <v>16</v>
      </c>
      <c r="S43107">
        <v>16</v>
      </c>
      <c r="T43107">
        <v>16</v>
      </c>
      <c r="U43107">
        <v>16</v>
      </c>
      <c r="V43107">
        <v>17</v>
      </c>
      <c r="W43107">
        <v>17</v>
      </c>
      <c r="X43107">
        <v>17</v>
      </c>
      <c r="Y43107">
        <v>18</v>
      </c>
      <c r="Z43107">
        <v>18</v>
      </c>
      <c r="AA43107">
        <v>18</v>
      </c>
      <c r="AB43107">
        <v>19</v>
      </c>
      <c r="AC43107">
        <v>19</v>
      </c>
      <c r="AD43107">
        <v>19</v>
      </c>
      <c r="AE43107">
        <v>20</v>
      </c>
      <c r="AF43107">
        <v>20</v>
      </c>
      <c r="AG43107">
        <v>20</v>
      </c>
      <c r="AH43107">
        <v>21</v>
      </c>
      <c r="AI43107">
        <v>21</v>
      </c>
      <c r="AJ43107">
        <v>21</v>
      </c>
      <c r="AK43107">
        <v>22</v>
      </c>
      <c r="AL43107">
        <v>22</v>
      </c>
      <c r="AM43107">
        <v>23</v>
      </c>
      <c r="AN43107">
        <v>23</v>
      </c>
      <c r="AO43107">
        <v>23</v>
      </c>
      <c r="AP43107">
        <v>24</v>
      </c>
      <c r="AQ43107">
        <v>24</v>
      </c>
    </row>
    <row r="43108" spans="1:43">
      <c r="A43108" t="s">
        <v>26373</v>
      </c>
      <c r="B43108" t="s">
        <v>26374</v>
      </c>
      <c r="C43108" t="s">
        <v>19543</v>
      </c>
      <c r="D43108" t="s">
        <v>19544</v>
      </c>
      <c r="E43108" t="s">
        <v>19535</v>
      </c>
      <c r="F43108" t="s">
        <v>19536</v>
      </c>
      <c r="G43108" t="s">
        <v>10734</v>
      </c>
      <c r="H43108" t="s">
        <v>10735</v>
      </c>
      <c r="I43108" s="2">
        <v>0</v>
      </c>
      <c r="J43108" s="2">
        <v>0</v>
      </c>
      <c r="K43108" s="2">
        <v>1</v>
      </c>
      <c r="L43108" t="s">
        <v>995</v>
      </c>
      <c r="M43108" t="s">
        <v>89</v>
      </c>
      <c r="N43108" t="s">
        <v>90</v>
      </c>
      <c r="O43108" t="s">
        <v>85</v>
      </c>
      <c r="P43108" t="s">
        <v>86</v>
      </c>
      <c r="Q43108">
        <v>15</v>
      </c>
      <c r="R43108">
        <v>15</v>
      </c>
      <c r="S43108">
        <v>16</v>
      </c>
      <c r="T43108">
        <v>16</v>
      </c>
      <c r="U43108">
        <v>17</v>
      </c>
      <c r="V43108">
        <v>17</v>
      </c>
      <c r="W43108">
        <v>18</v>
      </c>
      <c r="X43108">
        <v>19</v>
      </c>
      <c r="Y43108">
        <v>19</v>
      </c>
      <c r="Z43108">
        <v>20</v>
      </c>
      <c r="AA43108">
        <v>20</v>
      </c>
      <c r="AB43108">
        <v>21</v>
      </c>
      <c r="AC43108">
        <v>21</v>
      </c>
      <c r="AD43108">
        <v>22</v>
      </c>
      <c r="AE43108">
        <v>22</v>
      </c>
      <c r="AF43108">
        <v>23</v>
      </c>
      <c r="AG43108">
        <v>23</v>
      </c>
      <c r="AH43108">
        <v>23</v>
      </c>
      <c r="AI43108">
        <v>24</v>
      </c>
      <c r="AJ43108">
        <v>24</v>
      </c>
      <c r="AK43108">
        <v>25</v>
      </c>
      <c r="AL43108">
        <v>25</v>
      </c>
      <c r="AM43108">
        <v>25</v>
      </c>
      <c r="AN43108">
        <v>26</v>
      </c>
      <c r="AO43108">
        <v>26</v>
      </c>
      <c r="AP43108">
        <v>26</v>
      </c>
      <c r="AQ43108">
        <v>27</v>
      </c>
    </row>
    <row r="43109" spans="1:43">
      <c r="A43109" t="s">
        <v>26373</v>
      </c>
      <c r="B43109" t="s">
        <v>26374</v>
      </c>
      <c r="C43109" t="s">
        <v>19543</v>
      </c>
      <c r="D43109" t="s">
        <v>19544</v>
      </c>
      <c r="E43109" t="s">
        <v>19535</v>
      </c>
      <c r="F43109" t="s">
        <v>19536</v>
      </c>
      <c r="G43109" t="s">
        <v>10734</v>
      </c>
      <c r="H43109" t="s">
        <v>10735</v>
      </c>
      <c r="I43109" s="2">
        <v>0</v>
      </c>
      <c r="J43109" s="2">
        <v>0</v>
      </c>
      <c r="K43109" s="2">
        <v>1</v>
      </c>
      <c r="L43109" t="s">
        <v>995</v>
      </c>
      <c r="M43109" t="s">
        <v>83</v>
      </c>
      <c r="N43109" t="s">
        <v>91</v>
      </c>
      <c r="O43109" t="s">
        <v>85</v>
      </c>
      <c r="P43109" t="s">
        <v>86</v>
      </c>
      <c r="Q43109">
        <v>15</v>
      </c>
      <c r="R43109">
        <v>15</v>
      </c>
      <c r="S43109">
        <v>15</v>
      </c>
      <c r="T43109">
        <v>16</v>
      </c>
      <c r="U43109">
        <v>16</v>
      </c>
      <c r="V43109">
        <v>17</v>
      </c>
      <c r="W43109">
        <v>17</v>
      </c>
      <c r="X43109">
        <v>18</v>
      </c>
      <c r="Y43109">
        <v>18</v>
      </c>
      <c r="Z43109">
        <v>18</v>
      </c>
      <c r="AA43109">
        <v>19</v>
      </c>
      <c r="AB43109">
        <v>19</v>
      </c>
      <c r="AC43109">
        <v>20</v>
      </c>
      <c r="AD43109">
        <v>20</v>
      </c>
      <c r="AE43109">
        <v>21</v>
      </c>
      <c r="AF43109">
        <v>21</v>
      </c>
      <c r="AG43109">
        <v>22</v>
      </c>
      <c r="AH43109">
        <v>23</v>
      </c>
      <c r="AI43109">
        <v>23</v>
      </c>
      <c r="AJ43109">
        <v>24</v>
      </c>
      <c r="AK43109">
        <v>24</v>
      </c>
      <c r="AL43109">
        <v>25</v>
      </c>
      <c r="AM43109">
        <v>25</v>
      </c>
      <c r="AN43109">
        <v>25</v>
      </c>
      <c r="AO43109">
        <v>26</v>
      </c>
      <c r="AP43109">
        <v>26</v>
      </c>
      <c r="AQ43109">
        <v>27</v>
      </c>
    </row>
    <row r="43110" spans="1:43">
      <c r="A43110" t="s">
        <v>26375</v>
      </c>
      <c r="B43110" t="s">
        <v>26376</v>
      </c>
      <c r="C43110" t="s">
        <v>19543</v>
      </c>
      <c r="D43110" t="s">
        <v>19544</v>
      </c>
      <c r="E43110" t="s">
        <v>19535</v>
      </c>
      <c r="F43110" t="s">
        <v>19536</v>
      </c>
      <c r="G43110" t="s">
        <v>10734</v>
      </c>
      <c r="H43110" t="s">
        <v>10735</v>
      </c>
      <c r="I43110" s="2">
        <v>0</v>
      </c>
      <c r="J43110" s="2">
        <v>0</v>
      </c>
      <c r="K43110" s="2">
        <v>1</v>
      </c>
      <c r="L43110" t="s">
        <v>995</v>
      </c>
      <c r="M43110" t="s">
        <v>83</v>
      </c>
      <c r="N43110" t="s">
        <v>84</v>
      </c>
      <c r="O43110" t="s">
        <v>85</v>
      </c>
      <c r="P43110" t="s">
        <v>86</v>
      </c>
      <c r="Q43110">
        <v>8</v>
      </c>
      <c r="R43110">
        <v>9</v>
      </c>
      <c r="S43110">
        <v>9</v>
      </c>
      <c r="T43110">
        <v>9</v>
      </c>
      <c r="U43110">
        <v>9</v>
      </c>
      <c r="V43110">
        <v>9</v>
      </c>
      <c r="W43110">
        <v>10</v>
      </c>
      <c r="X43110">
        <v>10</v>
      </c>
      <c r="Y43110">
        <v>10</v>
      </c>
      <c r="Z43110">
        <v>11</v>
      </c>
      <c r="AA43110">
        <v>11</v>
      </c>
      <c r="AB43110">
        <v>11</v>
      </c>
      <c r="AC43110">
        <v>11</v>
      </c>
      <c r="AD43110">
        <v>12</v>
      </c>
      <c r="AE43110">
        <v>12</v>
      </c>
      <c r="AF43110">
        <v>12</v>
      </c>
      <c r="AG43110">
        <v>13</v>
      </c>
      <c r="AH43110">
        <v>13</v>
      </c>
      <c r="AI43110">
        <v>13</v>
      </c>
      <c r="AJ43110">
        <v>14</v>
      </c>
      <c r="AK43110">
        <v>14</v>
      </c>
      <c r="AL43110">
        <v>14</v>
      </c>
      <c r="AM43110">
        <v>14</v>
      </c>
      <c r="AN43110">
        <v>15</v>
      </c>
      <c r="AO43110">
        <v>15</v>
      </c>
      <c r="AP43110">
        <v>15</v>
      </c>
      <c r="AQ43110">
        <v>15</v>
      </c>
    </row>
    <row r="43111" spans="1:43">
      <c r="A43111" t="s">
        <v>26375</v>
      </c>
      <c r="B43111" t="s">
        <v>26376</v>
      </c>
      <c r="C43111" t="s">
        <v>19543</v>
      </c>
      <c r="D43111" t="s">
        <v>19544</v>
      </c>
      <c r="E43111" t="s">
        <v>19535</v>
      </c>
      <c r="F43111" t="s">
        <v>19536</v>
      </c>
      <c r="G43111" t="s">
        <v>10734</v>
      </c>
      <c r="H43111" t="s">
        <v>10735</v>
      </c>
      <c r="I43111" s="2">
        <v>0</v>
      </c>
      <c r="J43111" s="2">
        <v>0</v>
      </c>
      <c r="K43111" s="2">
        <v>1</v>
      </c>
      <c r="L43111" t="s">
        <v>995</v>
      </c>
      <c r="M43111" t="s">
        <v>87</v>
      </c>
      <c r="N43111" t="s">
        <v>88</v>
      </c>
      <c r="O43111" t="s">
        <v>85</v>
      </c>
      <c r="P43111" t="s">
        <v>86</v>
      </c>
      <c r="Q43111">
        <v>8</v>
      </c>
      <c r="R43111">
        <v>8</v>
      </c>
      <c r="S43111">
        <v>9</v>
      </c>
      <c r="T43111">
        <v>9</v>
      </c>
      <c r="U43111">
        <v>9</v>
      </c>
      <c r="V43111">
        <v>9</v>
      </c>
      <c r="W43111">
        <v>9</v>
      </c>
      <c r="X43111">
        <v>9</v>
      </c>
      <c r="Y43111">
        <v>10</v>
      </c>
      <c r="Z43111">
        <v>10</v>
      </c>
      <c r="AA43111">
        <v>10</v>
      </c>
      <c r="AB43111">
        <v>10</v>
      </c>
      <c r="AC43111">
        <v>10</v>
      </c>
      <c r="AD43111">
        <v>10</v>
      </c>
      <c r="AE43111">
        <v>11</v>
      </c>
      <c r="AF43111">
        <v>11</v>
      </c>
      <c r="AG43111">
        <v>11</v>
      </c>
      <c r="AH43111">
        <v>11</v>
      </c>
      <c r="AI43111">
        <v>11</v>
      </c>
      <c r="AJ43111">
        <v>12</v>
      </c>
      <c r="AK43111">
        <v>12</v>
      </c>
      <c r="AL43111">
        <v>12</v>
      </c>
      <c r="AM43111">
        <v>12</v>
      </c>
      <c r="AN43111">
        <v>13</v>
      </c>
      <c r="AO43111">
        <v>13</v>
      </c>
      <c r="AP43111">
        <v>13</v>
      </c>
      <c r="AQ43111">
        <v>13</v>
      </c>
    </row>
    <row r="43112" spans="1:43">
      <c r="A43112" t="s">
        <v>26375</v>
      </c>
      <c r="B43112" t="s">
        <v>26376</v>
      </c>
      <c r="C43112" t="s">
        <v>19543</v>
      </c>
      <c r="D43112" t="s">
        <v>19544</v>
      </c>
      <c r="E43112" t="s">
        <v>19535</v>
      </c>
      <c r="F43112" t="s">
        <v>19536</v>
      </c>
      <c r="G43112" t="s">
        <v>10734</v>
      </c>
      <c r="H43112" t="s">
        <v>10735</v>
      </c>
      <c r="I43112" s="2">
        <v>0</v>
      </c>
      <c r="J43112" s="2">
        <v>0</v>
      </c>
      <c r="K43112" s="2">
        <v>1</v>
      </c>
      <c r="L43112" t="s">
        <v>995</v>
      </c>
      <c r="M43112" t="s">
        <v>89</v>
      </c>
      <c r="N43112" t="s">
        <v>90</v>
      </c>
      <c r="O43112" t="s">
        <v>85</v>
      </c>
      <c r="P43112" t="s">
        <v>86</v>
      </c>
      <c r="Q43112">
        <v>8</v>
      </c>
      <c r="R43112">
        <v>9</v>
      </c>
      <c r="S43112">
        <v>9</v>
      </c>
      <c r="T43112">
        <v>9</v>
      </c>
      <c r="U43112">
        <v>10</v>
      </c>
      <c r="V43112">
        <v>10</v>
      </c>
      <c r="W43112">
        <v>10</v>
      </c>
      <c r="X43112">
        <v>11</v>
      </c>
      <c r="Y43112">
        <v>11</v>
      </c>
      <c r="Z43112">
        <v>11</v>
      </c>
      <c r="AA43112">
        <v>12</v>
      </c>
      <c r="AB43112">
        <v>12</v>
      </c>
      <c r="AC43112">
        <v>12</v>
      </c>
      <c r="AD43112">
        <v>13</v>
      </c>
      <c r="AE43112">
        <v>13</v>
      </c>
      <c r="AF43112">
        <v>13</v>
      </c>
      <c r="AG43112">
        <v>13</v>
      </c>
      <c r="AH43112">
        <v>13</v>
      </c>
      <c r="AI43112">
        <v>14</v>
      </c>
      <c r="AJ43112">
        <v>14</v>
      </c>
      <c r="AK43112">
        <v>14</v>
      </c>
      <c r="AL43112">
        <v>14</v>
      </c>
      <c r="AM43112">
        <v>14</v>
      </c>
      <c r="AN43112">
        <v>15</v>
      </c>
      <c r="AO43112">
        <v>15</v>
      </c>
      <c r="AP43112">
        <v>15</v>
      </c>
      <c r="AQ43112">
        <v>15</v>
      </c>
    </row>
    <row r="43113" spans="1:43">
      <c r="A43113" t="s">
        <v>26375</v>
      </c>
      <c r="B43113" t="s">
        <v>26376</v>
      </c>
      <c r="C43113" t="s">
        <v>19543</v>
      </c>
      <c r="D43113" t="s">
        <v>19544</v>
      </c>
      <c r="E43113" t="s">
        <v>19535</v>
      </c>
      <c r="F43113" t="s">
        <v>19536</v>
      </c>
      <c r="G43113" t="s">
        <v>10734</v>
      </c>
      <c r="H43113" t="s">
        <v>10735</v>
      </c>
      <c r="I43113" s="2">
        <v>0</v>
      </c>
      <c r="J43113" s="2">
        <v>0</v>
      </c>
      <c r="K43113" s="2">
        <v>1</v>
      </c>
      <c r="L43113" t="s">
        <v>995</v>
      </c>
      <c r="M43113" t="s">
        <v>83</v>
      </c>
      <c r="N43113" t="s">
        <v>91</v>
      </c>
      <c r="O43113" t="s">
        <v>85</v>
      </c>
      <c r="P43113" t="s">
        <v>86</v>
      </c>
      <c r="Q43113">
        <v>8</v>
      </c>
      <c r="R43113">
        <v>9</v>
      </c>
      <c r="S43113">
        <v>9</v>
      </c>
      <c r="T43113">
        <v>9</v>
      </c>
      <c r="U43113">
        <v>9</v>
      </c>
      <c r="V43113">
        <v>9</v>
      </c>
      <c r="W43113">
        <v>10</v>
      </c>
      <c r="X43113">
        <v>10</v>
      </c>
      <c r="Y43113">
        <v>10</v>
      </c>
      <c r="Z43113">
        <v>11</v>
      </c>
      <c r="AA43113">
        <v>11</v>
      </c>
      <c r="AB43113">
        <v>11</v>
      </c>
      <c r="AC43113">
        <v>11</v>
      </c>
      <c r="AD43113">
        <v>12</v>
      </c>
      <c r="AE43113">
        <v>12</v>
      </c>
      <c r="AF43113">
        <v>12</v>
      </c>
      <c r="AG43113">
        <v>13</v>
      </c>
      <c r="AH43113">
        <v>13</v>
      </c>
      <c r="AI43113">
        <v>13</v>
      </c>
      <c r="AJ43113">
        <v>14</v>
      </c>
      <c r="AK43113">
        <v>14</v>
      </c>
      <c r="AL43113">
        <v>14</v>
      </c>
      <c r="AM43113">
        <v>14</v>
      </c>
      <c r="AN43113">
        <v>15</v>
      </c>
      <c r="AO43113">
        <v>15</v>
      </c>
      <c r="AP43113">
        <v>15</v>
      </c>
      <c r="AQ43113">
        <v>15</v>
      </c>
    </row>
    <row r="43114" spans="1:43">
      <c r="A43114" t="s">
        <v>26377</v>
      </c>
      <c r="B43114" t="s">
        <v>26378</v>
      </c>
      <c r="C43114" t="s">
        <v>18411</v>
      </c>
      <c r="D43114" t="s">
        <v>18412</v>
      </c>
      <c r="E43114" t="s">
        <v>18345</v>
      </c>
      <c r="F43114" t="s">
        <v>18346</v>
      </c>
      <c r="G43114" t="s">
        <v>10734</v>
      </c>
      <c r="H43114" t="s">
        <v>10735</v>
      </c>
      <c r="I43114" s="2">
        <v>0</v>
      </c>
      <c r="J43114" s="2">
        <v>0</v>
      </c>
      <c r="K43114" s="2">
        <v>1</v>
      </c>
      <c r="L43114" t="s">
        <v>995</v>
      </c>
      <c r="M43114" t="s">
        <v>83</v>
      </c>
      <c r="N43114" t="s">
        <v>84</v>
      </c>
      <c r="O43114" t="s">
        <v>85</v>
      </c>
      <c r="P43114" t="s">
        <v>86</v>
      </c>
      <c r="Q43114">
        <v>23</v>
      </c>
      <c r="R43114">
        <v>23</v>
      </c>
      <c r="S43114">
        <v>23</v>
      </c>
      <c r="T43114">
        <v>24</v>
      </c>
      <c r="U43114">
        <v>24</v>
      </c>
      <c r="V43114">
        <v>25</v>
      </c>
      <c r="W43114">
        <v>25</v>
      </c>
      <c r="X43114">
        <v>25</v>
      </c>
      <c r="Y43114">
        <v>26</v>
      </c>
      <c r="Z43114">
        <v>26</v>
      </c>
      <c r="AA43114">
        <v>26</v>
      </c>
      <c r="AB43114">
        <v>27</v>
      </c>
      <c r="AC43114">
        <v>27</v>
      </c>
      <c r="AD43114">
        <v>27</v>
      </c>
      <c r="AE43114">
        <v>28</v>
      </c>
      <c r="AF43114">
        <v>28</v>
      </c>
      <c r="AG43114">
        <v>28</v>
      </c>
      <c r="AH43114">
        <v>29</v>
      </c>
      <c r="AI43114">
        <v>29</v>
      </c>
      <c r="AJ43114">
        <v>29</v>
      </c>
      <c r="AK43114">
        <v>30</v>
      </c>
      <c r="AL43114">
        <v>30</v>
      </c>
      <c r="AM43114">
        <v>30</v>
      </c>
      <c r="AN43114">
        <v>30</v>
      </c>
      <c r="AO43114">
        <v>30</v>
      </c>
      <c r="AP43114">
        <v>30</v>
      </c>
      <c r="AQ43114">
        <v>30</v>
      </c>
    </row>
    <row r="43115" spans="1:43">
      <c r="A43115" t="s">
        <v>26377</v>
      </c>
      <c r="B43115" t="s">
        <v>26378</v>
      </c>
      <c r="C43115" t="s">
        <v>18411</v>
      </c>
      <c r="D43115" t="s">
        <v>18412</v>
      </c>
      <c r="E43115" t="s">
        <v>18345</v>
      </c>
      <c r="F43115" t="s">
        <v>18346</v>
      </c>
      <c r="G43115" t="s">
        <v>10734</v>
      </c>
      <c r="H43115" t="s">
        <v>10735</v>
      </c>
      <c r="I43115" s="2">
        <v>0</v>
      </c>
      <c r="J43115" s="2">
        <v>0</v>
      </c>
      <c r="K43115" s="2">
        <v>1</v>
      </c>
      <c r="L43115" t="s">
        <v>995</v>
      </c>
      <c r="M43115" t="s">
        <v>87</v>
      </c>
      <c r="N43115" t="s">
        <v>88</v>
      </c>
      <c r="O43115" t="s">
        <v>85</v>
      </c>
      <c r="P43115" t="s">
        <v>86</v>
      </c>
      <c r="Q43115">
        <v>23</v>
      </c>
      <c r="R43115">
        <v>24</v>
      </c>
      <c r="S43115">
        <v>24</v>
      </c>
      <c r="T43115">
        <v>24</v>
      </c>
      <c r="U43115">
        <v>24</v>
      </c>
      <c r="V43115">
        <v>24</v>
      </c>
      <c r="W43115">
        <v>24</v>
      </c>
      <c r="X43115">
        <v>25</v>
      </c>
      <c r="Y43115">
        <v>25</v>
      </c>
      <c r="Z43115">
        <v>25</v>
      </c>
      <c r="AA43115">
        <v>25</v>
      </c>
      <c r="AB43115">
        <v>25</v>
      </c>
      <c r="AC43115">
        <v>25</v>
      </c>
      <c r="AD43115">
        <v>25</v>
      </c>
      <c r="AE43115">
        <v>26</v>
      </c>
      <c r="AF43115">
        <v>26</v>
      </c>
      <c r="AG43115">
        <v>26</v>
      </c>
      <c r="AH43115">
        <v>26</v>
      </c>
      <c r="AI43115">
        <v>26</v>
      </c>
      <c r="AJ43115">
        <v>26</v>
      </c>
      <c r="AK43115">
        <v>27</v>
      </c>
      <c r="AL43115">
        <v>27</v>
      </c>
      <c r="AM43115">
        <v>27</v>
      </c>
      <c r="AN43115">
        <v>27</v>
      </c>
      <c r="AO43115">
        <v>27</v>
      </c>
      <c r="AP43115">
        <v>27</v>
      </c>
      <c r="AQ43115">
        <v>27</v>
      </c>
    </row>
    <row r="43116" spans="1:43">
      <c r="A43116" t="s">
        <v>26377</v>
      </c>
      <c r="B43116" t="s">
        <v>26378</v>
      </c>
      <c r="C43116" t="s">
        <v>18411</v>
      </c>
      <c r="D43116" t="s">
        <v>18412</v>
      </c>
      <c r="E43116" t="s">
        <v>18345</v>
      </c>
      <c r="F43116" t="s">
        <v>18346</v>
      </c>
      <c r="G43116" t="s">
        <v>10734</v>
      </c>
      <c r="H43116" t="s">
        <v>10735</v>
      </c>
      <c r="I43116" s="2">
        <v>0</v>
      </c>
      <c r="J43116" s="2">
        <v>0</v>
      </c>
      <c r="K43116" s="2">
        <v>1</v>
      </c>
      <c r="L43116" t="s">
        <v>995</v>
      </c>
      <c r="M43116" t="s">
        <v>89</v>
      </c>
      <c r="N43116" t="s">
        <v>90</v>
      </c>
      <c r="O43116" t="s">
        <v>85</v>
      </c>
      <c r="P43116" t="s">
        <v>86</v>
      </c>
      <c r="Q43116">
        <v>23</v>
      </c>
      <c r="R43116">
        <v>23</v>
      </c>
      <c r="S43116">
        <v>24</v>
      </c>
      <c r="T43116">
        <v>25</v>
      </c>
      <c r="U43116">
        <v>25</v>
      </c>
      <c r="V43116">
        <v>26</v>
      </c>
      <c r="W43116">
        <v>26</v>
      </c>
      <c r="X43116">
        <v>27</v>
      </c>
      <c r="Y43116">
        <v>27</v>
      </c>
      <c r="Z43116">
        <v>28</v>
      </c>
      <c r="AA43116">
        <v>28</v>
      </c>
      <c r="AB43116">
        <v>28</v>
      </c>
      <c r="AC43116">
        <v>29</v>
      </c>
      <c r="AD43116">
        <v>29</v>
      </c>
      <c r="AE43116">
        <v>30</v>
      </c>
      <c r="AF43116">
        <v>30</v>
      </c>
      <c r="AG43116">
        <v>30</v>
      </c>
      <c r="AH43116">
        <v>30</v>
      </c>
      <c r="AI43116">
        <v>30</v>
      </c>
      <c r="AJ43116">
        <v>30</v>
      </c>
      <c r="AK43116">
        <v>30</v>
      </c>
      <c r="AL43116">
        <v>30</v>
      </c>
      <c r="AM43116">
        <v>30</v>
      </c>
      <c r="AN43116">
        <v>30</v>
      </c>
      <c r="AO43116">
        <v>30</v>
      </c>
      <c r="AP43116">
        <v>31</v>
      </c>
      <c r="AQ43116">
        <v>31</v>
      </c>
    </row>
    <row r="43117" spans="1:43">
      <c r="A43117" t="s">
        <v>26377</v>
      </c>
      <c r="B43117" t="s">
        <v>26378</v>
      </c>
      <c r="C43117" t="s">
        <v>18411</v>
      </c>
      <c r="D43117" t="s">
        <v>18412</v>
      </c>
      <c r="E43117" t="s">
        <v>18345</v>
      </c>
      <c r="F43117" t="s">
        <v>18346</v>
      </c>
      <c r="G43117" t="s">
        <v>10734</v>
      </c>
      <c r="H43117" t="s">
        <v>10735</v>
      </c>
      <c r="I43117" s="2">
        <v>0</v>
      </c>
      <c r="J43117" s="2">
        <v>0</v>
      </c>
      <c r="K43117" s="2">
        <v>1</v>
      </c>
      <c r="L43117" t="s">
        <v>995</v>
      </c>
      <c r="M43117" t="s">
        <v>83</v>
      </c>
      <c r="N43117" t="s">
        <v>91</v>
      </c>
      <c r="O43117" t="s">
        <v>85</v>
      </c>
      <c r="P43117" t="s">
        <v>86</v>
      </c>
      <c r="Q43117">
        <v>23</v>
      </c>
      <c r="R43117">
        <v>23</v>
      </c>
      <c r="S43117">
        <v>23</v>
      </c>
      <c r="T43117">
        <v>24</v>
      </c>
      <c r="U43117">
        <v>24</v>
      </c>
      <c r="V43117">
        <v>25</v>
      </c>
      <c r="W43117">
        <v>25</v>
      </c>
      <c r="X43117">
        <v>25</v>
      </c>
      <c r="Y43117">
        <v>26</v>
      </c>
      <c r="Z43117">
        <v>26</v>
      </c>
      <c r="AA43117">
        <v>26</v>
      </c>
      <c r="AB43117">
        <v>27</v>
      </c>
      <c r="AC43117">
        <v>27</v>
      </c>
      <c r="AD43117">
        <v>27</v>
      </c>
      <c r="AE43117">
        <v>28</v>
      </c>
      <c r="AF43117">
        <v>28</v>
      </c>
      <c r="AG43117">
        <v>28</v>
      </c>
      <c r="AH43117">
        <v>29</v>
      </c>
      <c r="AI43117">
        <v>29</v>
      </c>
      <c r="AJ43117">
        <v>29</v>
      </c>
      <c r="AK43117">
        <v>30</v>
      </c>
      <c r="AL43117">
        <v>30</v>
      </c>
      <c r="AM43117">
        <v>30</v>
      </c>
      <c r="AN43117">
        <v>30</v>
      </c>
      <c r="AO43117">
        <v>30</v>
      </c>
      <c r="AP43117">
        <v>30</v>
      </c>
      <c r="AQ43117">
        <v>30</v>
      </c>
    </row>
    <row r="43118" spans="1:43">
      <c r="A43118" t="s">
        <v>26379</v>
      </c>
      <c r="B43118" t="s">
        <v>26380</v>
      </c>
      <c r="C43118" t="s">
        <v>18411</v>
      </c>
      <c r="D43118" t="s">
        <v>18412</v>
      </c>
      <c r="E43118" t="s">
        <v>18345</v>
      </c>
      <c r="F43118" t="s">
        <v>18346</v>
      </c>
      <c r="G43118" t="s">
        <v>10734</v>
      </c>
      <c r="H43118" t="s">
        <v>10735</v>
      </c>
      <c r="I43118" s="2">
        <v>0</v>
      </c>
      <c r="J43118" s="2">
        <v>0</v>
      </c>
      <c r="K43118" s="2">
        <v>1</v>
      </c>
      <c r="L43118" t="s">
        <v>995</v>
      </c>
      <c r="M43118" t="s">
        <v>83</v>
      </c>
      <c r="N43118" t="s">
        <v>84</v>
      </c>
      <c r="O43118" t="s">
        <v>85</v>
      </c>
      <c r="P43118" t="s">
        <v>86</v>
      </c>
      <c r="Q43118">
        <v>25</v>
      </c>
      <c r="R43118">
        <v>25</v>
      </c>
      <c r="S43118">
        <v>25</v>
      </c>
      <c r="T43118">
        <v>26</v>
      </c>
      <c r="U43118">
        <v>26</v>
      </c>
      <c r="V43118">
        <v>27</v>
      </c>
      <c r="W43118">
        <v>27</v>
      </c>
      <c r="X43118">
        <v>27</v>
      </c>
      <c r="Y43118">
        <v>28</v>
      </c>
      <c r="Z43118">
        <v>28</v>
      </c>
      <c r="AA43118">
        <v>29</v>
      </c>
      <c r="AB43118">
        <v>29</v>
      </c>
      <c r="AC43118">
        <v>29</v>
      </c>
      <c r="AD43118">
        <v>30</v>
      </c>
      <c r="AE43118">
        <v>30</v>
      </c>
      <c r="AF43118">
        <v>30</v>
      </c>
      <c r="AG43118">
        <v>31</v>
      </c>
      <c r="AH43118">
        <v>31</v>
      </c>
      <c r="AI43118">
        <v>32</v>
      </c>
      <c r="AJ43118">
        <v>32</v>
      </c>
      <c r="AK43118">
        <v>32</v>
      </c>
      <c r="AL43118">
        <v>32</v>
      </c>
      <c r="AM43118">
        <v>33</v>
      </c>
      <c r="AN43118">
        <v>33</v>
      </c>
      <c r="AO43118">
        <v>33</v>
      </c>
      <c r="AP43118">
        <v>33</v>
      </c>
      <c r="AQ43118">
        <v>33</v>
      </c>
    </row>
    <row r="43119" spans="1:43">
      <c r="A43119" t="s">
        <v>26379</v>
      </c>
      <c r="B43119" t="s">
        <v>26380</v>
      </c>
      <c r="C43119" t="s">
        <v>18411</v>
      </c>
      <c r="D43119" t="s">
        <v>18412</v>
      </c>
      <c r="E43119" t="s">
        <v>18345</v>
      </c>
      <c r="F43119" t="s">
        <v>18346</v>
      </c>
      <c r="G43119" t="s">
        <v>10734</v>
      </c>
      <c r="H43119" t="s">
        <v>10735</v>
      </c>
      <c r="I43119" s="2">
        <v>0</v>
      </c>
      <c r="J43119" s="2">
        <v>0</v>
      </c>
      <c r="K43119" s="2">
        <v>1</v>
      </c>
      <c r="L43119" t="s">
        <v>995</v>
      </c>
      <c r="M43119" t="s">
        <v>87</v>
      </c>
      <c r="N43119" t="s">
        <v>88</v>
      </c>
      <c r="O43119" t="s">
        <v>85</v>
      </c>
      <c r="P43119" t="s">
        <v>86</v>
      </c>
      <c r="Q43119">
        <v>25</v>
      </c>
      <c r="R43119">
        <v>26</v>
      </c>
      <c r="S43119">
        <v>26</v>
      </c>
      <c r="T43119">
        <v>26</v>
      </c>
      <c r="U43119">
        <v>26</v>
      </c>
      <c r="V43119">
        <v>26</v>
      </c>
      <c r="W43119">
        <v>26</v>
      </c>
      <c r="X43119">
        <v>27</v>
      </c>
      <c r="Y43119">
        <v>27</v>
      </c>
      <c r="Z43119">
        <v>27</v>
      </c>
      <c r="AA43119">
        <v>27</v>
      </c>
      <c r="AB43119">
        <v>27</v>
      </c>
      <c r="AC43119">
        <v>27</v>
      </c>
      <c r="AD43119">
        <v>28</v>
      </c>
      <c r="AE43119">
        <v>28</v>
      </c>
      <c r="AF43119">
        <v>28</v>
      </c>
      <c r="AG43119">
        <v>28</v>
      </c>
      <c r="AH43119">
        <v>28</v>
      </c>
      <c r="AI43119">
        <v>28</v>
      </c>
      <c r="AJ43119">
        <v>28</v>
      </c>
      <c r="AK43119">
        <v>29</v>
      </c>
      <c r="AL43119">
        <v>29</v>
      </c>
      <c r="AM43119">
        <v>29</v>
      </c>
      <c r="AN43119">
        <v>29</v>
      </c>
      <c r="AO43119">
        <v>29</v>
      </c>
      <c r="AP43119">
        <v>29</v>
      </c>
      <c r="AQ43119">
        <v>30</v>
      </c>
    </row>
    <row r="43120" spans="1:43">
      <c r="A43120" t="s">
        <v>26379</v>
      </c>
      <c r="B43120" t="s">
        <v>26380</v>
      </c>
      <c r="C43120" t="s">
        <v>18411</v>
      </c>
      <c r="D43120" t="s">
        <v>18412</v>
      </c>
      <c r="E43120" t="s">
        <v>18345</v>
      </c>
      <c r="F43120" t="s">
        <v>18346</v>
      </c>
      <c r="G43120" t="s">
        <v>10734</v>
      </c>
      <c r="H43120" t="s">
        <v>10735</v>
      </c>
      <c r="I43120" s="2">
        <v>0</v>
      </c>
      <c r="J43120" s="2">
        <v>0</v>
      </c>
      <c r="K43120" s="2">
        <v>1</v>
      </c>
      <c r="L43120" t="s">
        <v>995</v>
      </c>
      <c r="M43120" t="s">
        <v>89</v>
      </c>
      <c r="N43120" t="s">
        <v>90</v>
      </c>
      <c r="O43120" t="s">
        <v>85</v>
      </c>
      <c r="P43120" t="s">
        <v>86</v>
      </c>
      <c r="Q43120">
        <v>25</v>
      </c>
      <c r="R43120">
        <v>25</v>
      </c>
      <c r="S43120">
        <v>26</v>
      </c>
      <c r="T43120">
        <v>27</v>
      </c>
      <c r="U43120">
        <v>27</v>
      </c>
      <c r="V43120">
        <v>28</v>
      </c>
      <c r="W43120">
        <v>28</v>
      </c>
      <c r="X43120">
        <v>29</v>
      </c>
      <c r="Y43120">
        <v>29</v>
      </c>
      <c r="Z43120">
        <v>30</v>
      </c>
      <c r="AA43120">
        <v>30</v>
      </c>
      <c r="AB43120">
        <v>31</v>
      </c>
      <c r="AC43120">
        <v>31</v>
      </c>
      <c r="AD43120">
        <v>32</v>
      </c>
      <c r="AE43120">
        <v>32</v>
      </c>
      <c r="AF43120">
        <v>32</v>
      </c>
      <c r="AG43120">
        <v>32</v>
      </c>
      <c r="AH43120">
        <v>32</v>
      </c>
      <c r="AI43120">
        <v>33</v>
      </c>
      <c r="AJ43120">
        <v>33</v>
      </c>
      <c r="AK43120">
        <v>33</v>
      </c>
      <c r="AL43120">
        <v>33</v>
      </c>
      <c r="AM43120">
        <v>33</v>
      </c>
      <c r="AN43120">
        <v>33</v>
      </c>
      <c r="AO43120">
        <v>33</v>
      </c>
      <c r="AP43120">
        <v>33</v>
      </c>
      <c r="AQ43120">
        <v>33</v>
      </c>
    </row>
    <row r="43121" spans="1:43">
      <c r="A43121" t="s">
        <v>26379</v>
      </c>
      <c r="B43121" t="s">
        <v>26380</v>
      </c>
      <c r="C43121" t="s">
        <v>18411</v>
      </c>
      <c r="D43121" t="s">
        <v>18412</v>
      </c>
      <c r="E43121" t="s">
        <v>18345</v>
      </c>
      <c r="F43121" t="s">
        <v>18346</v>
      </c>
      <c r="G43121" t="s">
        <v>10734</v>
      </c>
      <c r="H43121" t="s">
        <v>10735</v>
      </c>
      <c r="I43121" s="2">
        <v>0</v>
      </c>
      <c r="J43121" s="2">
        <v>0</v>
      </c>
      <c r="K43121" s="2">
        <v>1</v>
      </c>
      <c r="L43121" t="s">
        <v>995</v>
      </c>
      <c r="M43121" t="s">
        <v>83</v>
      </c>
      <c r="N43121" t="s">
        <v>91</v>
      </c>
      <c r="O43121" t="s">
        <v>85</v>
      </c>
      <c r="P43121" t="s">
        <v>86</v>
      </c>
      <c r="Q43121">
        <v>25</v>
      </c>
      <c r="R43121">
        <v>25</v>
      </c>
      <c r="S43121">
        <v>25</v>
      </c>
      <c r="T43121">
        <v>26</v>
      </c>
      <c r="U43121">
        <v>26</v>
      </c>
      <c r="V43121">
        <v>27</v>
      </c>
      <c r="W43121">
        <v>27</v>
      </c>
      <c r="X43121">
        <v>27</v>
      </c>
      <c r="Y43121">
        <v>28</v>
      </c>
      <c r="Z43121">
        <v>28</v>
      </c>
      <c r="AA43121">
        <v>29</v>
      </c>
      <c r="AB43121">
        <v>29</v>
      </c>
      <c r="AC43121">
        <v>29</v>
      </c>
      <c r="AD43121">
        <v>30</v>
      </c>
      <c r="AE43121">
        <v>30</v>
      </c>
      <c r="AF43121">
        <v>30</v>
      </c>
      <c r="AG43121">
        <v>31</v>
      </c>
      <c r="AH43121">
        <v>31</v>
      </c>
      <c r="AI43121">
        <v>32</v>
      </c>
      <c r="AJ43121">
        <v>32</v>
      </c>
      <c r="AK43121">
        <v>32</v>
      </c>
      <c r="AL43121">
        <v>32</v>
      </c>
      <c r="AM43121">
        <v>33</v>
      </c>
      <c r="AN43121">
        <v>33</v>
      </c>
      <c r="AO43121">
        <v>33</v>
      </c>
      <c r="AP43121">
        <v>33</v>
      </c>
      <c r="AQ43121">
        <v>33</v>
      </c>
    </row>
    <row r="43122" spans="1:43">
      <c r="A43122" t="s">
        <v>26381</v>
      </c>
      <c r="B43122" t="s">
        <v>26382</v>
      </c>
      <c r="C43122" t="s">
        <v>18547</v>
      </c>
      <c r="D43122" t="s">
        <v>18548</v>
      </c>
      <c r="E43122" t="s">
        <v>18345</v>
      </c>
      <c r="F43122" t="s">
        <v>18346</v>
      </c>
      <c r="G43122" t="s">
        <v>10734</v>
      </c>
      <c r="H43122" t="s">
        <v>10735</v>
      </c>
      <c r="I43122" s="2">
        <v>0</v>
      </c>
      <c r="J43122" s="2">
        <v>0</v>
      </c>
      <c r="K43122" s="2">
        <v>1</v>
      </c>
      <c r="L43122" t="s">
        <v>995</v>
      </c>
      <c r="M43122" t="s">
        <v>83</v>
      </c>
      <c r="N43122" t="s">
        <v>84</v>
      </c>
      <c r="O43122" t="s">
        <v>85</v>
      </c>
      <c r="P43122" t="s">
        <v>86</v>
      </c>
      <c r="Q43122">
        <v>44</v>
      </c>
      <c r="R43122">
        <v>45</v>
      </c>
      <c r="S43122">
        <v>46</v>
      </c>
      <c r="T43122">
        <v>46</v>
      </c>
      <c r="U43122">
        <v>47</v>
      </c>
      <c r="V43122">
        <v>48</v>
      </c>
      <c r="W43122">
        <v>49</v>
      </c>
      <c r="X43122">
        <v>49</v>
      </c>
      <c r="Y43122">
        <v>50</v>
      </c>
      <c r="Z43122">
        <v>51</v>
      </c>
      <c r="AA43122">
        <v>52</v>
      </c>
      <c r="AB43122">
        <v>52</v>
      </c>
      <c r="AC43122">
        <v>53</v>
      </c>
      <c r="AD43122">
        <v>54</v>
      </c>
      <c r="AE43122">
        <v>54</v>
      </c>
      <c r="AF43122">
        <v>55</v>
      </c>
      <c r="AG43122">
        <v>56</v>
      </c>
      <c r="AH43122">
        <v>56</v>
      </c>
      <c r="AI43122">
        <v>57</v>
      </c>
      <c r="AJ43122">
        <v>58</v>
      </c>
      <c r="AK43122">
        <v>58</v>
      </c>
      <c r="AL43122">
        <v>59</v>
      </c>
      <c r="AM43122">
        <v>59</v>
      </c>
      <c r="AN43122">
        <v>59</v>
      </c>
      <c r="AO43122">
        <v>59</v>
      </c>
      <c r="AP43122">
        <v>59</v>
      </c>
      <c r="AQ43122">
        <v>59</v>
      </c>
    </row>
    <row r="43123" spans="1:43">
      <c r="A43123" t="s">
        <v>26381</v>
      </c>
      <c r="B43123" t="s">
        <v>26382</v>
      </c>
      <c r="C43123" t="s">
        <v>18547</v>
      </c>
      <c r="D43123" t="s">
        <v>18548</v>
      </c>
      <c r="E43123" t="s">
        <v>18345</v>
      </c>
      <c r="F43123" t="s">
        <v>18346</v>
      </c>
      <c r="G43123" t="s">
        <v>10734</v>
      </c>
      <c r="H43123" t="s">
        <v>10735</v>
      </c>
      <c r="I43123" s="2">
        <v>0</v>
      </c>
      <c r="J43123" s="2">
        <v>0</v>
      </c>
      <c r="K43123" s="2">
        <v>1</v>
      </c>
      <c r="L43123" t="s">
        <v>995</v>
      </c>
      <c r="M43123" t="s">
        <v>87</v>
      </c>
      <c r="N43123" t="s">
        <v>88</v>
      </c>
      <c r="O43123" t="s">
        <v>85</v>
      </c>
      <c r="P43123" t="s">
        <v>86</v>
      </c>
      <c r="Q43123">
        <v>44</v>
      </c>
      <c r="R43123">
        <v>44</v>
      </c>
      <c r="S43123">
        <v>44</v>
      </c>
      <c r="T43123">
        <v>45</v>
      </c>
      <c r="U43123">
        <v>45</v>
      </c>
      <c r="V43123">
        <v>45</v>
      </c>
      <c r="W43123">
        <v>46</v>
      </c>
      <c r="X43123">
        <v>46</v>
      </c>
      <c r="Y43123">
        <v>46</v>
      </c>
      <c r="Z43123">
        <v>47</v>
      </c>
      <c r="AA43123">
        <v>47</v>
      </c>
      <c r="AB43123">
        <v>47</v>
      </c>
      <c r="AC43123">
        <v>48</v>
      </c>
      <c r="AD43123">
        <v>48</v>
      </c>
      <c r="AE43123">
        <v>48</v>
      </c>
      <c r="AF43123">
        <v>49</v>
      </c>
      <c r="AG43123">
        <v>49</v>
      </c>
      <c r="AH43123">
        <v>49</v>
      </c>
      <c r="AI43123">
        <v>49</v>
      </c>
      <c r="AJ43123">
        <v>50</v>
      </c>
      <c r="AK43123">
        <v>50</v>
      </c>
      <c r="AL43123">
        <v>50</v>
      </c>
      <c r="AM43123">
        <v>51</v>
      </c>
      <c r="AN43123">
        <v>51</v>
      </c>
      <c r="AO43123">
        <v>51</v>
      </c>
      <c r="AP43123">
        <v>52</v>
      </c>
      <c r="AQ43123">
        <v>52</v>
      </c>
    </row>
    <row r="43124" spans="1:43">
      <c r="A43124" t="s">
        <v>26381</v>
      </c>
      <c r="B43124" t="s">
        <v>26382</v>
      </c>
      <c r="C43124" t="s">
        <v>18547</v>
      </c>
      <c r="D43124" t="s">
        <v>18548</v>
      </c>
      <c r="E43124" t="s">
        <v>18345</v>
      </c>
      <c r="F43124" t="s">
        <v>18346</v>
      </c>
      <c r="G43124" t="s">
        <v>10734</v>
      </c>
      <c r="H43124" t="s">
        <v>10735</v>
      </c>
      <c r="I43124" s="2">
        <v>0</v>
      </c>
      <c r="J43124" s="2">
        <v>0</v>
      </c>
      <c r="K43124" s="2">
        <v>1</v>
      </c>
      <c r="L43124" t="s">
        <v>995</v>
      </c>
      <c r="M43124" t="s">
        <v>89</v>
      </c>
      <c r="N43124" t="s">
        <v>90</v>
      </c>
      <c r="O43124" t="s">
        <v>85</v>
      </c>
      <c r="P43124" t="s">
        <v>86</v>
      </c>
      <c r="Q43124">
        <v>44</v>
      </c>
      <c r="R43124">
        <v>45</v>
      </c>
      <c r="S43124">
        <v>46</v>
      </c>
      <c r="T43124">
        <v>47</v>
      </c>
      <c r="U43124">
        <v>48</v>
      </c>
      <c r="V43124">
        <v>49</v>
      </c>
      <c r="W43124">
        <v>50</v>
      </c>
      <c r="X43124">
        <v>51</v>
      </c>
      <c r="Y43124">
        <v>52</v>
      </c>
      <c r="Z43124">
        <v>53</v>
      </c>
      <c r="AA43124">
        <v>54</v>
      </c>
      <c r="AB43124">
        <v>55</v>
      </c>
      <c r="AC43124">
        <v>55</v>
      </c>
      <c r="AD43124">
        <v>56</v>
      </c>
      <c r="AE43124">
        <v>57</v>
      </c>
      <c r="AF43124">
        <v>57</v>
      </c>
      <c r="AG43124">
        <v>57</v>
      </c>
      <c r="AH43124">
        <v>57</v>
      </c>
      <c r="AI43124">
        <v>58</v>
      </c>
      <c r="AJ43124">
        <v>58</v>
      </c>
      <c r="AK43124">
        <v>58</v>
      </c>
      <c r="AL43124">
        <v>58</v>
      </c>
      <c r="AM43124">
        <v>58</v>
      </c>
      <c r="AN43124">
        <v>58</v>
      </c>
      <c r="AO43124">
        <v>59</v>
      </c>
      <c r="AP43124">
        <v>59</v>
      </c>
      <c r="AQ43124">
        <v>59</v>
      </c>
    </row>
    <row r="43125" spans="1:43">
      <c r="A43125" t="s">
        <v>26381</v>
      </c>
      <c r="B43125" t="s">
        <v>26382</v>
      </c>
      <c r="C43125" t="s">
        <v>18547</v>
      </c>
      <c r="D43125" t="s">
        <v>18548</v>
      </c>
      <c r="E43125" t="s">
        <v>18345</v>
      </c>
      <c r="F43125" t="s">
        <v>18346</v>
      </c>
      <c r="G43125" t="s">
        <v>10734</v>
      </c>
      <c r="H43125" t="s">
        <v>10735</v>
      </c>
      <c r="I43125" s="2">
        <v>0</v>
      </c>
      <c r="J43125" s="2">
        <v>0</v>
      </c>
      <c r="K43125" s="2">
        <v>1</v>
      </c>
      <c r="L43125" t="s">
        <v>995</v>
      </c>
      <c r="M43125" t="s">
        <v>83</v>
      </c>
      <c r="N43125" t="s">
        <v>91</v>
      </c>
      <c r="O43125" t="s">
        <v>85</v>
      </c>
      <c r="P43125" t="s">
        <v>86</v>
      </c>
      <c r="Q43125">
        <v>44</v>
      </c>
      <c r="R43125">
        <v>45</v>
      </c>
      <c r="S43125">
        <v>46</v>
      </c>
      <c r="T43125">
        <v>46</v>
      </c>
      <c r="U43125">
        <v>47</v>
      </c>
      <c r="V43125">
        <v>48</v>
      </c>
      <c r="W43125">
        <v>49</v>
      </c>
      <c r="X43125">
        <v>49</v>
      </c>
      <c r="Y43125">
        <v>50</v>
      </c>
      <c r="Z43125">
        <v>51</v>
      </c>
      <c r="AA43125">
        <v>52</v>
      </c>
      <c r="AB43125">
        <v>52</v>
      </c>
      <c r="AC43125">
        <v>53</v>
      </c>
      <c r="AD43125">
        <v>54</v>
      </c>
      <c r="AE43125">
        <v>54</v>
      </c>
      <c r="AF43125">
        <v>55</v>
      </c>
      <c r="AG43125">
        <v>56</v>
      </c>
      <c r="AH43125">
        <v>56</v>
      </c>
      <c r="AI43125">
        <v>57</v>
      </c>
      <c r="AJ43125">
        <v>58</v>
      </c>
      <c r="AK43125">
        <v>58</v>
      </c>
      <c r="AL43125">
        <v>59</v>
      </c>
      <c r="AM43125">
        <v>59</v>
      </c>
      <c r="AN43125">
        <v>59</v>
      </c>
      <c r="AO43125">
        <v>59</v>
      </c>
      <c r="AP43125">
        <v>59</v>
      </c>
      <c r="AQ43125">
        <v>59</v>
      </c>
    </row>
    <row r="43126" spans="1:43">
      <c r="A43126" t="s">
        <v>26383</v>
      </c>
      <c r="B43126" t="s">
        <v>26384</v>
      </c>
      <c r="C43126" t="s">
        <v>18547</v>
      </c>
      <c r="D43126" t="s">
        <v>18548</v>
      </c>
      <c r="E43126" t="s">
        <v>18345</v>
      </c>
      <c r="F43126" t="s">
        <v>18346</v>
      </c>
      <c r="G43126" t="s">
        <v>10734</v>
      </c>
      <c r="H43126" t="s">
        <v>10735</v>
      </c>
      <c r="I43126" s="2">
        <v>0</v>
      </c>
      <c r="J43126" s="2">
        <v>0</v>
      </c>
      <c r="K43126" s="2">
        <v>1</v>
      </c>
      <c r="L43126" t="s">
        <v>995</v>
      </c>
      <c r="M43126" t="s">
        <v>83</v>
      </c>
      <c r="N43126" t="s">
        <v>84</v>
      </c>
      <c r="O43126" t="s">
        <v>85</v>
      </c>
      <c r="P43126" t="s">
        <v>86</v>
      </c>
      <c r="Q43126">
        <v>41</v>
      </c>
      <c r="R43126">
        <v>42</v>
      </c>
      <c r="S43126">
        <v>43</v>
      </c>
      <c r="T43126">
        <v>44</v>
      </c>
      <c r="U43126">
        <v>44</v>
      </c>
      <c r="V43126">
        <v>45</v>
      </c>
      <c r="W43126">
        <v>46</v>
      </c>
      <c r="X43126">
        <v>46</v>
      </c>
      <c r="Y43126">
        <v>47</v>
      </c>
      <c r="Z43126">
        <v>48</v>
      </c>
      <c r="AA43126">
        <v>48</v>
      </c>
      <c r="AB43126">
        <v>49</v>
      </c>
      <c r="AC43126">
        <v>50</v>
      </c>
      <c r="AD43126">
        <v>50</v>
      </c>
      <c r="AE43126">
        <v>51</v>
      </c>
      <c r="AF43126">
        <v>52</v>
      </c>
      <c r="AG43126">
        <v>52</v>
      </c>
      <c r="AH43126">
        <v>53</v>
      </c>
      <c r="AI43126">
        <v>53</v>
      </c>
      <c r="AJ43126">
        <v>54</v>
      </c>
      <c r="AK43126">
        <v>55</v>
      </c>
      <c r="AL43126">
        <v>55</v>
      </c>
      <c r="AM43126">
        <v>55</v>
      </c>
      <c r="AN43126">
        <v>55</v>
      </c>
      <c r="AO43126">
        <v>55</v>
      </c>
      <c r="AP43126">
        <v>55</v>
      </c>
      <c r="AQ43126">
        <v>56</v>
      </c>
    </row>
    <row r="43127" spans="1:43">
      <c r="A43127" t="s">
        <v>26383</v>
      </c>
      <c r="B43127" t="s">
        <v>26384</v>
      </c>
      <c r="C43127" t="s">
        <v>18547</v>
      </c>
      <c r="D43127" t="s">
        <v>18548</v>
      </c>
      <c r="E43127" t="s">
        <v>18345</v>
      </c>
      <c r="F43127" t="s">
        <v>18346</v>
      </c>
      <c r="G43127" t="s">
        <v>10734</v>
      </c>
      <c r="H43127" t="s">
        <v>10735</v>
      </c>
      <c r="I43127" s="2">
        <v>0</v>
      </c>
      <c r="J43127" s="2">
        <v>0</v>
      </c>
      <c r="K43127" s="2">
        <v>1</v>
      </c>
      <c r="L43127" t="s">
        <v>995</v>
      </c>
      <c r="M43127" t="s">
        <v>87</v>
      </c>
      <c r="N43127" t="s">
        <v>88</v>
      </c>
      <c r="O43127" t="s">
        <v>85</v>
      </c>
      <c r="P43127" t="s">
        <v>86</v>
      </c>
      <c r="Q43127">
        <v>41</v>
      </c>
      <c r="R43127">
        <v>41</v>
      </c>
      <c r="S43127">
        <v>42</v>
      </c>
      <c r="T43127">
        <v>42</v>
      </c>
      <c r="U43127">
        <v>42</v>
      </c>
      <c r="V43127">
        <v>43</v>
      </c>
      <c r="W43127">
        <v>43</v>
      </c>
      <c r="X43127">
        <v>43</v>
      </c>
      <c r="Y43127">
        <v>43</v>
      </c>
      <c r="Z43127">
        <v>44</v>
      </c>
      <c r="AA43127">
        <v>44</v>
      </c>
      <c r="AB43127">
        <v>44</v>
      </c>
      <c r="AC43127">
        <v>45</v>
      </c>
      <c r="AD43127">
        <v>45</v>
      </c>
      <c r="AE43127">
        <v>45</v>
      </c>
      <c r="AF43127">
        <v>45</v>
      </c>
      <c r="AG43127">
        <v>46</v>
      </c>
      <c r="AH43127">
        <v>46</v>
      </c>
      <c r="AI43127">
        <v>46</v>
      </c>
      <c r="AJ43127">
        <v>47</v>
      </c>
      <c r="AK43127">
        <v>47</v>
      </c>
      <c r="AL43127">
        <v>47</v>
      </c>
      <c r="AM43127">
        <v>47</v>
      </c>
      <c r="AN43127">
        <v>48</v>
      </c>
      <c r="AO43127">
        <v>48</v>
      </c>
      <c r="AP43127">
        <v>48</v>
      </c>
      <c r="AQ43127">
        <v>49</v>
      </c>
    </row>
    <row r="43128" spans="1:43">
      <c r="A43128" t="s">
        <v>26383</v>
      </c>
      <c r="B43128" t="s">
        <v>26384</v>
      </c>
      <c r="C43128" t="s">
        <v>18547</v>
      </c>
      <c r="D43128" t="s">
        <v>18548</v>
      </c>
      <c r="E43128" t="s">
        <v>18345</v>
      </c>
      <c r="F43128" t="s">
        <v>18346</v>
      </c>
      <c r="G43128" t="s">
        <v>10734</v>
      </c>
      <c r="H43128" t="s">
        <v>10735</v>
      </c>
      <c r="I43128" s="2">
        <v>0</v>
      </c>
      <c r="J43128" s="2">
        <v>0</v>
      </c>
      <c r="K43128" s="2">
        <v>1</v>
      </c>
      <c r="L43128" t="s">
        <v>995</v>
      </c>
      <c r="M43128" t="s">
        <v>89</v>
      </c>
      <c r="N43128" t="s">
        <v>90</v>
      </c>
      <c r="O43128" t="s">
        <v>85</v>
      </c>
      <c r="P43128" t="s">
        <v>86</v>
      </c>
      <c r="Q43128">
        <v>41</v>
      </c>
      <c r="R43128">
        <v>42</v>
      </c>
      <c r="S43128">
        <v>43</v>
      </c>
      <c r="T43128">
        <v>44</v>
      </c>
      <c r="U43128">
        <v>45</v>
      </c>
      <c r="V43128">
        <v>46</v>
      </c>
      <c r="W43128">
        <v>47</v>
      </c>
      <c r="X43128">
        <v>48</v>
      </c>
      <c r="Y43128">
        <v>49</v>
      </c>
      <c r="Z43128">
        <v>50</v>
      </c>
      <c r="AA43128">
        <v>50</v>
      </c>
      <c r="AB43128">
        <v>51</v>
      </c>
      <c r="AC43128">
        <v>52</v>
      </c>
      <c r="AD43128">
        <v>53</v>
      </c>
      <c r="AE43128">
        <v>53</v>
      </c>
      <c r="AF43128">
        <v>53</v>
      </c>
      <c r="AG43128">
        <v>54</v>
      </c>
      <c r="AH43128">
        <v>54</v>
      </c>
      <c r="AI43128">
        <v>54</v>
      </c>
      <c r="AJ43128">
        <v>54</v>
      </c>
      <c r="AK43128">
        <v>54</v>
      </c>
      <c r="AL43128">
        <v>54</v>
      </c>
      <c r="AM43128">
        <v>55</v>
      </c>
      <c r="AN43128">
        <v>55</v>
      </c>
      <c r="AO43128">
        <v>55</v>
      </c>
      <c r="AP43128">
        <v>55</v>
      </c>
      <c r="AQ43128">
        <v>55</v>
      </c>
    </row>
    <row r="43129" spans="1:43">
      <c r="A43129" t="s">
        <v>26383</v>
      </c>
      <c r="B43129" t="s">
        <v>26384</v>
      </c>
      <c r="C43129" t="s">
        <v>18547</v>
      </c>
      <c r="D43129" t="s">
        <v>18548</v>
      </c>
      <c r="E43129" t="s">
        <v>18345</v>
      </c>
      <c r="F43129" t="s">
        <v>18346</v>
      </c>
      <c r="G43129" t="s">
        <v>10734</v>
      </c>
      <c r="H43129" t="s">
        <v>10735</v>
      </c>
      <c r="I43129" s="2">
        <v>0</v>
      </c>
      <c r="J43129" s="2">
        <v>0</v>
      </c>
      <c r="K43129" s="2">
        <v>1</v>
      </c>
      <c r="L43129" t="s">
        <v>995</v>
      </c>
      <c r="M43129" t="s">
        <v>83</v>
      </c>
      <c r="N43129" t="s">
        <v>91</v>
      </c>
      <c r="O43129" t="s">
        <v>85</v>
      </c>
      <c r="P43129" t="s">
        <v>86</v>
      </c>
      <c r="Q43129">
        <v>41</v>
      </c>
      <c r="R43129">
        <v>42</v>
      </c>
      <c r="S43129">
        <v>43</v>
      </c>
      <c r="T43129">
        <v>44</v>
      </c>
      <c r="U43129">
        <v>44</v>
      </c>
      <c r="V43129">
        <v>45</v>
      </c>
      <c r="W43129">
        <v>46</v>
      </c>
      <c r="X43129">
        <v>46</v>
      </c>
      <c r="Y43129">
        <v>47</v>
      </c>
      <c r="Z43129">
        <v>48</v>
      </c>
      <c r="AA43129">
        <v>48</v>
      </c>
      <c r="AB43129">
        <v>49</v>
      </c>
      <c r="AC43129">
        <v>50</v>
      </c>
      <c r="AD43129">
        <v>50</v>
      </c>
      <c r="AE43129">
        <v>51</v>
      </c>
      <c r="AF43129">
        <v>52</v>
      </c>
      <c r="AG43129">
        <v>52</v>
      </c>
      <c r="AH43129">
        <v>53</v>
      </c>
      <c r="AI43129">
        <v>53</v>
      </c>
      <c r="AJ43129">
        <v>54</v>
      </c>
      <c r="AK43129">
        <v>55</v>
      </c>
      <c r="AL43129">
        <v>55</v>
      </c>
      <c r="AM43129">
        <v>55</v>
      </c>
      <c r="AN43129">
        <v>55</v>
      </c>
      <c r="AO43129">
        <v>55</v>
      </c>
      <c r="AP43129">
        <v>55</v>
      </c>
      <c r="AQ43129">
        <v>56</v>
      </c>
    </row>
    <row r="43130" spans="1:43">
      <c r="A43130" t="s">
        <v>26385</v>
      </c>
      <c r="B43130" t="s">
        <v>26386</v>
      </c>
      <c r="C43130" t="s">
        <v>18717</v>
      </c>
      <c r="D43130" t="s">
        <v>18718</v>
      </c>
      <c r="E43130" t="s">
        <v>18691</v>
      </c>
      <c r="F43130" t="s">
        <v>18692</v>
      </c>
      <c r="G43130" t="s">
        <v>10734</v>
      </c>
      <c r="H43130" t="s">
        <v>10735</v>
      </c>
      <c r="I43130" s="2">
        <v>0</v>
      </c>
      <c r="J43130" s="2">
        <v>0</v>
      </c>
      <c r="K43130" s="2">
        <v>0.25</v>
      </c>
      <c r="L43130" t="s">
        <v>995</v>
      </c>
      <c r="M43130" t="s">
        <v>83</v>
      </c>
      <c r="N43130" t="s">
        <v>84</v>
      </c>
      <c r="O43130" t="s">
        <v>85</v>
      </c>
      <c r="P43130" t="s">
        <v>86</v>
      </c>
      <c r="Q43130">
        <v>8</v>
      </c>
      <c r="R43130">
        <v>8</v>
      </c>
      <c r="S43130">
        <v>8</v>
      </c>
      <c r="T43130">
        <v>8</v>
      </c>
      <c r="U43130">
        <v>8</v>
      </c>
      <c r="V43130">
        <v>9</v>
      </c>
      <c r="W43130">
        <v>9</v>
      </c>
      <c r="X43130">
        <v>9</v>
      </c>
      <c r="Y43130">
        <v>9</v>
      </c>
      <c r="Z43130">
        <v>10</v>
      </c>
      <c r="AA43130">
        <v>10</v>
      </c>
      <c r="AB43130">
        <v>10</v>
      </c>
      <c r="AC43130">
        <v>10</v>
      </c>
      <c r="AD43130">
        <v>11</v>
      </c>
      <c r="AE43130">
        <v>11</v>
      </c>
      <c r="AF43130">
        <v>11</v>
      </c>
      <c r="AG43130">
        <v>11</v>
      </c>
      <c r="AH43130">
        <v>12</v>
      </c>
      <c r="AI43130">
        <v>12</v>
      </c>
      <c r="AJ43130">
        <v>12</v>
      </c>
      <c r="AK43130">
        <v>13</v>
      </c>
      <c r="AL43130">
        <v>13</v>
      </c>
      <c r="AM43130">
        <v>13</v>
      </c>
      <c r="AN43130">
        <v>13</v>
      </c>
      <c r="AO43130">
        <v>13</v>
      </c>
      <c r="AP43130">
        <v>13</v>
      </c>
      <c r="AQ43130">
        <v>14</v>
      </c>
    </row>
    <row r="43131" spans="1:43">
      <c r="A43131" t="s">
        <v>26385</v>
      </c>
      <c r="B43131" t="s">
        <v>26386</v>
      </c>
      <c r="C43131" t="s">
        <v>18717</v>
      </c>
      <c r="D43131" t="s">
        <v>18718</v>
      </c>
      <c r="E43131" t="s">
        <v>18691</v>
      </c>
      <c r="F43131" t="s">
        <v>18692</v>
      </c>
      <c r="G43131" t="s">
        <v>10734</v>
      </c>
      <c r="H43131" t="s">
        <v>10735</v>
      </c>
      <c r="I43131" s="2">
        <v>0</v>
      </c>
      <c r="J43131" s="2">
        <v>0</v>
      </c>
      <c r="K43131" s="2">
        <v>0.25</v>
      </c>
      <c r="L43131" t="s">
        <v>995</v>
      </c>
      <c r="M43131" t="s">
        <v>87</v>
      </c>
      <c r="N43131" t="s">
        <v>88</v>
      </c>
      <c r="O43131" t="s">
        <v>85</v>
      </c>
      <c r="P43131" t="s">
        <v>86</v>
      </c>
      <c r="Q43131">
        <v>8</v>
      </c>
      <c r="R43131">
        <v>8</v>
      </c>
      <c r="S43131">
        <v>8</v>
      </c>
      <c r="T43131">
        <v>8</v>
      </c>
      <c r="U43131">
        <v>8</v>
      </c>
      <c r="V43131">
        <v>8</v>
      </c>
      <c r="W43131">
        <v>8</v>
      </c>
      <c r="X43131">
        <v>9</v>
      </c>
      <c r="Y43131">
        <v>9</v>
      </c>
      <c r="Z43131">
        <v>9</v>
      </c>
      <c r="AA43131">
        <v>9</v>
      </c>
      <c r="AB43131">
        <v>9</v>
      </c>
      <c r="AC43131">
        <v>9</v>
      </c>
      <c r="AD43131">
        <v>9</v>
      </c>
      <c r="AE43131">
        <v>10</v>
      </c>
      <c r="AF43131">
        <v>10</v>
      </c>
      <c r="AG43131">
        <v>10</v>
      </c>
      <c r="AH43131">
        <v>10</v>
      </c>
      <c r="AI43131">
        <v>10</v>
      </c>
      <c r="AJ43131">
        <v>10</v>
      </c>
      <c r="AK43131">
        <v>11</v>
      </c>
      <c r="AL43131">
        <v>11</v>
      </c>
      <c r="AM43131">
        <v>11</v>
      </c>
      <c r="AN43131">
        <v>11</v>
      </c>
      <c r="AO43131">
        <v>11</v>
      </c>
      <c r="AP43131">
        <v>12</v>
      </c>
      <c r="AQ43131">
        <v>12</v>
      </c>
    </row>
    <row r="43132" spans="1:43">
      <c r="A43132" t="s">
        <v>26385</v>
      </c>
      <c r="B43132" t="s">
        <v>26386</v>
      </c>
      <c r="C43132" t="s">
        <v>18717</v>
      </c>
      <c r="D43132" t="s">
        <v>18718</v>
      </c>
      <c r="E43132" t="s">
        <v>18691</v>
      </c>
      <c r="F43132" t="s">
        <v>18692</v>
      </c>
      <c r="G43132" t="s">
        <v>10734</v>
      </c>
      <c r="H43132" t="s">
        <v>10735</v>
      </c>
      <c r="I43132" s="2">
        <v>0</v>
      </c>
      <c r="J43132" s="2">
        <v>0</v>
      </c>
      <c r="K43132" s="2">
        <v>0.25</v>
      </c>
      <c r="L43132" t="s">
        <v>995</v>
      </c>
      <c r="M43132" t="s">
        <v>89</v>
      </c>
      <c r="N43132" t="s">
        <v>90</v>
      </c>
      <c r="O43132" t="s">
        <v>85</v>
      </c>
      <c r="P43132" t="s">
        <v>86</v>
      </c>
      <c r="Q43132">
        <v>8</v>
      </c>
      <c r="R43132">
        <v>8</v>
      </c>
      <c r="S43132">
        <v>8</v>
      </c>
      <c r="T43132">
        <v>8</v>
      </c>
      <c r="U43132">
        <v>9</v>
      </c>
      <c r="V43132">
        <v>9</v>
      </c>
      <c r="W43132">
        <v>9</v>
      </c>
      <c r="X43132">
        <v>10</v>
      </c>
      <c r="Y43132">
        <v>10</v>
      </c>
      <c r="Z43132">
        <v>10</v>
      </c>
      <c r="AA43132">
        <v>11</v>
      </c>
      <c r="AB43132">
        <v>11</v>
      </c>
      <c r="AC43132">
        <v>11</v>
      </c>
      <c r="AD43132">
        <v>11</v>
      </c>
      <c r="AE43132">
        <v>12</v>
      </c>
      <c r="AF43132">
        <v>12</v>
      </c>
      <c r="AG43132">
        <v>12</v>
      </c>
      <c r="AH43132">
        <v>12</v>
      </c>
      <c r="AI43132">
        <v>12</v>
      </c>
      <c r="AJ43132">
        <v>13</v>
      </c>
      <c r="AK43132">
        <v>13</v>
      </c>
      <c r="AL43132">
        <v>13</v>
      </c>
      <c r="AM43132">
        <v>13</v>
      </c>
      <c r="AN43132">
        <v>13</v>
      </c>
      <c r="AO43132">
        <v>13</v>
      </c>
      <c r="AP43132">
        <v>14</v>
      </c>
      <c r="AQ43132">
        <v>14</v>
      </c>
    </row>
    <row r="43133" spans="1:43">
      <c r="A43133" t="s">
        <v>26385</v>
      </c>
      <c r="B43133" t="s">
        <v>26386</v>
      </c>
      <c r="C43133" t="s">
        <v>18717</v>
      </c>
      <c r="D43133" t="s">
        <v>18718</v>
      </c>
      <c r="E43133" t="s">
        <v>18691</v>
      </c>
      <c r="F43133" t="s">
        <v>18692</v>
      </c>
      <c r="G43133" t="s">
        <v>10734</v>
      </c>
      <c r="H43133" t="s">
        <v>10735</v>
      </c>
      <c r="I43133" s="2">
        <v>0</v>
      </c>
      <c r="J43133" s="2">
        <v>0</v>
      </c>
      <c r="K43133" s="2">
        <v>0.25</v>
      </c>
      <c r="L43133" t="s">
        <v>995</v>
      </c>
      <c r="M43133" t="s">
        <v>83</v>
      </c>
      <c r="N43133" t="s">
        <v>91</v>
      </c>
      <c r="O43133" t="s">
        <v>85</v>
      </c>
      <c r="P43133" t="s">
        <v>86</v>
      </c>
      <c r="Q43133">
        <v>8</v>
      </c>
      <c r="R43133">
        <v>8</v>
      </c>
      <c r="S43133">
        <v>8</v>
      </c>
      <c r="T43133">
        <v>8</v>
      </c>
      <c r="U43133">
        <v>8</v>
      </c>
      <c r="V43133">
        <v>9</v>
      </c>
      <c r="W43133">
        <v>9</v>
      </c>
      <c r="X43133">
        <v>9</v>
      </c>
      <c r="Y43133">
        <v>9</v>
      </c>
      <c r="Z43133">
        <v>10</v>
      </c>
      <c r="AA43133">
        <v>10</v>
      </c>
      <c r="AB43133">
        <v>10</v>
      </c>
      <c r="AC43133">
        <v>10</v>
      </c>
      <c r="AD43133">
        <v>11</v>
      </c>
      <c r="AE43133">
        <v>11</v>
      </c>
      <c r="AF43133">
        <v>11</v>
      </c>
      <c r="AG43133">
        <v>11</v>
      </c>
      <c r="AH43133">
        <v>12</v>
      </c>
      <c r="AI43133">
        <v>12</v>
      </c>
      <c r="AJ43133">
        <v>12</v>
      </c>
      <c r="AK43133">
        <v>13</v>
      </c>
      <c r="AL43133">
        <v>13</v>
      </c>
      <c r="AM43133">
        <v>13</v>
      </c>
      <c r="AN43133">
        <v>13</v>
      </c>
      <c r="AO43133">
        <v>13</v>
      </c>
      <c r="AP43133">
        <v>13</v>
      </c>
      <c r="AQ43133">
        <v>14</v>
      </c>
    </row>
    <row r="43134" spans="1:43">
      <c r="A43134" t="s">
        <v>26387</v>
      </c>
      <c r="B43134" t="s">
        <v>26388</v>
      </c>
      <c r="C43134" t="s">
        <v>18717</v>
      </c>
      <c r="D43134" t="s">
        <v>18718</v>
      </c>
      <c r="E43134" t="s">
        <v>18691</v>
      </c>
      <c r="F43134" t="s">
        <v>18692</v>
      </c>
      <c r="G43134" t="s">
        <v>10734</v>
      </c>
      <c r="H43134" t="s">
        <v>10735</v>
      </c>
      <c r="I43134" s="2">
        <v>0</v>
      </c>
      <c r="J43134" s="2">
        <v>0</v>
      </c>
      <c r="K43134" s="2">
        <v>1</v>
      </c>
      <c r="L43134" t="s">
        <v>995</v>
      </c>
      <c r="M43134" t="s">
        <v>83</v>
      </c>
      <c r="N43134" t="s">
        <v>84</v>
      </c>
      <c r="O43134" t="s">
        <v>85</v>
      </c>
      <c r="P43134" t="s">
        <v>86</v>
      </c>
      <c r="Q43134">
        <v>16</v>
      </c>
      <c r="R43134">
        <v>17</v>
      </c>
      <c r="S43134">
        <v>17</v>
      </c>
      <c r="T43134">
        <v>18</v>
      </c>
      <c r="U43134">
        <v>18</v>
      </c>
      <c r="V43134">
        <v>19</v>
      </c>
      <c r="W43134">
        <v>19</v>
      </c>
      <c r="X43134">
        <v>20</v>
      </c>
      <c r="Y43134">
        <v>20</v>
      </c>
      <c r="Z43134">
        <v>21</v>
      </c>
      <c r="AA43134">
        <v>21</v>
      </c>
      <c r="AB43134">
        <v>22</v>
      </c>
      <c r="AC43134">
        <v>22</v>
      </c>
      <c r="AD43134">
        <v>23</v>
      </c>
      <c r="AE43134">
        <v>24</v>
      </c>
      <c r="AF43134">
        <v>24</v>
      </c>
      <c r="AG43134">
        <v>25</v>
      </c>
      <c r="AH43134">
        <v>25</v>
      </c>
      <c r="AI43134">
        <v>26</v>
      </c>
      <c r="AJ43134">
        <v>27</v>
      </c>
      <c r="AK43134">
        <v>27</v>
      </c>
      <c r="AL43134">
        <v>28</v>
      </c>
      <c r="AM43134">
        <v>28</v>
      </c>
      <c r="AN43134">
        <v>28</v>
      </c>
      <c r="AO43134">
        <v>29</v>
      </c>
      <c r="AP43134">
        <v>29</v>
      </c>
      <c r="AQ43134">
        <v>30</v>
      </c>
    </row>
    <row r="43135" spans="1:43">
      <c r="A43135" t="s">
        <v>26387</v>
      </c>
      <c r="B43135" t="s">
        <v>26388</v>
      </c>
      <c r="C43135" t="s">
        <v>18717</v>
      </c>
      <c r="D43135" t="s">
        <v>18718</v>
      </c>
      <c r="E43135" t="s">
        <v>18691</v>
      </c>
      <c r="F43135" t="s">
        <v>18692</v>
      </c>
      <c r="G43135" t="s">
        <v>10734</v>
      </c>
      <c r="H43135" t="s">
        <v>10735</v>
      </c>
      <c r="I43135" s="2">
        <v>0</v>
      </c>
      <c r="J43135" s="2">
        <v>0</v>
      </c>
      <c r="K43135" s="2">
        <v>1</v>
      </c>
      <c r="L43135" t="s">
        <v>995</v>
      </c>
      <c r="M43135" t="s">
        <v>87</v>
      </c>
      <c r="N43135" t="s">
        <v>88</v>
      </c>
      <c r="O43135" t="s">
        <v>85</v>
      </c>
      <c r="P43135" t="s">
        <v>86</v>
      </c>
      <c r="Q43135">
        <v>16</v>
      </c>
      <c r="R43135">
        <v>17</v>
      </c>
      <c r="S43135">
        <v>17</v>
      </c>
      <c r="T43135">
        <v>17</v>
      </c>
      <c r="U43135">
        <v>18</v>
      </c>
      <c r="V43135">
        <v>18</v>
      </c>
      <c r="W43135">
        <v>18</v>
      </c>
      <c r="X43135">
        <v>18</v>
      </c>
      <c r="Y43135">
        <v>19</v>
      </c>
      <c r="Z43135">
        <v>19</v>
      </c>
      <c r="AA43135">
        <v>19</v>
      </c>
      <c r="AB43135">
        <v>20</v>
      </c>
      <c r="AC43135">
        <v>20</v>
      </c>
      <c r="AD43135">
        <v>21</v>
      </c>
      <c r="AE43135">
        <v>21</v>
      </c>
      <c r="AF43135">
        <v>21</v>
      </c>
      <c r="AG43135">
        <v>22</v>
      </c>
      <c r="AH43135">
        <v>22</v>
      </c>
      <c r="AI43135">
        <v>22</v>
      </c>
      <c r="AJ43135">
        <v>23</v>
      </c>
      <c r="AK43135">
        <v>23</v>
      </c>
      <c r="AL43135">
        <v>24</v>
      </c>
      <c r="AM43135">
        <v>24</v>
      </c>
      <c r="AN43135">
        <v>24</v>
      </c>
      <c r="AO43135">
        <v>25</v>
      </c>
      <c r="AP43135">
        <v>25</v>
      </c>
      <c r="AQ43135">
        <v>26</v>
      </c>
    </row>
    <row r="43136" spans="1:43">
      <c r="A43136" t="s">
        <v>26387</v>
      </c>
      <c r="B43136" t="s">
        <v>26388</v>
      </c>
      <c r="C43136" t="s">
        <v>18717</v>
      </c>
      <c r="D43136" t="s">
        <v>18718</v>
      </c>
      <c r="E43136" t="s">
        <v>18691</v>
      </c>
      <c r="F43136" t="s">
        <v>18692</v>
      </c>
      <c r="G43136" t="s">
        <v>10734</v>
      </c>
      <c r="H43136" t="s">
        <v>10735</v>
      </c>
      <c r="I43136" s="2">
        <v>0</v>
      </c>
      <c r="J43136" s="2">
        <v>0</v>
      </c>
      <c r="K43136" s="2">
        <v>1</v>
      </c>
      <c r="L43136" t="s">
        <v>995</v>
      </c>
      <c r="M43136" t="s">
        <v>89</v>
      </c>
      <c r="N43136" t="s">
        <v>90</v>
      </c>
      <c r="O43136" t="s">
        <v>85</v>
      </c>
      <c r="P43136" t="s">
        <v>86</v>
      </c>
      <c r="Q43136">
        <v>16</v>
      </c>
      <c r="R43136">
        <v>16</v>
      </c>
      <c r="S43136">
        <v>17</v>
      </c>
      <c r="T43136">
        <v>17</v>
      </c>
      <c r="U43136">
        <v>18</v>
      </c>
      <c r="V43136">
        <v>19</v>
      </c>
      <c r="W43136">
        <v>19</v>
      </c>
      <c r="X43136">
        <v>20</v>
      </c>
      <c r="Y43136">
        <v>21</v>
      </c>
      <c r="Z43136">
        <v>21</v>
      </c>
      <c r="AA43136">
        <v>22</v>
      </c>
      <c r="AB43136">
        <v>22</v>
      </c>
      <c r="AC43136">
        <v>23</v>
      </c>
      <c r="AD43136">
        <v>24</v>
      </c>
      <c r="AE43136">
        <v>24</v>
      </c>
      <c r="AF43136">
        <v>25</v>
      </c>
      <c r="AG43136">
        <v>25</v>
      </c>
      <c r="AH43136">
        <v>25</v>
      </c>
      <c r="AI43136">
        <v>26</v>
      </c>
      <c r="AJ43136">
        <v>26</v>
      </c>
      <c r="AK43136">
        <v>26</v>
      </c>
      <c r="AL43136">
        <v>27</v>
      </c>
      <c r="AM43136">
        <v>27</v>
      </c>
      <c r="AN43136">
        <v>28</v>
      </c>
      <c r="AO43136">
        <v>28</v>
      </c>
      <c r="AP43136">
        <v>28</v>
      </c>
      <c r="AQ43136">
        <v>29</v>
      </c>
    </row>
    <row r="43137" spans="1:43">
      <c r="A43137" t="s">
        <v>26387</v>
      </c>
      <c r="B43137" t="s">
        <v>26388</v>
      </c>
      <c r="C43137" t="s">
        <v>18717</v>
      </c>
      <c r="D43137" t="s">
        <v>18718</v>
      </c>
      <c r="E43137" t="s">
        <v>18691</v>
      </c>
      <c r="F43137" t="s">
        <v>18692</v>
      </c>
      <c r="G43137" t="s">
        <v>10734</v>
      </c>
      <c r="H43137" t="s">
        <v>10735</v>
      </c>
      <c r="I43137" s="2">
        <v>0</v>
      </c>
      <c r="J43137" s="2">
        <v>0</v>
      </c>
      <c r="K43137" s="2">
        <v>1</v>
      </c>
      <c r="L43137" t="s">
        <v>995</v>
      </c>
      <c r="M43137" t="s">
        <v>83</v>
      </c>
      <c r="N43137" t="s">
        <v>91</v>
      </c>
      <c r="O43137" t="s">
        <v>85</v>
      </c>
      <c r="P43137" t="s">
        <v>86</v>
      </c>
      <c r="Q43137">
        <v>16</v>
      </c>
      <c r="R43137">
        <v>17</v>
      </c>
      <c r="S43137">
        <v>17</v>
      </c>
      <c r="T43137">
        <v>18</v>
      </c>
      <c r="U43137">
        <v>18</v>
      </c>
      <c r="V43137">
        <v>19</v>
      </c>
      <c r="W43137">
        <v>19</v>
      </c>
      <c r="X43137">
        <v>20</v>
      </c>
      <c r="Y43137">
        <v>20</v>
      </c>
      <c r="Z43137">
        <v>21</v>
      </c>
      <c r="AA43137">
        <v>21</v>
      </c>
      <c r="AB43137">
        <v>22</v>
      </c>
      <c r="AC43137">
        <v>22</v>
      </c>
      <c r="AD43137">
        <v>23</v>
      </c>
      <c r="AE43137">
        <v>24</v>
      </c>
      <c r="AF43137">
        <v>24</v>
      </c>
      <c r="AG43137">
        <v>25</v>
      </c>
      <c r="AH43137">
        <v>25</v>
      </c>
      <c r="AI43137">
        <v>26</v>
      </c>
      <c r="AJ43137">
        <v>27</v>
      </c>
      <c r="AK43137">
        <v>27</v>
      </c>
      <c r="AL43137">
        <v>28</v>
      </c>
      <c r="AM43137">
        <v>28</v>
      </c>
      <c r="AN43137">
        <v>28</v>
      </c>
      <c r="AO43137">
        <v>29</v>
      </c>
      <c r="AP43137">
        <v>29</v>
      </c>
      <c r="AQ43137">
        <v>30</v>
      </c>
    </row>
    <row r="43138" spans="1:43">
      <c r="A43138" t="s">
        <v>26389</v>
      </c>
      <c r="B43138" t="s">
        <v>26390</v>
      </c>
      <c r="C43138" t="s">
        <v>18689</v>
      </c>
      <c r="D43138" t="s">
        <v>18690</v>
      </c>
      <c r="E43138" t="s">
        <v>18691</v>
      </c>
      <c r="F43138" t="s">
        <v>18692</v>
      </c>
      <c r="G43138" t="s">
        <v>10734</v>
      </c>
      <c r="H43138" t="s">
        <v>10735</v>
      </c>
      <c r="I43138" s="2">
        <v>0</v>
      </c>
      <c r="J43138" s="2">
        <v>0</v>
      </c>
      <c r="K43138" s="2">
        <v>1</v>
      </c>
      <c r="L43138" t="s">
        <v>995</v>
      </c>
      <c r="M43138" t="s">
        <v>83</v>
      </c>
      <c r="N43138" t="s">
        <v>84</v>
      </c>
      <c r="O43138" t="s">
        <v>85</v>
      </c>
      <c r="P43138" t="s">
        <v>86</v>
      </c>
      <c r="Q43138">
        <v>4</v>
      </c>
      <c r="R43138">
        <v>4</v>
      </c>
      <c r="S43138">
        <v>4</v>
      </c>
      <c r="T43138">
        <v>4</v>
      </c>
      <c r="U43138">
        <v>5</v>
      </c>
      <c r="V43138">
        <v>5</v>
      </c>
      <c r="W43138">
        <v>5</v>
      </c>
      <c r="X43138">
        <v>5</v>
      </c>
      <c r="Y43138">
        <v>5</v>
      </c>
      <c r="Z43138">
        <v>5</v>
      </c>
      <c r="AA43138">
        <v>5</v>
      </c>
      <c r="AB43138">
        <v>5</v>
      </c>
      <c r="AC43138">
        <v>6</v>
      </c>
      <c r="AD43138">
        <v>6</v>
      </c>
      <c r="AE43138">
        <v>6</v>
      </c>
      <c r="AF43138">
        <v>6</v>
      </c>
      <c r="AG43138">
        <v>6</v>
      </c>
      <c r="AH43138">
        <v>6</v>
      </c>
      <c r="AI43138">
        <v>7</v>
      </c>
      <c r="AJ43138">
        <v>7</v>
      </c>
      <c r="AK43138">
        <v>7</v>
      </c>
      <c r="AL43138">
        <v>7</v>
      </c>
      <c r="AM43138">
        <v>7</v>
      </c>
      <c r="AN43138">
        <v>7</v>
      </c>
      <c r="AO43138">
        <v>7</v>
      </c>
      <c r="AP43138">
        <v>7</v>
      </c>
      <c r="AQ43138">
        <v>7</v>
      </c>
    </row>
    <row r="43139" spans="1:43">
      <c r="A43139" t="s">
        <v>26389</v>
      </c>
      <c r="B43139" t="s">
        <v>26390</v>
      </c>
      <c r="C43139" t="s">
        <v>18689</v>
      </c>
      <c r="D43139" t="s">
        <v>18690</v>
      </c>
      <c r="E43139" t="s">
        <v>18691</v>
      </c>
      <c r="F43139" t="s">
        <v>18692</v>
      </c>
      <c r="G43139" t="s">
        <v>10734</v>
      </c>
      <c r="H43139" t="s">
        <v>10735</v>
      </c>
      <c r="I43139" s="2">
        <v>0</v>
      </c>
      <c r="J43139" s="2">
        <v>0</v>
      </c>
      <c r="K43139" s="2">
        <v>1</v>
      </c>
      <c r="L43139" t="s">
        <v>995</v>
      </c>
      <c r="M43139" t="s">
        <v>87</v>
      </c>
      <c r="N43139" t="s">
        <v>88</v>
      </c>
      <c r="O43139" t="s">
        <v>85</v>
      </c>
      <c r="P43139" t="s">
        <v>86</v>
      </c>
      <c r="Q43139">
        <v>4</v>
      </c>
      <c r="R43139">
        <v>4</v>
      </c>
      <c r="S43139">
        <v>4</v>
      </c>
      <c r="T43139">
        <v>4</v>
      </c>
      <c r="U43139">
        <v>4</v>
      </c>
      <c r="V43139">
        <v>4</v>
      </c>
      <c r="W43139">
        <v>5</v>
      </c>
      <c r="X43139">
        <v>5</v>
      </c>
      <c r="Y43139">
        <v>5</v>
      </c>
      <c r="Z43139">
        <v>5</v>
      </c>
      <c r="AA43139">
        <v>5</v>
      </c>
      <c r="AB43139">
        <v>5</v>
      </c>
      <c r="AC43139">
        <v>5</v>
      </c>
      <c r="AD43139">
        <v>5</v>
      </c>
      <c r="AE43139">
        <v>5</v>
      </c>
      <c r="AF43139">
        <v>5</v>
      </c>
      <c r="AG43139">
        <v>5</v>
      </c>
      <c r="AH43139">
        <v>6</v>
      </c>
      <c r="AI43139">
        <v>6</v>
      </c>
      <c r="AJ43139">
        <v>6</v>
      </c>
      <c r="AK43139">
        <v>6</v>
      </c>
      <c r="AL43139">
        <v>6</v>
      </c>
      <c r="AM43139">
        <v>6</v>
      </c>
      <c r="AN43139">
        <v>6</v>
      </c>
      <c r="AO43139">
        <v>6</v>
      </c>
      <c r="AP43139">
        <v>6</v>
      </c>
      <c r="AQ43139">
        <v>6</v>
      </c>
    </row>
    <row r="43140" spans="1:43">
      <c r="A43140" t="s">
        <v>26389</v>
      </c>
      <c r="B43140" t="s">
        <v>26390</v>
      </c>
      <c r="C43140" t="s">
        <v>18689</v>
      </c>
      <c r="D43140" t="s">
        <v>18690</v>
      </c>
      <c r="E43140" t="s">
        <v>18691</v>
      </c>
      <c r="F43140" t="s">
        <v>18692</v>
      </c>
      <c r="G43140" t="s">
        <v>10734</v>
      </c>
      <c r="H43140" t="s">
        <v>10735</v>
      </c>
      <c r="I43140" s="2">
        <v>0</v>
      </c>
      <c r="J43140" s="2">
        <v>0</v>
      </c>
      <c r="K43140" s="2">
        <v>1</v>
      </c>
      <c r="L43140" t="s">
        <v>995</v>
      </c>
      <c r="M43140" t="s">
        <v>89</v>
      </c>
      <c r="N43140" t="s">
        <v>90</v>
      </c>
      <c r="O43140" t="s">
        <v>85</v>
      </c>
      <c r="P43140" t="s">
        <v>86</v>
      </c>
      <c r="Q43140">
        <v>4</v>
      </c>
      <c r="R43140">
        <v>4</v>
      </c>
      <c r="S43140">
        <v>4</v>
      </c>
      <c r="T43140">
        <v>5</v>
      </c>
      <c r="U43140">
        <v>5</v>
      </c>
      <c r="V43140">
        <v>5</v>
      </c>
      <c r="W43140">
        <v>5</v>
      </c>
      <c r="X43140">
        <v>5</v>
      </c>
      <c r="Y43140">
        <v>5</v>
      </c>
      <c r="Z43140">
        <v>6</v>
      </c>
      <c r="AA43140">
        <v>6</v>
      </c>
      <c r="AB43140">
        <v>6</v>
      </c>
      <c r="AC43140">
        <v>6</v>
      </c>
      <c r="AD43140">
        <v>6</v>
      </c>
      <c r="AE43140">
        <v>6</v>
      </c>
      <c r="AF43140">
        <v>6</v>
      </c>
      <c r="AG43140">
        <v>7</v>
      </c>
      <c r="AH43140">
        <v>7</v>
      </c>
      <c r="AI43140">
        <v>7</v>
      </c>
      <c r="AJ43140">
        <v>7</v>
      </c>
      <c r="AK43140">
        <v>7</v>
      </c>
      <c r="AL43140">
        <v>7</v>
      </c>
      <c r="AM43140">
        <v>7</v>
      </c>
      <c r="AN43140">
        <v>7</v>
      </c>
      <c r="AO43140">
        <v>7</v>
      </c>
      <c r="AP43140">
        <v>7</v>
      </c>
      <c r="AQ43140">
        <v>7</v>
      </c>
    </row>
    <row r="43141" spans="1:43">
      <c r="A43141" t="s">
        <v>26389</v>
      </c>
      <c r="B43141" t="s">
        <v>26390</v>
      </c>
      <c r="C43141" t="s">
        <v>18689</v>
      </c>
      <c r="D43141" t="s">
        <v>18690</v>
      </c>
      <c r="E43141" t="s">
        <v>18691</v>
      </c>
      <c r="F43141" t="s">
        <v>18692</v>
      </c>
      <c r="G43141" t="s">
        <v>10734</v>
      </c>
      <c r="H43141" t="s">
        <v>10735</v>
      </c>
      <c r="I43141" s="2">
        <v>0</v>
      </c>
      <c r="J43141" s="2">
        <v>0</v>
      </c>
      <c r="K43141" s="2">
        <v>1</v>
      </c>
      <c r="L43141" t="s">
        <v>995</v>
      </c>
      <c r="M43141" t="s">
        <v>83</v>
      </c>
      <c r="N43141" t="s">
        <v>91</v>
      </c>
      <c r="O43141" t="s">
        <v>85</v>
      </c>
      <c r="P43141" t="s">
        <v>86</v>
      </c>
      <c r="Q43141">
        <v>4</v>
      </c>
      <c r="R43141">
        <v>4</v>
      </c>
      <c r="S43141">
        <v>4</v>
      </c>
      <c r="T43141">
        <v>4</v>
      </c>
      <c r="U43141">
        <v>5</v>
      </c>
      <c r="V43141">
        <v>5</v>
      </c>
      <c r="W43141">
        <v>5</v>
      </c>
      <c r="X43141">
        <v>5</v>
      </c>
      <c r="Y43141">
        <v>5</v>
      </c>
      <c r="Z43141">
        <v>5</v>
      </c>
      <c r="AA43141">
        <v>5</v>
      </c>
      <c r="AB43141">
        <v>5</v>
      </c>
      <c r="AC43141">
        <v>6</v>
      </c>
      <c r="AD43141">
        <v>6</v>
      </c>
      <c r="AE43141">
        <v>6</v>
      </c>
      <c r="AF43141">
        <v>6</v>
      </c>
      <c r="AG43141">
        <v>6</v>
      </c>
      <c r="AH43141">
        <v>6</v>
      </c>
      <c r="AI43141">
        <v>7</v>
      </c>
      <c r="AJ43141">
        <v>7</v>
      </c>
      <c r="AK43141">
        <v>7</v>
      </c>
      <c r="AL43141">
        <v>7</v>
      </c>
      <c r="AM43141">
        <v>7</v>
      </c>
      <c r="AN43141">
        <v>7</v>
      </c>
      <c r="AO43141">
        <v>7</v>
      </c>
      <c r="AP43141">
        <v>7</v>
      </c>
      <c r="AQ43141">
        <v>7</v>
      </c>
    </row>
    <row r="43142" spans="1:43">
      <c r="A43142" t="s">
        <v>26391</v>
      </c>
      <c r="B43142" t="s">
        <v>26392</v>
      </c>
      <c r="C43142" t="s">
        <v>18689</v>
      </c>
      <c r="D43142" t="s">
        <v>18690</v>
      </c>
      <c r="E43142" t="s">
        <v>18691</v>
      </c>
      <c r="F43142" t="s">
        <v>18692</v>
      </c>
      <c r="G43142" t="s">
        <v>10734</v>
      </c>
      <c r="H43142" t="s">
        <v>10735</v>
      </c>
      <c r="I43142" s="2">
        <v>0</v>
      </c>
      <c r="J43142" s="2">
        <v>0</v>
      </c>
      <c r="K43142" s="2">
        <v>1</v>
      </c>
      <c r="L43142" t="s">
        <v>995</v>
      </c>
      <c r="M43142" t="s">
        <v>83</v>
      </c>
      <c r="N43142" t="s">
        <v>84</v>
      </c>
      <c r="O43142" t="s">
        <v>85</v>
      </c>
      <c r="P43142" t="s">
        <v>86</v>
      </c>
      <c r="Q43142">
        <v>9</v>
      </c>
      <c r="R43142">
        <v>10</v>
      </c>
      <c r="S43142">
        <v>10</v>
      </c>
      <c r="T43142">
        <v>10</v>
      </c>
      <c r="U43142">
        <v>10</v>
      </c>
      <c r="V43142">
        <v>11</v>
      </c>
      <c r="W43142">
        <v>11</v>
      </c>
      <c r="X43142">
        <v>11</v>
      </c>
      <c r="Y43142">
        <v>12</v>
      </c>
      <c r="Z43142">
        <v>12</v>
      </c>
      <c r="AA43142">
        <v>12</v>
      </c>
      <c r="AB43142">
        <v>12</v>
      </c>
      <c r="AC43142">
        <v>13</v>
      </c>
      <c r="AD43142">
        <v>13</v>
      </c>
      <c r="AE43142">
        <v>13</v>
      </c>
      <c r="AF43142">
        <v>14</v>
      </c>
      <c r="AG43142">
        <v>14</v>
      </c>
      <c r="AH43142">
        <v>14</v>
      </c>
      <c r="AI43142">
        <v>15</v>
      </c>
      <c r="AJ43142">
        <v>15</v>
      </c>
      <c r="AK43142">
        <v>16</v>
      </c>
      <c r="AL43142">
        <v>16</v>
      </c>
      <c r="AM43142">
        <v>16</v>
      </c>
      <c r="AN43142">
        <v>16</v>
      </c>
      <c r="AO43142">
        <v>16</v>
      </c>
      <c r="AP43142">
        <v>17</v>
      </c>
      <c r="AQ43142">
        <v>17</v>
      </c>
    </row>
    <row r="43143" spans="1:43">
      <c r="A43143" t="s">
        <v>26391</v>
      </c>
      <c r="B43143" t="s">
        <v>26392</v>
      </c>
      <c r="C43143" t="s">
        <v>18689</v>
      </c>
      <c r="D43143" t="s">
        <v>18690</v>
      </c>
      <c r="E43143" t="s">
        <v>18691</v>
      </c>
      <c r="F43143" t="s">
        <v>18692</v>
      </c>
      <c r="G43143" t="s">
        <v>10734</v>
      </c>
      <c r="H43143" t="s">
        <v>10735</v>
      </c>
      <c r="I43143" s="2">
        <v>0</v>
      </c>
      <c r="J43143" s="2">
        <v>0</v>
      </c>
      <c r="K43143" s="2">
        <v>1</v>
      </c>
      <c r="L43143" t="s">
        <v>995</v>
      </c>
      <c r="M43143" t="s">
        <v>87</v>
      </c>
      <c r="N43143" t="s">
        <v>88</v>
      </c>
      <c r="O43143" t="s">
        <v>85</v>
      </c>
      <c r="P43143" t="s">
        <v>86</v>
      </c>
      <c r="Q43143">
        <v>9</v>
      </c>
      <c r="R43143">
        <v>9</v>
      </c>
      <c r="S43143">
        <v>10</v>
      </c>
      <c r="T43143">
        <v>10</v>
      </c>
      <c r="U43143">
        <v>10</v>
      </c>
      <c r="V43143">
        <v>10</v>
      </c>
      <c r="W43143">
        <v>10</v>
      </c>
      <c r="X43143">
        <v>10</v>
      </c>
      <c r="Y43143">
        <v>11</v>
      </c>
      <c r="Z43143">
        <v>11</v>
      </c>
      <c r="AA43143">
        <v>11</v>
      </c>
      <c r="AB43143">
        <v>11</v>
      </c>
      <c r="AC43143">
        <v>11</v>
      </c>
      <c r="AD43143">
        <v>12</v>
      </c>
      <c r="AE43143">
        <v>12</v>
      </c>
      <c r="AF43143">
        <v>12</v>
      </c>
      <c r="AG43143">
        <v>12</v>
      </c>
      <c r="AH43143">
        <v>13</v>
      </c>
      <c r="AI43143">
        <v>13</v>
      </c>
      <c r="AJ43143">
        <v>13</v>
      </c>
      <c r="AK43143">
        <v>13</v>
      </c>
      <c r="AL43143">
        <v>13</v>
      </c>
      <c r="AM43143">
        <v>14</v>
      </c>
      <c r="AN43143">
        <v>14</v>
      </c>
      <c r="AO43143">
        <v>14</v>
      </c>
      <c r="AP43143">
        <v>14</v>
      </c>
      <c r="AQ43143">
        <v>15</v>
      </c>
    </row>
    <row r="43144" spans="1:43">
      <c r="A43144" t="s">
        <v>26391</v>
      </c>
      <c r="B43144" t="s">
        <v>26392</v>
      </c>
      <c r="C43144" t="s">
        <v>18689</v>
      </c>
      <c r="D43144" t="s">
        <v>18690</v>
      </c>
      <c r="E43144" t="s">
        <v>18691</v>
      </c>
      <c r="F43144" t="s">
        <v>18692</v>
      </c>
      <c r="G43144" t="s">
        <v>10734</v>
      </c>
      <c r="H43144" t="s">
        <v>10735</v>
      </c>
      <c r="I43144" s="2">
        <v>0</v>
      </c>
      <c r="J43144" s="2">
        <v>0</v>
      </c>
      <c r="K43144" s="2">
        <v>1</v>
      </c>
      <c r="L43144" t="s">
        <v>995</v>
      </c>
      <c r="M43144" t="s">
        <v>89</v>
      </c>
      <c r="N43144" t="s">
        <v>90</v>
      </c>
      <c r="O43144" t="s">
        <v>85</v>
      </c>
      <c r="P43144" t="s">
        <v>86</v>
      </c>
      <c r="Q43144">
        <v>9</v>
      </c>
      <c r="R43144">
        <v>10</v>
      </c>
      <c r="S43144">
        <v>10</v>
      </c>
      <c r="T43144">
        <v>10</v>
      </c>
      <c r="U43144">
        <v>11</v>
      </c>
      <c r="V43144">
        <v>11</v>
      </c>
      <c r="W43144">
        <v>11</v>
      </c>
      <c r="X43144">
        <v>12</v>
      </c>
      <c r="Y43144">
        <v>12</v>
      </c>
      <c r="Z43144">
        <v>13</v>
      </c>
      <c r="AA43144">
        <v>13</v>
      </c>
      <c r="AB43144">
        <v>13</v>
      </c>
      <c r="AC43144">
        <v>14</v>
      </c>
      <c r="AD43144">
        <v>14</v>
      </c>
      <c r="AE43144">
        <v>14</v>
      </c>
      <c r="AF43144">
        <v>15</v>
      </c>
      <c r="AG43144">
        <v>15</v>
      </c>
      <c r="AH43144">
        <v>15</v>
      </c>
      <c r="AI43144">
        <v>15</v>
      </c>
      <c r="AJ43144">
        <v>15</v>
      </c>
      <c r="AK43144">
        <v>16</v>
      </c>
      <c r="AL43144">
        <v>16</v>
      </c>
      <c r="AM43144">
        <v>16</v>
      </c>
      <c r="AN43144">
        <v>16</v>
      </c>
      <c r="AO43144">
        <v>17</v>
      </c>
      <c r="AP43144">
        <v>17</v>
      </c>
      <c r="AQ43144">
        <v>17</v>
      </c>
    </row>
    <row r="43145" spans="1:43">
      <c r="A43145" t="s">
        <v>26391</v>
      </c>
      <c r="B43145" t="s">
        <v>26392</v>
      </c>
      <c r="C43145" t="s">
        <v>18689</v>
      </c>
      <c r="D43145" t="s">
        <v>18690</v>
      </c>
      <c r="E43145" t="s">
        <v>18691</v>
      </c>
      <c r="F43145" t="s">
        <v>18692</v>
      </c>
      <c r="G43145" t="s">
        <v>10734</v>
      </c>
      <c r="H43145" t="s">
        <v>10735</v>
      </c>
      <c r="I43145" s="2">
        <v>0</v>
      </c>
      <c r="J43145" s="2">
        <v>0</v>
      </c>
      <c r="K43145" s="2">
        <v>1</v>
      </c>
      <c r="L43145" t="s">
        <v>995</v>
      </c>
      <c r="M43145" t="s">
        <v>83</v>
      </c>
      <c r="N43145" t="s">
        <v>91</v>
      </c>
      <c r="O43145" t="s">
        <v>85</v>
      </c>
      <c r="P43145" t="s">
        <v>86</v>
      </c>
      <c r="Q43145">
        <v>9</v>
      </c>
      <c r="R43145">
        <v>10</v>
      </c>
      <c r="S43145">
        <v>10</v>
      </c>
      <c r="T43145">
        <v>10</v>
      </c>
      <c r="U43145">
        <v>10</v>
      </c>
      <c r="V43145">
        <v>11</v>
      </c>
      <c r="W43145">
        <v>11</v>
      </c>
      <c r="X43145">
        <v>11</v>
      </c>
      <c r="Y43145">
        <v>12</v>
      </c>
      <c r="Z43145">
        <v>12</v>
      </c>
      <c r="AA43145">
        <v>12</v>
      </c>
      <c r="AB43145">
        <v>12</v>
      </c>
      <c r="AC43145">
        <v>13</v>
      </c>
      <c r="AD43145">
        <v>13</v>
      </c>
      <c r="AE43145">
        <v>13</v>
      </c>
      <c r="AF43145">
        <v>14</v>
      </c>
      <c r="AG43145">
        <v>14</v>
      </c>
      <c r="AH43145">
        <v>14</v>
      </c>
      <c r="AI43145">
        <v>15</v>
      </c>
      <c r="AJ43145">
        <v>15</v>
      </c>
      <c r="AK43145">
        <v>16</v>
      </c>
      <c r="AL43145">
        <v>16</v>
      </c>
      <c r="AM43145">
        <v>16</v>
      </c>
      <c r="AN43145">
        <v>16</v>
      </c>
      <c r="AO43145">
        <v>16</v>
      </c>
      <c r="AP43145">
        <v>17</v>
      </c>
      <c r="AQ43145">
        <v>17</v>
      </c>
    </row>
    <row r="43146" spans="1:43">
      <c r="A43146" t="s">
        <v>26393</v>
      </c>
      <c r="B43146" t="s">
        <v>26394</v>
      </c>
      <c r="C43146" t="s">
        <v>19787</v>
      </c>
      <c r="D43146" t="s">
        <v>19788</v>
      </c>
      <c r="E43146" t="s">
        <v>19721</v>
      </c>
      <c r="F43146" t="s">
        <v>19722</v>
      </c>
      <c r="G43146" t="s">
        <v>10734</v>
      </c>
      <c r="H43146" t="s">
        <v>10735</v>
      </c>
      <c r="I43146" s="2">
        <v>0</v>
      </c>
      <c r="J43146" s="2">
        <v>0</v>
      </c>
      <c r="K43146" s="2">
        <v>1</v>
      </c>
      <c r="L43146" t="s">
        <v>995</v>
      </c>
      <c r="M43146" t="s">
        <v>83</v>
      </c>
      <c r="N43146" t="s">
        <v>84</v>
      </c>
      <c r="O43146" t="s">
        <v>85</v>
      </c>
      <c r="P43146" t="s">
        <v>86</v>
      </c>
      <c r="Q43146">
        <v>133</v>
      </c>
      <c r="R43146">
        <v>135</v>
      </c>
      <c r="S43146">
        <v>137</v>
      </c>
      <c r="T43146">
        <v>138</v>
      </c>
      <c r="U43146">
        <v>139</v>
      </c>
      <c r="V43146">
        <v>141</v>
      </c>
      <c r="W43146">
        <v>142</v>
      </c>
      <c r="X43146">
        <v>144</v>
      </c>
      <c r="Y43146">
        <v>145</v>
      </c>
      <c r="Z43146">
        <v>147</v>
      </c>
      <c r="AA43146">
        <v>148</v>
      </c>
      <c r="AB43146">
        <v>149</v>
      </c>
      <c r="AC43146">
        <v>151</v>
      </c>
      <c r="AD43146">
        <v>152</v>
      </c>
      <c r="AE43146">
        <v>153</v>
      </c>
      <c r="AF43146">
        <v>155</v>
      </c>
      <c r="AG43146">
        <v>156</v>
      </c>
      <c r="AH43146">
        <v>158</v>
      </c>
      <c r="AI43146">
        <v>159</v>
      </c>
      <c r="AJ43146">
        <v>161</v>
      </c>
      <c r="AK43146">
        <v>162</v>
      </c>
      <c r="AL43146">
        <v>163</v>
      </c>
      <c r="AM43146">
        <v>163</v>
      </c>
      <c r="AN43146">
        <v>163</v>
      </c>
      <c r="AO43146">
        <v>163</v>
      </c>
      <c r="AP43146">
        <v>164</v>
      </c>
      <c r="AQ43146">
        <v>164</v>
      </c>
    </row>
    <row r="43147" spans="1:43">
      <c r="A43147" t="s">
        <v>26393</v>
      </c>
      <c r="B43147" t="s">
        <v>26394</v>
      </c>
      <c r="C43147" t="s">
        <v>19787</v>
      </c>
      <c r="D43147" t="s">
        <v>19788</v>
      </c>
      <c r="E43147" t="s">
        <v>19721</v>
      </c>
      <c r="F43147" t="s">
        <v>19722</v>
      </c>
      <c r="G43147" t="s">
        <v>10734</v>
      </c>
      <c r="H43147" t="s">
        <v>10735</v>
      </c>
      <c r="I43147" s="2">
        <v>0</v>
      </c>
      <c r="J43147" s="2">
        <v>0</v>
      </c>
      <c r="K43147" s="2">
        <v>1</v>
      </c>
      <c r="L43147" t="s">
        <v>995</v>
      </c>
      <c r="M43147" t="s">
        <v>87</v>
      </c>
      <c r="N43147" t="s">
        <v>88</v>
      </c>
      <c r="O43147" t="s">
        <v>85</v>
      </c>
      <c r="P43147" t="s">
        <v>86</v>
      </c>
      <c r="Q43147">
        <v>133</v>
      </c>
      <c r="R43147">
        <v>133</v>
      </c>
      <c r="S43147">
        <v>134</v>
      </c>
      <c r="T43147">
        <v>134</v>
      </c>
      <c r="U43147">
        <v>134</v>
      </c>
      <c r="V43147">
        <v>134</v>
      </c>
      <c r="W43147">
        <v>135</v>
      </c>
      <c r="X43147">
        <v>135</v>
      </c>
      <c r="Y43147">
        <v>135</v>
      </c>
      <c r="Z43147">
        <v>135</v>
      </c>
      <c r="AA43147">
        <v>136</v>
      </c>
      <c r="AB43147">
        <v>136</v>
      </c>
      <c r="AC43147">
        <v>136</v>
      </c>
      <c r="AD43147">
        <v>137</v>
      </c>
      <c r="AE43147">
        <v>137</v>
      </c>
      <c r="AF43147">
        <v>137</v>
      </c>
      <c r="AG43147">
        <v>138</v>
      </c>
      <c r="AH43147">
        <v>138</v>
      </c>
      <c r="AI43147">
        <v>138</v>
      </c>
      <c r="AJ43147">
        <v>139</v>
      </c>
      <c r="AK43147">
        <v>139</v>
      </c>
      <c r="AL43147">
        <v>140</v>
      </c>
      <c r="AM43147">
        <v>140</v>
      </c>
      <c r="AN43147">
        <v>141</v>
      </c>
      <c r="AO43147">
        <v>141</v>
      </c>
      <c r="AP43147">
        <v>142</v>
      </c>
      <c r="AQ43147">
        <v>142</v>
      </c>
    </row>
    <row r="43148" spans="1:43">
      <c r="A43148" t="s">
        <v>26393</v>
      </c>
      <c r="B43148" t="s">
        <v>26394</v>
      </c>
      <c r="C43148" t="s">
        <v>19787</v>
      </c>
      <c r="D43148" t="s">
        <v>19788</v>
      </c>
      <c r="E43148" t="s">
        <v>19721</v>
      </c>
      <c r="F43148" t="s">
        <v>19722</v>
      </c>
      <c r="G43148" t="s">
        <v>10734</v>
      </c>
      <c r="H43148" t="s">
        <v>10735</v>
      </c>
      <c r="I43148" s="2">
        <v>0</v>
      </c>
      <c r="J43148" s="2">
        <v>0</v>
      </c>
      <c r="K43148" s="2">
        <v>1</v>
      </c>
      <c r="L43148" t="s">
        <v>995</v>
      </c>
      <c r="M43148" t="s">
        <v>89</v>
      </c>
      <c r="N43148" t="s">
        <v>90</v>
      </c>
      <c r="O43148" t="s">
        <v>85</v>
      </c>
      <c r="P43148" t="s">
        <v>86</v>
      </c>
      <c r="Q43148">
        <v>133</v>
      </c>
      <c r="R43148">
        <v>135</v>
      </c>
      <c r="S43148">
        <v>138</v>
      </c>
      <c r="T43148">
        <v>141</v>
      </c>
      <c r="U43148">
        <v>143</v>
      </c>
      <c r="V43148">
        <v>145</v>
      </c>
      <c r="W43148">
        <v>148</v>
      </c>
      <c r="X43148">
        <v>150</v>
      </c>
      <c r="Y43148">
        <v>152</v>
      </c>
      <c r="Z43148">
        <v>154</v>
      </c>
      <c r="AA43148">
        <v>156</v>
      </c>
      <c r="AB43148">
        <v>157</v>
      </c>
      <c r="AC43148">
        <v>159</v>
      </c>
      <c r="AD43148">
        <v>161</v>
      </c>
      <c r="AE43148">
        <v>162</v>
      </c>
      <c r="AF43148">
        <v>162</v>
      </c>
      <c r="AG43148">
        <v>163</v>
      </c>
      <c r="AH43148">
        <v>163</v>
      </c>
      <c r="AI43148">
        <v>163</v>
      </c>
      <c r="AJ43148">
        <v>163</v>
      </c>
      <c r="AK43148">
        <v>163</v>
      </c>
      <c r="AL43148">
        <v>163</v>
      </c>
      <c r="AM43148">
        <v>163</v>
      </c>
      <c r="AN43148">
        <v>164</v>
      </c>
      <c r="AO43148">
        <v>164</v>
      </c>
      <c r="AP43148">
        <v>164</v>
      </c>
      <c r="AQ43148">
        <v>164</v>
      </c>
    </row>
    <row r="43149" spans="1:43">
      <c r="A43149" t="s">
        <v>26393</v>
      </c>
      <c r="B43149" t="s">
        <v>26394</v>
      </c>
      <c r="C43149" t="s">
        <v>19787</v>
      </c>
      <c r="D43149" t="s">
        <v>19788</v>
      </c>
      <c r="E43149" t="s">
        <v>19721</v>
      </c>
      <c r="F43149" t="s">
        <v>19722</v>
      </c>
      <c r="G43149" t="s">
        <v>10734</v>
      </c>
      <c r="H43149" t="s">
        <v>10735</v>
      </c>
      <c r="I43149" s="2">
        <v>0</v>
      </c>
      <c r="J43149" s="2">
        <v>0</v>
      </c>
      <c r="K43149" s="2">
        <v>1</v>
      </c>
      <c r="L43149" t="s">
        <v>995</v>
      </c>
      <c r="M43149" t="s">
        <v>83</v>
      </c>
      <c r="N43149" t="s">
        <v>91</v>
      </c>
      <c r="O43149" t="s">
        <v>85</v>
      </c>
      <c r="P43149" t="s">
        <v>86</v>
      </c>
      <c r="Q43149">
        <v>133</v>
      </c>
      <c r="R43149">
        <v>135</v>
      </c>
      <c r="S43149">
        <v>137</v>
      </c>
      <c r="T43149">
        <v>138</v>
      </c>
      <c r="U43149">
        <v>139</v>
      </c>
      <c r="V43149">
        <v>141</v>
      </c>
      <c r="W43149">
        <v>142</v>
      </c>
      <c r="X43149">
        <v>144</v>
      </c>
      <c r="Y43149">
        <v>145</v>
      </c>
      <c r="Z43149">
        <v>147</v>
      </c>
      <c r="AA43149">
        <v>148</v>
      </c>
      <c r="AB43149">
        <v>149</v>
      </c>
      <c r="AC43149">
        <v>151</v>
      </c>
      <c r="AD43149">
        <v>152</v>
      </c>
      <c r="AE43149">
        <v>153</v>
      </c>
      <c r="AF43149">
        <v>155</v>
      </c>
      <c r="AG43149">
        <v>156</v>
      </c>
      <c r="AH43149">
        <v>158</v>
      </c>
      <c r="AI43149">
        <v>159</v>
      </c>
      <c r="AJ43149">
        <v>161</v>
      </c>
      <c r="AK43149">
        <v>162</v>
      </c>
      <c r="AL43149">
        <v>163</v>
      </c>
      <c r="AM43149">
        <v>163</v>
      </c>
      <c r="AN43149">
        <v>163</v>
      </c>
      <c r="AO43149">
        <v>163</v>
      </c>
      <c r="AP43149">
        <v>164</v>
      </c>
      <c r="AQ43149">
        <v>164</v>
      </c>
    </row>
    <row r="43150" spans="1:43">
      <c r="A43150" t="s">
        <v>26395</v>
      </c>
      <c r="B43150" t="s">
        <v>26396</v>
      </c>
      <c r="C43150" t="s">
        <v>19787</v>
      </c>
      <c r="D43150" t="s">
        <v>19788</v>
      </c>
      <c r="E43150" t="s">
        <v>19721</v>
      </c>
      <c r="F43150" t="s">
        <v>19722</v>
      </c>
      <c r="G43150" t="s">
        <v>10734</v>
      </c>
      <c r="H43150" t="s">
        <v>10735</v>
      </c>
      <c r="I43150" s="2">
        <v>0</v>
      </c>
      <c r="J43150" s="2">
        <v>0</v>
      </c>
      <c r="K43150" s="2">
        <v>1</v>
      </c>
      <c r="L43150" t="s">
        <v>995</v>
      </c>
      <c r="M43150" t="s">
        <v>83</v>
      </c>
      <c r="N43150" t="s">
        <v>84</v>
      </c>
      <c r="O43150" t="s">
        <v>85</v>
      </c>
      <c r="P43150" t="s">
        <v>86</v>
      </c>
      <c r="Q43150">
        <v>80</v>
      </c>
      <c r="R43150">
        <v>81</v>
      </c>
      <c r="S43150">
        <v>82</v>
      </c>
      <c r="T43150">
        <v>83</v>
      </c>
      <c r="U43150">
        <v>83</v>
      </c>
      <c r="V43150">
        <v>84</v>
      </c>
      <c r="W43150">
        <v>85</v>
      </c>
      <c r="X43150">
        <v>86</v>
      </c>
      <c r="Y43150">
        <v>87</v>
      </c>
      <c r="Z43150">
        <v>88</v>
      </c>
      <c r="AA43150">
        <v>88</v>
      </c>
      <c r="AB43150">
        <v>89</v>
      </c>
      <c r="AC43150">
        <v>90</v>
      </c>
      <c r="AD43150">
        <v>91</v>
      </c>
      <c r="AE43150">
        <v>92</v>
      </c>
      <c r="AF43150">
        <v>93</v>
      </c>
      <c r="AG43150">
        <v>93</v>
      </c>
      <c r="AH43150">
        <v>94</v>
      </c>
      <c r="AI43150">
        <v>95</v>
      </c>
      <c r="AJ43150">
        <v>96</v>
      </c>
      <c r="AK43150">
        <v>97</v>
      </c>
      <c r="AL43150">
        <v>97</v>
      </c>
      <c r="AM43150">
        <v>97</v>
      </c>
      <c r="AN43150">
        <v>97</v>
      </c>
      <c r="AO43150">
        <v>98</v>
      </c>
      <c r="AP43150">
        <v>98</v>
      </c>
      <c r="AQ43150">
        <v>98</v>
      </c>
    </row>
    <row r="43151" spans="1:43">
      <c r="A43151" t="s">
        <v>26395</v>
      </c>
      <c r="B43151" t="s">
        <v>26396</v>
      </c>
      <c r="C43151" t="s">
        <v>19787</v>
      </c>
      <c r="D43151" t="s">
        <v>19788</v>
      </c>
      <c r="E43151" t="s">
        <v>19721</v>
      </c>
      <c r="F43151" t="s">
        <v>19722</v>
      </c>
      <c r="G43151" t="s">
        <v>10734</v>
      </c>
      <c r="H43151" t="s">
        <v>10735</v>
      </c>
      <c r="I43151" s="2">
        <v>0</v>
      </c>
      <c r="J43151" s="2">
        <v>0</v>
      </c>
      <c r="K43151" s="2">
        <v>1</v>
      </c>
      <c r="L43151" t="s">
        <v>995</v>
      </c>
      <c r="M43151" t="s">
        <v>87</v>
      </c>
      <c r="N43151" t="s">
        <v>88</v>
      </c>
      <c r="O43151" t="s">
        <v>85</v>
      </c>
      <c r="P43151" t="s">
        <v>86</v>
      </c>
      <c r="Q43151">
        <v>80</v>
      </c>
      <c r="R43151">
        <v>80</v>
      </c>
      <c r="S43151">
        <v>80</v>
      </c>
      <c r="T43151">
        <v>81</v>
      </c>
      <c r="U43151">
        <v>81</v>
      </c>
      <c r="V43151">
        <v>81</v>
      </c>
      <c r="W43151">
        <v>81</v>
      </c>
      <c r="X43151">
        <v>81</v>
      </c>
      <c r="Y43151">
        <v>81</v>
      </c>
      <c r="Z43151">
        <v>81</v>
      </c>
      <c r="AA43151">
        <v>82</v>
      </c>
      <c r="AB43151">
        <v>82</v>
      </c>
      <c r="AC43151">
        <v>82</v>
      </c>
      <c r="AD43151">
        <v>82</v>
      </c>
      <c r="AE43151">
        <v>82</v>
      </c>
      <c r="AF43151">
        <v>83</v>
      </c>
      <c r="AG43151">
        <v>83</v>
      </c>
      <c r="AH43151">
        <v>83</v>
      </c>
      <c r="AI43151">
        <v>83</v>
      </c>
      <c r="AJ43151">
        <v>83</v>
      </c>
      <c r="AK43151">
        <v>84</v>
      </c>
      <c r="AL43151">
        <v>84</v>
      </c>
      <c r="AM43151">
        <v>84</v>
      </c>
      <c r="AN43151">
        <v>85</v>
      </c>
      <c r="AO43151">
        <v>85</v>
      </c>
      <c r="AP43151">
        <v>85</v>
      </c>
      <c r="AQ43151">
        <v>86</v>
      </c>
    </row>
    <row r="43152" spans="1:43">
      <c r="A43152" t="s">
        <v>26395</v>
      </c>
      <c r="B43152" t="s">
        <v>26396</v>
      </c>
      <c r="C43152" t="s">
        <v>19787</v>
      </c>
      <c r="D43152" t="s">
        <v>19788</v>
      </c>
      <c r="E43152" t="s">
        <v>19721</v>
      </c>
      <c r="F43152" t="s">
        <v>19722</v>
      </c>
      <c r="G43152" t="s">
        <v>10734</v>
      </c>
      <c r="H43152" t="s">
        <v>10735</v>
      </c>
      <c r="I43152" s="2">
        <v>0</v>
      </c>
      <c r="J43152" s="2">
        <v>0</v>
      </c>
      <c r="K43152" s="2">
        <v>1</v>
      </c>
      <c r="L43152" t="s">
        <v>995</v>
      </c>
      <c r="M43152" t="s">
        <v>89</v>
      </c>
      <c r="N43152" t="s">
        <v>90</v>
      </c>
      <c r="O43152" t="s">
        <v>85</v>
      </c>
      <c r="P43152" t="s">
        <v>86</v>
      </c>
      <c r="Q43152">
        <v>80</v>
      </c>
      <c r="R43152">
        <v>81</v>
      </c>
      <c r="S43152">
        <v>83</v>
      </c>
      <c r="T43152">
        <v>84</v>
      </c>
      <c r="U43152">
        <v>86</v>
      </c>
      <c r="V43152">
        <v>87</v>
      </c>
      <c r="W43152">
        <v>88</v>
      </c>
      <c r="X43152">
        <v>90</v>
      </c>
      <c r="Y43152">
        <v>91</v>
      </c>
      <c r="Z43152">
        <v>92</v>
      </c>
      <c r="AA43152">
        <v>93</v>
      </c>
      <c r="AB43152">
        <v>94</v>
      </c>
      <c r="AC43152">
        <v>96</v>
      </c>
      <c r="AD43152">
        <v>97</v>
      </c>
      <c r="AE43152">
        <v>97</v>
      </c>
      <c r="AF43152">
        <v>97</v>
      </c>
      <c r="AG43152">
        <v>97</v>
      </c>
      <c r="AH43152">
        <v>97</v>
      </c>
      <c r="AI43152">
        <v>98</v>
      </c>
      <c r="AJ43152">
        <v>98</v>
      </c>
      <c r="AK43152">
        <v>98</v>
      </c>
      <c r="AL43152">
        <v>98</v>
      </c>
      <c r="AM43152">
        <v>98</v>
      </c>
      <c r="AN43152">
        <v>98</v>
      </c>
      <c r="AO43152">
        <v>98</v>
      </c>
      <c r="AP43152">
        <v>98</v>
      </c>
      <c r="AQ43152">
        <v>98</v>
      </c>
    </row>
    <row r="43153" spans="1:43">
      <c r="A43153" t="s">
        <v>26395</v>
      </c>
      <c r="B43153" t="s">
        <v>26396</v>
      </c>
      <c r="C43153" t="s">
        <v>19787</v>
      </c>
      <c r="D43153" t="s">
        <v>19788</v>
      </c>
      <c r="E43153" t="s">
        <v>19721</v>
      </c>
      <c r="F43153" t="s">
        <v>19722</v>
      </c>
      <c r="G43153" t="s">
        <v>10734</v>
      </c>
      <c r="H43153" t="s">
        <v>10735</v>
      </c>
      <c r="I43153" s="2">
        <v>0</v>
      </c>
      <c r="J43153" s="2">
        <v>0</v>
      </c>
      <c r="K43153" s="2">
        <v>1</v>
      </c>
      <c r="L43153" t="s">
        <v>995</v>
      </c>
      <c r="M43153" t="s">
        <v>83</v>
      </c>
      <c r="N43153" t="s">
        <v>91</v>
      </c>
      <c r="O43153" t="s">
        <v>85</v>
      </c>
      <c r="P43153" t="s">
        <v>86</v>
      </c>
      <c r="Q43153">
        <v>80</v>
      </c>
      <c r="R43153">
        <v>81</v>
      </c>
      <c r="S43153">
        <v>82</v>
      </c>
      <c r="T43153">
        <v>83</v>
      </c>
      <c r="U43153">
        <v>83</v>
      </c>
      <c r="V43153">
        <v>84</v>
      </c>
      <c r="W43153">
        <v>85</v>
      </c>
      <c r="X43153">
        <v>86</v>
      </c>
      <c r="Y43153">
        <v>87</v>
      </c>
      <c r="Z43153">
        <v>88</v>
      </c>
      <c r="AA43153">
        <v>88</v>
      </c>
      <c r="AB43153">
        <v>89</v>
      </c>
      <c r="AC43153">
        <v>90</v>
      </c>
      <c r="AD43153">
        <v>91</v>
      </c>
      <c r="AE43153">
        <v>92</v>
      </c>
      <c r="AF43153">
        <v>93</v>
      </c>
      <c r="AG43153">
        <v>93</v>
      </c>
      <c r="AH43153">
        <v>94</v>
      </c>
      <c r="AI43153">
        <v>95</v>
      </c>
      <c r="AJ43153">
        <v>96</v>
      </c>
      <c r="AK43153">
        <v>97</v>
      </c>
      <c r="AL43153">
        <v>97</v>
      </c>
      <c r="AM43153">
        <v>97</v>
      </c>
      <c r="AN43153">
        <v>97</v>
      </c>
      <c r="AO43153">
        <v>98</v>
      </c>
      <c r="AP43153">
        <v>98</v>
      </c>
      <c r="AQ43153">
        <v>98</v>
      </c>
    </row>
    <row r="43154" spans="1:43">
      <c r="A43154" t="s">
        <v>26397</v>
      </c>
      <c r="B43154" t="s">
        <v>26398</v>
      </c>
      <c r="C43154" t="s">
        <v>19887</v>
      </c>
      <c r="D43154" t="s">
        <v>19888</v>
      </c>
      <c r="E43154" t="s">
        <v>19721</v>
      </c>
      <c r="F43154" t="s">
        <v>19722</v>
      </c>
      <c r="G43154" t="s">
        <v>10734</v>
      </c>
      <c r="H43154" t="s">
        <v>10735</v>
      </c>
      <c r="I43154" s="2">
        <v>0</v>
      </c>
      <c r="J43154" s="2">
        <v>0</v>
      </c>
      <c r="K43154" s="2">
        <v>1</v>
      </c>
      <c r="L43154" t="s">
        <v>995</v>
      </c>
      <c r="M43154" t="s">
        <v>83</v>
      </c>
      <c r="N43154" t="s">
        <v>84</v>
      </c>
      <c r="O43154" t="s">
        <v>85</v>
      </c>
      <c r="P43154" t="s">
        <v>86</v>
      </c>
      <c r="Q43154">
        <v>29</v>
      </c>
      <c r="R43154">
        <v>29</v>
      </c>
      <c r="S43154">
        <v>29</v>
      </c>
      <c r="T43154">
        <v>30</v>
      </c>
      <c r="U43154">
        <v>30</v>
      </c>
      <c r="V43154">
        <v>30</v>
      </c>
      <c r="W43154">
        <v>31</v>
      </c>
      <c r="X43154">
        <v>31</v>
      </c>
      <c r="Y43154">
        <v>31</v>
      </c>
      <c r="Z43154">
        <v>31</v>
      </c>
      <c r="AA43154">
        <v>32</v>
      </c>
      <c r="AB43154">
        <v>32</v>
      </c>
      <c r="AC43154">
        <v>32</v>
      </c>
      <c r="AD43154">
        <v>33</v>
      </c>
      <c r="AE43154">
        <v>33</v>
      </c>
      <c r="AF43154">
        <v>33</v>
      </c>
      <c r="AG43154">
        <v>33</v>
      </c>
      <c r="AH43154">
        <v>34</v>
      </c>
      <c r="AI43154">
        <v>34</v>
      </c>
      <c r="AJ43154">
        <v>34</v>
      </c>
      <c r="AK43154">
        <v>34</v>
      </c>
      <c r="AL43154">
        <v>35</v>
      </c>
      <c r="AM43154">
        <v>35</v>
      </c>
      <c r="AN43154">
        <v>35</v>
      </c>
      <c r="AO43154">
        <v>35</v>
      </c>
      <c r="AP43154">
        <v>35</v>
      </c>
      <c r="AQ43154">
        <v>35</v>
      </c>
    </row>
    <row r="43155" spans="1:43">
      <c r="A43155" t="s">
        <v>26397</v>
      </c>
      <c r="B43155" t="s">
        <v>26398</v>
      </c>
      <c r="C43155" t="s">
        <v>19887</v>
      </c>
      <c r="D43155" t="s">
        <v>19888</v>
      </c>
      <c r="E43155" t="s">
        <v>19721</v>
      </c>
      <c r="F43155" t="s">
        <v>19722</v>
      </c>
      <c r="G43155" t="s">
        <v>10734</v>
      </c>
      <c r="H43155" t="s">
        <v>10735</v>
      </c>
      <c r="I43155" s="2">
        <v>0</v>
      </c>
      <c r="J43155" s="2">
        <v>0</v>
      </c>
      <c r="K43155" s="2">
        <v>1</v>
      </c>
      <c r="L43155" t="s">
        <v>995</v>
      </c>
      <c r="M43155" t="s">
        <v>87</v>
      </c>
      <c r="N43155" t="s">
        <v>88</v>
      </c>
      <c r="O43155" t="s">
        <v>85</v>
      </c>
      <c r="P43155" t="s">
        <v>86</v>
      </c>
      <c r="Q43155">
        <v>29</v>
      </c>
      <c r="R43155">
        <v>29</v>
      </c>
      <c r="S43155">
        <v>30</v>
      </c>
      <c r="T43155">
        <v>30</v>
      </c>
      <c r="U43155">
        <v>30</v>
      </c>
      <c r="V43155">
        <v>30</v>
      </c>
      <c r="W43155">
        <v>30</v>
      </c>
      <c r="X43155">
        <v>30</v>
      </c>
      <c r="Y43155">
        <v>30</v>
      </c>
      <c r="Z43155">
        <v>30</v>
      </c>
      <c r="AA43155">
        <v>30</v>
      </c>
      <c r="AB43155">
        <v>30</v>
      </c>
      <c r="AC43155">
        <v>30</v>
      </c>
      <c r="AD43155">
        <v>30</v>
      </c>
      <c r="AE43155">
        <v>30</v>
      </c>
      <c r="AF43155">
        <v>30</v>
      </c>
      <c r="AG43155">
        <v>30</v>
      </c>
      <c r="AH43155">
        <v>30</v>
      </c>
      <c r="AI43155">
        <v>30</v>
      </c>
      <c r="AJ43155">
        <v>30</v>
      </c>
      <c r="AK43155">
        <v>30</v>
      </c>
      <c r="AL43155">
        <v>31</v>
      </c>
      <c r="AM43155">
        <v>31</v>
      </c>
      <c r="AN43155">
        <v>31</v>
      </c>
      <c r="AO43155">
        <v>31</v>
      </c>
      <c r="AP43155">
        <v>31</v>
      </c>
      <c r="AQ43155">
        <v>31</v>
      </c>
    </row>
    <row r="43156" spans="1:43">
      <c r="A43156" t="s">
        <v>26397</v>
      </c>
      <c r="B43156" t="s">
        <v>26398</v>
      </c>
      <c r="C43156" t="s">
        <v>19887</v>
      </c>
      <c r="D43156" t="s">
        <v>19888</v>
      </c>
      <c r="E43156" t="s">
        <v>19721</v>
      </c>
      <c r="F43156" t="s">
        <v>19722</v>
      </c>
      <c r="G43156" t="s">
        <v>10734</v>
      </c>
      <c r="H43156" t="s">
        <v>10735</v>
      </c>
      <c r="I43156" s="2">
        <v>0</v>
      </c>
      <c r="J43156" s="2">
        <v>0</v>
      </c>
      <c r="K43156" s="2">
        <v>1</v>
      </c>
      <c r="L43156" t="s">
        <v>995</v>
      </c>
      <c r="M43156" t="s">
        <v>89</v>
      </c>
      <c r="N43156" t="s">
        <v>90</v>
      </c>
      <c r="O43156" t="s">
        <v>85</v>
      </c>
      <c r="P43156" t="s">
        <v>86</v>
      </c>
      <c r="Q43156">
        <v>29</v>
      </c>
      <c r="R43156">
        <v>30</v>
      </c>
      <c r="S43156">
        <v>30</v>
      </c>
      <c r="T43156">
        <v>31</v>
      </c>
      <c r="U43156">
        <v>31</v>
      </c>
      <c r="V43156">
        <v>32</v>
      </c>
      <c r="W43156">
        <v>32</v>
      </c>
      <c r="X43156">
        <v>33</v>
      </c>
      <c r="Y43156">
        <v>33</v>
      </c>
      <c r="Z43156">
        <v>33</v>
      </c>
      <c r="AA43156">
        <v>34</v>
      </c>
      <c r="AB43156">
        <v>34</v>
      </c>
      <c r="AC43156">
        <v>35</v>
      </c>
      <c r="AD43156">
        <v>35</v>
      </c>
      <c r="AE43156">
        <v>35</v>
      </c>
      <c r="AF43156">
        <v>35</v>
      </c>
      <c r="AG43156">
        <v>35</v>
      </c>
      <c r="AH43156">
        <v>35</v>
      </c>
      <c r="AI43156">
        <v>35</v>
      </c>
      <c r="AJ43156">
        <v>35</v>
      </c>
      <c r="AK43156">
        <v>35</v>
      </c>
      <c r="AL43156">
        <v>35</v>
      </c>
      <c r="AM43156">
        <v>35</v>
      </c>
      <c r="AN43156">
        <v>35</v>
      </c>
      <c r="AO43156">
        <v>35</v>
      </c>
      <c r="AP43156">
        <v>35</v>
      </c>
      <c r="AQ43156">
        <v>35</v>
      </c>
    </row>
    <row r="43157" spans="1:43">
      <c r="A43157" t="s">
        <v>26397</v>
      </c>
      <c r="B43157" t="s">
        <v>26398</v>
      </c>
      <c r="C43157" t="s">
        <v>19887</v>
      </c>
      <c r="D43157" t="s">
        <v>19888</v>
      </c>
      <c r="E43157" t="s">
        <v>19721</v>
      </c>
      <c r="F43157" t="s">
        <v>19722</v>
      </c>
      <c r="G43157" t="s">
        <v>10734</v>
      </c>
      <c r="H43157" t="s">
        <v>10735</v>
      </c>
      <c r="I43157" s="2">
        <v>0</v>
      </c>
      <c r="J43157" s="2">
        <v>0</v>
      </c>
      <c r="K43157" s="2">
        <v>1</v>
      </c>
      <c r="L43157" t="s">
        <v>995</v>
      </c>
      <c r="M43157" t="s">
        <v>83</v>
      </c>
      <c r="N43157" t="s">
        <v>91</v>
      </c>
      <c r="O43157" t="s">
        <v>85</v>
      </c>
      <c r="P43157" t="s">
        <v>86</v>
      </c>
      <c r="Q43157">
        <v>29</v>
      </c>
      <c r="R43157">
        <v>29</v>
      </c>
      <c r="S43157">
        <v>29</v>
      </c>
      <c r="T43157">
        <v>30</v>
      </c>
      <c r="U43157">
        <v>30</v>
      </c>
      <c r="V43157">
        <v>30</v>
      </c>
      <c r="W43157">
        <v>31</v>
      </c>
      <c r="X43157">
        <v>31</v>
      </c>
      <c r="Y43157">
        <v>31</v>
      </c>
      <c r="Z43157">
        <v>31</v>
      </c>
      <c r="AA43157">
        <v>32</v>
      </c>
      <c r="AB43157">
        <v>32</v>
      </c>
      <c r="AC43157">
        <v>32</v>
      </c>
      <c r="AD43157">
        <v>33</v>
      </c>
      <c r="AE43157">
        <v>33</v>
      </c>
      <c r="AF43157">
        <v>33</v>
      </c>
      <c r="AG43157">
        <v>33</v>
      </c>
      <c r="AH43157">
        <v>34</v>
      </c>
      <c r="AI43157">
        <v>34</v>
      </c>
      <c r="AJ43157">
        <v>34</v>
      </c>
      <c r="AK43157">
        <v>34</v>
      </c>
      <c r="AL43157">
        <v>35</v>
      </c>
      <c r="AM43157">
        <v>35</v>
      </c>
      <c r="AN43157">
        <v>35</v>
      </c>
      <c r="AO43157">
        <v>35</v>
      </c>
      <c r="AP43157">
        <v>35</v>
      </c>
      <c r="AQ43157">
        <v>35</v>
      </c>
    </row>
    <row r="43158" spans="1:43">
      <c r="A43158" t="s">
        <v>26399</v>
      </c>
      <c r="B43158" t="s">
        <v>26400</v>
      </c>
      <c r="C43158" t="s">
        <v>19887</v>
      </c>
      <c r="D43158" t="s">
        <v>19888</v>
      </c>
      <c r="E43158" t="s">
        <v>19721</v>
      </c>
      <c r="F43158" t="s">
        <v>19722</v>
      </c>
      <c r="G43158" t="s">
        <v>10734</v>
      </c>
      <c r="H43158" t="s">
        <v>10735</v>
      </c>
      <c r="I43158" s="2">
        <v>0</v>
      </c>
      <c r="J43158" s="2">
        <v>0</v>
      </c>
      <c r="K43158" s="2">
        <v>1</v>
      </c>
      <c r="L43158" t="s">
        <v>995</v>
      </c>
      <c r="M43158" t="s">
        <v>83</v>
      </c>
      <c r="N43158" t="s">
        <v>84</v>
      </c>
      <c r="O43158" t="s">
        <v>85</v>
      </c>
      <c r="P43158" t="s">
        <v>86</v>
      </c>
      <c r="Q43158">
        <v>80</v>
      </c>
      <c r="R43158">
        <v>81</v>
      </c>
      <c r="S43158">
        <v>82</v>
      </c>
      <c r="T43158">
        <v>83</v>
      </c>
      <c r="U43158">
        <v>84</v>
      </c>
      <c r="V43158">
        <v>84</v>
      </c>
      <c r="W43158">
        <v>85</v>
      </c>
      <c r="X43158">
        <v>86</v>
      </c>
      <c r="Y43158">
        <v>87</v>
      </c>
      <c r="Z43158">
        <v>88</v>
      </c>
      <c r="AA43158">
        <v>89</v>
      </c>
      <c r="AB43158">
        <v>89</v>
      </c>
      <c r="AC43158">
        <v>90</v>
      </c>
      <c r="AD43158">
        <v>91</v>
      </c>
      <c r="AE43158">
        <v>92</v>
      </c>
      <c r="AF43158">
        <v>92</v>
      </c>
      <c r="AG43158">
        <v>93</v>
      </c>
      <c r="AH43158">
        <v>94</v>
      </c>
      <c r="AI43158">
        <v>95</v>
      </c>
      <c r="AJ43158">
        <v>96</v>
      </c>
      <c r="AK43158">
        <v>96</v>
      </c>
      <c r="AL43158">
        <v>97</v>
      </c>
      <c r="AM43158">
        <v>97</v>
      </c>
      <c r="AN43158">
        <v>97</v>
      </c>
      <c r="AO43158">
        <v>97</v>
      </c>
      <c r="AP43158">
        <v>97</v>
      </c>
      <c r="AQ43158">
        <v>97</v>
      </c>
    </row>
    <row r="43159" spans="1:43">
      <c r="A43159" t="s">
        <v>26399</v>
      </c>
      <c r="B43159" t="s">
        <v>26400</v>
      </c>
      <c r="C43159" t="s">
        <v>19887</v>
      </c>
      <c r="D43159" t="s">
        <v>19888</v>
      </c>
      <c r="E43159" t="s">
        <v>19721</v>
      </c>
      <c r="F43159" t="s">
        <v>19722</v>
      </c>
      <c r="G43159" t="s">
        <v>10734</v>
      </c>
      <c r="H43159" t="s">
        <v>10735</v>
      </c>
      <c r="I43159" s="2">
        <v>0</v>
      </c>
      <c r="J43159" s="2">
        <v>0</v>
      </c>
      <c r="K43159" s="2">
        <v>1</v>
      </c>
      <c r="L43159" t="s">
        <v>995</v>
      </c>
      <c r="M43159" t="s">
        <v>87</v>
      </c>
      <c r="N43159" t="s">
        <v>88</v>
      </c>
      <c r="O43159" t="s">
        <v>85</v>
      </c>
      <c r="P43159" t="s">
        <v>86</v>
      </c>
      <c r="Q43159">
        <v>80</v>
      </c>
      <c r="R43159">
        <v>80</v>
      </c>
      <c r="S43159">
        <v>80</v>
      </c>
      <c r="T43159">
        <v>80</v>
      </c>
      <c r="U43159">
        <v>80</v>
      </c>
      <c r="V43159">
        <v>80</v>
      </c>
      <c r="W43159">
        <v>80</v>
      </c>
      <c r="X43159">
        <v>80</v>
      </c>
      <c r="Y43159">
        <v>80</v>
      </c>
      <c r="Z43159">
        <v>80</v>
      </c>
      <c r="AA43159">
        <v>81</v>
      </c>
      <c r="AB43159">
        <v>81</v>
      </c>
      <c r="AC43159">
        <v>81</v>
      </c>
      <c r="AD43159">
        <v>81</v>
      </c>
      <c r="AE43159">
        <v>81</v>
      </c>
      <c r="AF43159">
        <v>81</v>
      </c>
      <c r="AG43159">
        <v>81</v>
      </c>
      <c r="AH43159">
        <v>82</v>
      </c>
      <c r="AI43159">
        <v>82</v>
      </c>
      <c r="AJ43159">
        <v>82</v>
      </c>
      <c r="AK43159">
        <v>82</v>
      </c>
      <c r="AL43159">
        <v>82</v>
      </c>
      <c r="AM43159">
        <v>83</v>
      </c>
      <c r="AN43159">
        <v>83</v>
      </c>
      <c r="AO43159">
        <v>83</v>
      </c>
      <c r="AP43159">
        <v>83</v>
      </c>
      <c r="AQ43159">
        <v>84</v>
      </c>
    </row>
    <row r="43160" spans="1:43">
      <c r="A43160" t="s">
        <v>26399</v>
      </c>
      <c r="B43160" t="s">
        <v>26400</v>
      </c>
      <c r="C43160" t="s">
        <v>19887</v>
      </c>
      <c r="D43160" t="s">
        <v>19888</v>
      </c>
      <c r="E43160" t="s">
        <v>19721</v>
      </c>
      <c r="F43160" t="s">
        <v>19722</v>
      </c>
      <c r="G43160" t="s">
        <v>10734</v>
      </c>
      <c r="H43160" t="s">
        <v>10735</v>
      </c>
      <c r="I43160" s="2">
        <v>0</v>
      </c>
      <c r="J43160" s="2">
        <v>0</v>
      </c>
      <c r="K43160" s="2">
        <v>1</v>
      </c>
      <c r="L43160" t="s">
        <v>995</v>
      </c>
      <c r="M43160" t="s">
        <v>89</v>
      </c>
      <c r="N43160" t="s">
        <v>90</v>
      </c>
      <c r="O43160" t="s">
        <v>85</v>
      </c>
      <c r="P43160" t="s">
        <v>86</v>
      </c>
      <c r="Q43160">
        <v>80</v>
      </c>
      <c r="R43160">
        <v>82</v>
      </c>
      <c r="S43160">
        <v>83</v>
      </c>
      <c r="T43160">
        <v>85</v>
      </c>
      <c r="U43160">
        <v>86</v>
      </c>
      <c r="V43160">
        <v>87</v>
      </c>
      <c r="W43160">
        <v>89</v>
      </c>
      <c r="X43160">
        <v>90</v>
      </c>
      <c r="Y43160">
        <v>91</v>
      </c>
      <c r="Z43160">
        <v>92</v>
      </c>
      <c r="AA43160">
        <v>93</v>
      </c>
      <c r="AB43160">
        <v>94</v>
      </c>
      <c r="AC43160">
        <v>95</v>
      </c>
      <c r="AD43160">
        <v>97</v>
      </c>
      <c r="AE43160">
        <v>97</v>
      </c>
      <c r="AF43160">
        <v>97</v>
      </c>
      <c r="AG43160">
        <v>97</v>
      </c>
      <c r="AH43160">
        <v>97</v>
      </c>
      <c r="AI43160">
        <v>97</v>
      </c>
      <c r="AJ43160">
        <v>97</v>
      </c>
      <c r="AK43160">
        <v>97</v>
      </c>
      <c r="AL43160">
        <v>97</v>
      </c>
      <c r="AM43160">
        <v>97</v>
      </c>
      <c r="AN43160">
        <v>97</v>
      </c>
      <c r="AO43160">
        <v>97</v>
      </c>
      <c r="AP43160">
        <v>97</v>
      </c>
      <c r="AQ43160">
        <v>97</v>
      </c>
    </row>
    <row r="43161" spans="1:43">
      <c r="A43161" t="s">
        <v>26399</v>
      </c>
      <c r="B43161" t="s">
        <v>26400</v>
      </c>
      <c r="C43161" t="s">
        <v>19887</v>
      </c>
      <c r="D43161" t="s">
        <v>19888</v>
      </c>
      <c r="E43161" t="s">
        <v>19721</v>
      </c>
      <c r="F43161" t="s">
        <v>19722</v>
      </c>
      <c r="G43161" t="s">
        <v>10734</v>
      </c>
      <c r="H43161" t="s">
        <v>10735</v>
      </c>
      <c r="I43161" s="2">
        <v>0</v>
      </c>
      <c r="J43161" s="2">
        <v>0</v>
      </c>
      <c r="K43161" s="2">
        <v>1</v>
      </c>
      <c r="L43161" t="s">
        <v>995</v>
      </c>
      <c r="M43161" t="s">
        <v>83</v>
      </c>
      <c r="N43161" t="s">
        <v>91</v>
      </c>
      <c r="O43161" t="s">
        <v>85</v>
      </c>
      <c r="P43161" t="s">
        <v>86</v>
      </c>
      <c r="Q43161">
        <v>80</v>
      </c>
      <c r="R43161">
        <v>81</v>
      </c>
      <c r="S43161">
        <v>82</v>
      </c>
      <c r="T43161">
        <v>83</v>
      </c>
      <c r="U43161">
        <v>84</v>
      </c>
      <c r="V43161">
        <v>84</v>
      </c>
      <c r="W43161">
        <v>85</v>
      </c>
      <c r="X43161">
        <v>86</v>
      </c>
      <c r="Y43161">
        <v>87</v>
      </c>
      <c r="Z43161">
        <v>88</v>
      </c>
      <c r="AA43161">
        <v>89</v>
      </c>
      <c r="AB43161">
        <v>89</v>
      </c>
      <c r="AC43161">
        <v>90</v>
      </c>
      <c r="AD43161">
        <v>91</v>
      </c>
      <c r="AE43161">
        <v>92</v>
      </c>
      <c r="AF43161">
        <v>92</v>
      </c>
      <c r="AG43161">
        <v>93</v>
      </c>
      <c r="AH43161">
        <v>94</v>
      </c>
      <c r="AI43161">
        <v>95</v>
      </c>
      <c r="AJ43161">
        <v>96</v>
      </c>
      <c r="AK43161">
        <v>96</v>
      </c>
      <c r="AL43161">
        <v>97</v>
      </c>
      <c r="AM43161">
        <v>97</v>
      </c>
      <c r="AN43161">
        <v>97</v>
      </c>
      <c r="AO43161">
        <v>97</v>
      </c>
      <c r="AP43161">
        <v>97</v>
      </c>
      <c r="AQ43161">
        <v>97</v>
      </c>
    </row>
    <row r="43162" spans="1:43">
      <c r="A43162" t="s">
        <v>26401</v>
      </c>
      <c r="B43162" t="s">
        <v>26402</v>
      </c>
      <c r="C43162" t="s">
        <v>24091</v>
      </c>
      <c r="D43162" t="s">
        <v>24092</v>
      </c>
      <c r="E43162" t="s">
        <v>23993</v>
      </c>
      <c r="F43162" t="s">
        <v>23994</v>
      </c>
      <c r="G43162" t="s">
        <v>11612</v>
      </c>
      <c r="H43162" t="s">
        <v>11613</v>
      </c>
      <c r="I43162" s="2">
        <v>0</v>
      </c>
      <c r="J43162" s="2">
        <v>0</v>
      </c>
      <c r="K43162" s="2">
        <v>1</v>
      </c>
      <c r="L43162" t="s">
        <v>995</v>
      </c>
      <c r="M43162" t="s">
        <v>83</v>
      </c>
      <c r="N43162" t="s">
        <v>84</v>
      </c>
      <c r="O43162" t="s">
        <v>85</v>
      </c>
      <c r="P43162" t="s">
        <v>86</v>
      </c>
      <c r="Q43162">
        <v>21</v>
      </c>
      <c r="R43162">
        <v>21</v>
      </c>
      <c r="S43162">
        <v>21</v>
      </c>
      <c r="T43162">
        <v>21</v>
      </c>
      <c r="U43162">
        <v>22</v>
      </c>
      <c r="V43162">
        <v>22</v>
      </c>
      <c r="W43162">
        <v>22</v>
      </c>
      <c r="X43162">
        <v>22</v>
      </c>
      <c r="Y43162">
        <v>23</v>
      </c>
      <c r="Z43162">
        <v>23</v>
      </c>
      <c r="AA43162">
        <v>23</v>
      </c>
      <c r="AB43162">
        <v>23</v>
      </c>
      <c r="AC43162">
        <v>24</v>
      </c>
      <c r="AD43162">
        <v>24</v>
      </c>
      <c r="AE43162">
        <v>24</v>
      </c>
      <c r="AF43162">
        <v>24</v>
      </c>
      <c r="AG43162">
        <v>24</v>
      </c>
      <c r="AH43162">
        <v>24</v>
      </c>
      <c r="AI43162">
        <v>25</v>
      </c>
      <c r="AJ43162">
        <v>25</v>
      </c>
      <c r="AK43162">
        <v>25</v>
      </c>
      <c r="AL43162">
        <v>25</v>
      </c>
      <c r="AM43162">
        <v>25</v>
      </c>
      <c r="AN43162">
        <v>25</v>
      </c>
      <c r="AO43162">
        <v>25</v>
      </c>
      <c r="AP43162">
        <v>25</v>
      </c>
      <c r="AQ43162">
        <v>25</v>
      </c>
    </row>
    <row r="43163" spans="1:43">
      <c r="A43163" t="s">
        <v>26401</v>
      </c>
      <c r="B43163" t="s">
        <v>26402</v>
      </c>
      <c r="C43163" t="s">
        <v>24091</v>
      </c>
      <c r="D43163" t="s">
        <v>24092</v>
      </c>
      <c r="E43163" t="s">
        <v>23993</v>
      </c>
      <c r="F43163" t="s">
        <v>23994</v>
      </c>
      <c r="G43163" t="s">
        <v>11612</v>
      </c>
      <c r="H43163" t="s">
        <v>11613</v>
      </c>
      <c r="I43163" s="2">
        <v>0</v>
      </c>
      <c r="J43163" s="2">
        <v>0</v>
      </c>
      <c r="K43163" s="2">
        <v>1</v>
      </c>
      <c r="L43163" t="s">
        <v>995</v>
      </c>
      <c r="M43163" t="s">
        <v>87</v>
      </c>
      <c r="N43163" t="s">
        <v>88</v>
      </c>
      <c r="O43163" t="s">
        <v>85</v>
      </c>
      <c r="P43163" t="s">
        <v>86</v>
      </c>
      <c r="Q43163">
        <v>21</v>
      </c>
      <c r="R43163">
        <v>21</v>
      </c>
      <c r="S43163">
        <v>21</v>
      </c>
      <c r="T43163">
        <v>22</v>
      </c>
      <c r="U43163">
        <v>22</v>
      </c>
      <c r="V43163">
        <v>22</v>
      </c>
      <c r="W43163">
        <v>22</v>
      </c>
      <c r="X43163">
        <v>22</v>
      </c>
      <c r="Y43163">
        <v>22</v>
      </c>
      <c r="Z43163">
        <v>22</v>
      </c>
      <c r="AA43163">
        <v>22</v>
      </c>
      <c r="AB43163">
        <v>22</v>
      </c>
      <c r="AC43163">
        <v>22</v>
      </c>
      <c r="AD43163">
        <v>22</v>
      </c>
      <c r="AE43163">
        <v>22</v>
      </c>
      <c r="AF43163">
        <v>22</v>
      </c>
      <c r="AG43163">
        <v>22</v>
      </c>
      <c r="AH43163">
        <v>22</v>
      </c>
      <c r="AI43163">
        <v>22</v>
      </c>
      <c r="AJ43163">
        <v>22</v>
      </c>
      <c r="AK43163">
        <v>22</v>
      </c>
      <c r="AL43163">
        <v>22</v>
      </c>
      <c r="AM43163">
        <v>22</v>
      </c>
      <c r="AN43163">
        <v>22</v>
      </c>
      <c r="AO43163">
        <v>22</v>
      </c>
      <c r="AP43163">
        <v>22</v>
      </c>
      <c r="AQ43163">
        <v>22</v>
      </c>
    </row>
    <row r="43164" spans="1:43">
      <c r="A43164" t="s">
        <v>26401</v>
      </c>
      <c r="B43164" t="s">
        <v>26402</v>
      </c>
      <c r="C43164" t="s">
        <v>24091</v>
      </c>
      <c r="D43164" t="s">
        <v>24092</v>
      </c>
      <c r="E43164" t="s">
        <v>23993</v>
      </c>
      <c r="F43164" t="s">
        <v>23994</v>
      </c>
      <c r="G43164" t="s">
        <v>11612</v>
      </c>
      <c r="H43164" t="s">
        <v>11613</v>
      </c>
      <c r="I43164" s="2">
        <v>0</v>
      </c>
      <c r="J43164" s="2">
        <v>0</v>
      </c>
      <c r="K43164" s="2">
        <v>1</v>
      </c>
      <c r="L43164" t="s">
        <v>995</v>
      </c>
      <c r="M43164" t="s">
        <v>89</v>
      </c>
      <c r="N43164" t="s">
        <v>90</v>
      </c>
      <c r="O43164" t="s">
        <v>85</v>
      </c>
      <c r="P43164" t="s">
        <v>86</v>
      </c>
      <c r="Q43164">
        <v>21</v>
      </c>
      <c r="R43164">
        <v>21</v>
      </c>
      <c r="S43164">
        <v>22</v>
      </c>
      <c r="T43164">
        <v>22</v>
      </c>
      <c r="U43164">
        <v>22</v>
      </c>
      <c r="V43164">
        <v>23</v>
      </c>
      <c r="W43164">
        <v>23</v>
      </c>
      <c r="X43164">
        <v>24</v>
      </c>
      <c r="Y43164">
        <v>24</v>
      </c>
      <c r="Z43164">
        <v>24</v>
      </c>
      <c r="AA43164">
        <v>25</v>
      </c>
      <c r="AB43164">
        <v>25</v>
      </c>
      <c r="AC43164">
        <v>25</v>
      </c>
      <c r="AD43164">
        <v>25</v>
      </c>
      <c r="AE43164">
        <v>26</v>
      </c>
      <c r="AF43164">
        <v>26</v>
      </c>
      <c r="AG43164">
        <v>26</v>
      </c>
      <c r="AH43164">
        <v>25</v>
      </c>
      <c r="AI43164">
        <v>25</v>
      </c>
      <c r="AJ43164">
        <v>25</v>
      </c>
      <c r="AK43164">
        <v>25</v>
      </c>
      <c r="AL43164">
        <v>25</v>
      </c>
      <c r="AM43164">
        <v>25</v>
      </c>
      <c r="AN43164">
        <v>25</v>
      </c>
      <c r="AO43164">
        <v>25</v>
      </c>
      <c r="AP43164">
        <v>25</v>
      </c>
      <c r="AQ43164">
        <v>25</v>
      </c>
    </row>
    <row r="43165" spans="1:43">
      <c r="A43165" t="s">
        <v>26401</v>
      </c>
      <c r="B43165" t="s">
        <v>26402</v>
      </c>
      <c r="C43165" t="s">
        <v>24091</v>
      </c>
      <c r="D43165" t="s">
        <v>24092</v>
      </c>
      <c r="E43165" t="s">
        <v>23993</v>
      </c>
      <c r="F43165" t="s">
        <v>23994</v>
      </c>
      <c r="G43165" t="s">
        <v>11612</v>
      </c>
      <c r="H43165" t="s">
        <v>11613</v>
      </c>
      <c r="I43165" s="2">
        <v>0</v>
      </c>
      <c r="J43165" s="2">
        <v>0</v>
      </c>
      <c r="K43165" s="2">
        <v>1</v>
      </c>
      <c r="L43165" t="s">
        <v>995</v>
      </c>
      <c r="M43165" t="s">
        <v>83</v>
      </c>
      <c r="N43165" t="s">
        <v>91</v>
      </c>
      <c r="O43165" t="s">
        <v>85</v>
      </c>
      <c r="P43165" t="s">
        <v>86</v>
      </c>
      <c r="Q43165">
        <v>21</v>
      </c>
      <c r="R43165">
        <v>21</v>
      </c>
      <c r="S43165">
        <v>21</v>
      </c>
      <c r="T43165">
        <v>21</v>
      </c>
      <c r="U43165">
        <v>22</v>
      </c>
      <c r="V43165">
        <v>22</v>
      </c>
      <c r="W43165">
        <v>22</v>
      </c>
      <c r="X43165">
        <v>22</v>
      </c>
      <c r="Y43165">
        <v>23</v>
      </c>
      <c r="Z43165">
        <v>23</v>
      </c>
      <c r="AA43165">
        <v>23</v>
      </c>
      <c r="AB43165">
        <v>23</v>
      </c>
      <c r="AC43165">
        <v>24</v>
      </c>
      <c r="AD43165">
        <v>24</v>
      </c>
      <c r="AE43165">
        <v>24</v>
      </c>
      <c r="AF43165">
        <v>24</v>
      </c>
      <c r="AG43165">
        <v>24</v>
      </c>
      <c r="AH43165">
        <v>24</v>
      </c>
      <c r="AI43165">
        <v>25</v>
      </c>
      <c r="AJ43165">
        <v>25</v>
      </c>
      <c r="AK43165">
        <v>25</v>
      </c>
      <c r="AL43165">
        <v>25</v>
      </c>
      <c r="AM43165">
        <v>25</v>
      </c>
      <c r="AN43165">
        <v>25</v>
      </c>
      <c r="AO43165">
        <v>25</v>
      </c>
      <c r="AP43165">
        <v>25</v>
      </c>
      <c r="AQ43165">
        <v>25</v>
      </c>
    </row>
    <row r="43166" spans="1:43">
      <c r="A43166" t="s">
        <v>26403</v>
      </c>
      <c r="B43166" t="s">
        <v>26404</v>
      </c>
      <c r="C43166" t="s">
        <v>24091</v>
      </c>
      <c r="D43166" t="s">
        <v>24092</v>
      </c>
      <c r="E43166" t="s">
        <v>23993</v>
      </c>
      <c r="F43166" t="s">
        <v>23994</v>
      </c>
      <c r="G43166" t="s">
        <v>11612</v>
      </c>
      <c r="H43166" t="s">
        <v>11613</v>
      </c>
      <c r="I43166" s="2">
        <v>0</v>
      </c>
      <c r="J43166" s="2">
        <v>0</v>
      </c>
      <c r="K43166" s="2">
        <v>1</v>
      </c>
      <c r="L43166" t="s">
        <v>995</v>
      </c>
      <c r="M43166" t="s">
        <v>83</v>
      </c>
      <c r="N43166" t="s">
        <v>84</v>
      </c>
      <c r="O43166" t="s">
        <v>85</v>
      </c>
      <c r="P43166" t="s">
        <v>86</v>
      </c>
      <c r="Q43166">
        <v>4</v>
      </c>
      <c r="R43166">
        <v>4</v>
      </c>
      <c r="S43166">
        <v>4</v>
      </c>
      <c r="T43166">
        <v>4</v>
      </c>
      <c r="U43166">
        <v>4</v>
      </c>
      <c r="V43166">
        <v>4</v>
      </c>
      <c r="W43166">
        <v>4</v>
      </c>
      <c r="X43166">
        <v>4</v>
      </c>
      <c r="Y43166">
        <v>4</v>
      </c>
      <c r="Z43166">
        <v>4</v>
      </c>
      <c r="AA43166">
        <v>4</v>
      </c>
      <c r="AB43166">
        <v>4</v>
      </c>
      <c r="AC43166">
        <v>4</v>
      </c>
      <c r="AD43166">
        <v>4</v>
      </c>
      <c r="AE43166">
        <v>4</v>
      </c>
      <c r="AF43166">
        <v>4</v>
      </c>
      <c r="AG43166">
        <v>4</v>
      </c>
      <c r="AH43166">
        <v>4</v>
      </c>
      <c r="AI43166">
        <v>4</v>
      </c>
      <c r="AJ43166">
        <v>4</v>
      </c>
      <c r="AK43166">
        <v>5</v>
      </c>
      <c r="AL43166">
        <v>5</v>
      </c>
      <c r="AM43166">
        <v>5</v>
      </c>
      <c r="AN43166">
        <v>4</v>
      </c>
      <c r="AO43166">
        <v>4</v>
      </c>
      <c r="AP43166">
        <v>4</v>
      </c>
      <c r="AQ43166">
        <v>4</v>
      </c>
    </row>
    <row r="43167" spans="1:43">
      <c r="A43167" t="s">
        <v>26403</v>
      </c>
      <c r="B43167" t="s">
        <v>26404</v>
      </c>
      <c r="C43167" t="s">
        <v>24091</v>
      </c>
      <c r="D43167" t="s">
        <v>24092</v>
      </c>
      <c r="E43167" t="s">
        <v>23993</v>
      </c>
      <c r="F43167" t="s">
        <v>23994</v>
      </c>
      <c r="G43167" t="s">
        <v>11612</v>
      </c>
      <c r="H43167" t="s">
        <v>11613</v>
      </c>
      <c r="I43167" s="2">
        <v>0</v>
      </c>
      <c r="J43167" s="2">
        <v>0</v>
      </c>
      <c r="K43167" s="2">
        <v>1</v>
      </c>
      <c r="L43167" t="s">
        <v>995</v>
      </c>
      <c r="M43167" t="s">
        <v>87</v>
      </c>
      <c r="N43167" t="s">
        <v>88</v>
      </c>
      <c r="O43167" t="s">
        <v>85</v>
      </c>
      <c r="P43167" t="s">
        <v>86</v>
      </c>
      <c r="Q43167">
        <v>4</v>
      </c>
      <c r="R43167">
        <v>4</v>
      </c>
      <c r="S43167">
        <v>4</v>
      </c>
      <c r="T43167">
        <v>4</v>
      </c>
      <c r="U43167">
        <v>4</v>
      </c>
      <c r="V43167">
        <v>4</v>
      </c>
      <c r="W43167">
        <v>4</v>
      </c>
      <c r="X43167">
        <v>4</v>
      </c>
      <c r="Y43167">
        <v>4</v>
      </c>
      <c r="Z43167">
        <v>4</v>
      </c>
      <c r="AA43167">
        <v>4</v>
      </c>
      <c r="AB43167">
        <v>4</v>
      </c>
      <c r="AC43167">
        <v>4</v>
      </c>
      <c r="AD43167">
        <v>4</v>
      </c>
      <c r="AE43167">
        <v>4</v>
      </c>
      <c r="AF43167">
        <v>4</v>
      </c>
      <c r="AG43167">
        <v>4</v>
      </c>
      <c r="AH43167">
        <v>4</v>
      </c>
      <c r="AI43167">
        <v>4</v>
      </c>
      <c r="AJ43167">
        <v>4</v>
      </c>
      <c r="AK43167">
        <v>4</v>
      </c>
      <c r="AL43167">
        <v>4</v>
      </c>
      <c r="AM43167">
        <v>4</v>
      </c>
      <c r="AN43167">
        <v>4</v>
      </c>
      <c r="AO43167">
        <v>4</v>
      </c>
      <c r="AP43167">
        <v>4</v>
      </c>
      <c r="AQ43167">
        <v>4</v>
      </c>
    </row>
    <row r="43168" spans="1:43">
      <c r="A43168" t="s">
        <v>26403</v>
      </c>
      <c r="B43168" t="s">
        <v>26404</v>
      </c>
      <c r="C43168" t="s">
        <v>24091</v>
      </c>
      <c r="D43168" t="s">
        <v>24092</v>
      </c>
      <c r="E43168" t="s">
        <v>23993</v>
      </c>
      <c r="F43168" t="s">
        <v>23994</v>
      </c>
      <c r="G43168" t="s">
        <v>11612</v>
      </c>
      <c r="H43168" t="s">
        <v>11613</v>
      </c>
      <c r="I43168" s="2">
        <v>0</v>
      </c>
      <c r="J43168" s="2">
        <v>0</v>
      </c>
      <c r="K43168" s="2">
        <v>1</v>
      </c>
      <c r="L43168" t="s">
        <v>995</v>
      </c>
      <c r="M43168" t="s">
        <v>89</v>
      </c>
      <c r="N43168" t="s">
        <v>90</v>
      </c>
      <c r="O43168" t="s">
        <v>85</v>
      </c>
      <c r="P43168" t="s">
        <v>86</v>
      </c>
      <c r="Q43168">
        <v>4</v>
      </c>
      <c r="R43168">
        <v>4</v>
      </c>
      <c r="S43168">
        <v>4</v>
      </c>
      <c r="T43168">
        <v>4</v>
      </c>
      <c r="U43168">
        <v>4</v>
      </c>
      <c r="V43168">
        <v>4</v>
      </c>
      <c r="W43168">
        <v>4</v>
      </c>
      <c r="X43168">
        <v>4</v>
      </c>
      <c r="Y43168">
        <v>4</v>
      </c>
      <c r="Z43168">
        <v>4</v>
      </c>
      <c r="AA43168">
        <v>4</v>
      </c>
      <c r="AB43168">
        <v>5</v>
      </c>
      <c r="AC43168">
        <v>5</v>
      </c>
      <c r="AD43168">
        <v>5</v>
      </c>
      <c r="AE43168">
        <v>5</v>
      </c>
      <c r="AF43168">
        <v>5</v>
      </c>
      <c r="AG43168">
        <v>5</v>
      </c>
      <c r="AH43168">
        <v>5</v>
      </c>
      <c r="AI43168">
        <v>5</v>
      </c>
      <c r="AJ43168">
        <v>5</v>
      </c>
      <c r="AK43168">
        <v>5</v>
      </c>
      <c r="AL43168">
        <v>5</v>
      </c>
      <c r="AM43168">
        <v>5</v>
      </c>
      <c r="AN43168">
        <v>5</v>
      </c>
      <c r="AO43168">
        <v>5</v>
      </c>
      <c r="AP43168">
        <v>5</v>
      </c>
      <c r="AQ43168">
        <v>5</v>
      </c>
    </row>
    <row r="43169" spans="1:43">
      <c r="A43169" t="s">
        <v>26403</v>
      </c>
      <c r="B43169" t="s">
        <v>26404</v>
      </c>
      <c r="C43169" t="s">
        <v>24091</v>
      </c>
      <c r="D43169" t="s">
        <v>24092</v>
      </c>
      <c r="E43169" t="s">
        <v>23993</v>
      </c>
      <c r="F43169" t="s">
        <v>23994</v>
      </c>
      <c r="G43169" t="s">
        <v>11612</v>
      </c>
      <c r="H43169" t="s">
        <v>11613</v>
      </c>
      <c r="I43169" s="2">
        <v>0</v>
      </c>
      <c r="J43169" s="2">
        <v>0</v>
      </c>
      <c r="K43169" s="2">
        <v>1</v>
      </c>
      <c r="L43169" t="s">
        <v>995</v>
      </c>
      <c r="M43169" t="s">
        <v>83</v>
      </c>
      <c r="N43169" t="s">
        <v>91</v>
      </c>
      <c r="O43169" t="s">
        <v>85</v>
      </c>
      <c r="P43169" t="s">
        <v>86</v>
      </c>
      <c r="Q43169">
        <v>4</v>
      </c>
      <c r="R43169">
        <v>4</v>
      </c>
      <c r="S43169">
        <v>4</v>
      </c>
      <c r="T43169">
        <v>4</v>
      </c>
      <c r="U43169">
        <v>4</v>
      </c>
      <c r="V43169">
        <v>4</v>
      </c>
      <c r="W43169">
        <v>4</v>
      </c>
      <c r="X43169">
        <v>4</v>
      </c>
      <c r="Y43169">
        <v>4</v>
      </c>
      <c r="Z43169">
        <v>4</v>
      </c>
      <c r="AA43169">
        <v>4</v>
      </c>
      <c r="AB43169">
        <v>4</v>
      </c>
      <c r="AC43169">
        <v>4</v>
      </c>
      <c r="AD43169">
        <v>4</v>
      </c>
      <c r="AE43169">
        <v>4</v>
      </c>
      <c r="AF43169">
        <v>4</v>
      </c>
      <c r="AG43169">
        <v>4</v>
      </c>
      <c r="AH43169">
        <v>4</v>
      </c>
      <c r="AI43169">
        <v>4</v>
      </c>
      <c r="AJ43169">
        <v>4</v>
      </c>
      <c r="AK43169">
        <v>5</v>
      </c>
      <c r="AL43169">
        <v>5</v>
      </c>
      <c r="AM43169">
        <v>5</v>
      </c>
      <c r="AN43169">
        <v>4</v>
      </c>
      <c r="AO43169">
        <v>4</v>
      </c>
      <c r="AP43169">
        <v>4</v>
      </c>
      <c r="AQ43169">
        <v>4</v>
      </c>
    </row>
    <row r="43170" spans="1:43">
      <c r="A43170" t="s">
        <v>26405</v>
      </c>
      <c r="B43170" t="s">
        <v>26406</v>
      </c>
      <c r="C43170" t="s">
        <v>24279</v>
      </c>
      <c r="D43170" t="s">
        <v>24280</v>
      </c>
      <c r="E43170" t="s">
        <v>24147</v>
      </c>
      <c r="F43170" t="s">
        <v>24148</v>
      </c>
      <c r="G43170" t="s">
        <v>11612</v>
      </c>
      <c r="H43170" t="s">
        <v>11613</v>
      </c>
      <c r="I43170" s="2">
        <v>0</v>
      </c>
      <c r="J43170" s="2">
        <v>0</v>
      </c>
      <c r="K43170" s="2">
        <v>1</v>
      </c>
      <c r="L43170" t="s">
        <v>995</v>
      </c>
      <c r="M43170" t="s">
        <v>83</v>
      </c>
      <c r="N43170" t="s">
        <v>84</v>
      </c>
      <c r="O43170" t="s">
        <v>85</v>
      </c>
      <c r="P43170" t="s">
        <v>86</v>
      </c>
      <c r="Q43170">
        <v>39</v>
      </c>
      <c r="R43170">
        <v>39</v>
      </c>
      <c r="S43170">
        <v>40</v>
      </c>
      <c r="T43170">
        <v>41</v>
      </c>
      <c r="U43170">
        <v>41</v>
      </c>
      <c r="V43170">
        <v>42</v>
      </c>
      <c r="W43170">
        <v>43</v>
      </c>
      <c r="X43170">
        <v>43</v>
      </c>
      <c r="Y43170">
        <v>44</v>
      </c>
      <c r="Z43170">
        <v>45</v>
      </c>
      <c r="AA43170">
        <v>45</v>
      </c>
      <c r="AB43170">
        <v>46</v>
      </c>
      <c r="AC43170">
        <v>47</v>
      </c>
      <c r="AD43170">
        <v>47</v>
      </c>
      <c r="AE43170">
        <v>48</v>
      </c>
      <c r="AF43170">
        <v>49</v>
      </c>
      <c r="AG43170">
        <v>49</v>
      </c>
      <c r="AH43170">
        <v>50</v>
      </c>
      <c r="AI43170">
        <v>51</v>
      </c>
      <c r="AJ43170">
        <v>52</v>
      </c>
      <c r="AK43170">
        <v>52</v>
      </c>
      <c r="AL43170">
        <v>53</v>
      </c>
      <c r="AM43170">
        <v>53</v>
      </c>
      <c r="AN43170">
        <v>53</v>
      </c>
      <c r="AO43170">
        <v>53</v>
      </c>
      <c r="AP43170">
        <v>54</v>
      </c>
      <c r="AQ43170">
        <v>54</v>
      </c>
    </row>
    <row r="43171" spans="1:43">
      <c r="A43171" t="s">
        <v>26405</v>
      </c>
      <c r="B43171" t="s">
        <v>26406</v>
      </c>
      <c r="C43171" t="s">
        <v>24279</v>
      </c>
      <c r="D43171" t="s">
        <v>24280</v>
      </c>
      <c r="E43171" t="s">
        <v>24147</v>
      </c>
      <c r="F43171" t="s">
        <v>24148</v>
      </c>
      <c r="G43171" t="s">
        <v>11612</v>
      </c>
      <c r="H43171" t="s">
        <v>11613</v>
      </c>
      <c r="I43171" s="2">
        <v>0</v>
      </c>
      <c r="J43171" s="2">
        <v>0</v>
      </c>
      <c r="K43171" s="2">
        <v>1</v>
      </c>
      <c r="L43171" t="s">
        <v>995</v>
      </c>
      <c r="M43171" t="s">
        <v>87</v>
      </c>
      <c r="N43171" t="s">
        <v>88</v>
      </c>
      <c r="O43171" t="s">
        <v>85</v>
      </c>
      <c r="P43171" t="s">
        <v>86</v>
      </c>
      <c r="Q43171">
        <v>39</v>
      </c>
      <c r="R43171">
        <v>40</v>
      </c>
      <c r="S43171">
        <v>40</v>
      </c>
      <c r="T43171">
        <v>40</v>
      </c>
      <c r="U43171">
        <v>40</v>
      </c>
      <c r="V43171">
        <v>41</v>
      </c>
      <c r="W43171">
        <v>41</v>
      </c>
      <c r="X43171">
        <v>41</v>
      </c>
      <c r="Y43171">
        <v>42</v>
      </c>
      <c r="Z43171">
        <v>42</v>
      </c>
      <c r="AA43171">
        <v>42</v>
      </c>
      <c r="AB43171">
        <v>43</v>
      </c>
      <c r="AC43171">
        <v>43</v>
      </c>
      <c r="AD43171">
        <v>43</v>
      </c>
      <c r="AE43171">
        <v>44</v>
      </c>
      <c r="AF43171">
        <v>44</v>
      </c>
      <c r="AG43171">
        <v>44</v>
      </c>
      <c r="AH43171">
        <v>45</v>
      </c>
      <c r="AI43171">
        <v>45</v>
      </c>
      <c r="AJ43171">
        <v>45</v>
      </c>
      <c r="AK43171">
        <v>46</v>
      </c>
      <c r="AL43171">
        <v>46</v>
      </c>
      <c r="AM43171">
        <v>46</v>
      </c>
      <c r="AN43171">
        <v>47</v>
      </c>
      <c r="AO43171">
        <v>47</v>
      </c>
      <c r="AP43171">
        <v>47</v>
      </c>
      <c r="AQ43171">
        <v>48</v>
      </c>
    </row>
    <row r="43172" spans="1:43">
      <c r="A43172" t="s">
        <v>26405</v>
      </c>
      <c r="B43172" t="s">
        <v>26406</v>
      </c>
      <c r="C43172" t="s">
        <v>24279</v>
      </c>
      <c r="D43172" t="s">
        <v>24280</v>
      </c>
      <c r="E43172" t="s">
        <v>24147</v>
      </c>
      <c r="F43172" t="s">
        <v>24148</v>
      </c>
      <c r="G43172" t="s">
        <v>11612</v>
      </c>
      <c r="H43172" t="s">
        <v>11613</v>
      </c>
      <c r="I43172" s="2">
        <v>0</v>
      </c>
      <c r="J43172" s="2">
        <v>0</v>
      </c>
      <c r="K43172" s="2">
        <v>1</v>
      </c>
      <c r="L43172" t="s">
        <v>995</v>
      </c>
      <c r="M43172" t="s">
        <v>89</v>
      </c>
      <c r="N43172" t="s">
        <v>90</v>
      </c>
      <c r="O43172" t="s">
        <v>85</v>
      </c>
      <c r="P43172" t="s">
        <v>86</v>
      </c>
      <c r="Q43172">
        <v>39</v>
      </c>
      <c r="R43172">
        <v>40</v>
      </c>
      <c r="S43172">
        <v>41</v>
      </c>
      <c r="T43172">
        <v>42</v>
      </c>
      <c r="U43172">
        <v>43</v>
      </c>
      <c r="V43172">
        <v>44</v>
      </c>
      <c r="W43172">
        <v>45</v>
      </c>
      <c r="X43172">
        <v>46</v>
      </c>
      <c r="Y43172">
        <v>47</v>
      </c>
      <c r="Z43172">
        <v>47</v>
      </c>
      <c r="AA43172">
        <v>48</v>
      </c>
      <c r="AB43172">
        <v>49</v>
      </c>
      <c r="AC43172">
        <v>50</v>
      </c>
      <c r="AD43172">
        <v>51</v>
      </c>
      <c r="AE43172">
        <v>52</v>
      </c>
      <c r="AF43172">
        <v>52</v>
      </c>
      <c r="AG43172">
        <v>52</v>
      </c>
      <c r="AH43172">
        <v>52</v>
      </c>
      <c r="AI43172">
        <v>52</v>
      </c>
      <c r="AJ43172">
        <v>53</v>
      </c>
      <c r="AK43172">
        <v>53</v>
      </c>
      <c r="AL43172">
        <v>53</v>
      </c>
      <c r="AM43172">
        <v>54</v>
      </c>
      <c r="AN43172">
        <v>54</v>
      </c>
      <c r="AO43172">
        <v>54</v>
      </c>
      <c r="AP43172">
        <v>54</v>
      </c>
      <c r="AQ43172">
        <v>55</v>
      </c>
    </row>
    <row r="43173" spans="1:43">
      <c r="A43173" t="s">
        <v>26405</v>
      </c>
      <c r="B43173" t="s">
        <v>26406</v>
      </c>
      <c r="C43173" t="s">
        <v>24279</v>
      </c>
      <c r="D43173" t="s">
        <v>24280</v>
      </c>
      <c r="E43173" t="s">
        <v>24147</v>
      </c>
      <c r="F43173" t="s">
        <v>24148</v>
      </c>
      <c r="G43173" t="s">
        <v>11612</v>
      </c>
      <c r="H43173" t="s">
        <v>11613</v>
      </c>
      <c r="I43173" s="2">
        <v>0</v>
      </c>
      <c r="J43173" s="2">
        <v>0</v>
      </c>
      <c r="K43173" s="2">
        <v>1</v>
      </c>
      <c r="L43173" t="s">
        <v>995</v>
      </c>
      <c r="M43173" t="s">
        <v>83</v>
      </c>
      <c r="N43173" t="s">
        <v>91</v>
      </c>
      <c r="O43173" t="s">
        <v>85</v>
      </c>
      <c r="P43173" t="s">
        <v>86</v>
      </c>
      <c r="Q43173">
        <v>39</v>
      </c>
      <c r="R43173">
        <v>39</v>
      </c>
      <c r="S43173">
        <v>40</v>
      </c>
      <c r="T43173">
        <v>41</v>
      </c>
      <c r="U43173">
        <v>41</v>
      </c>
      <c r="V43173">
        <v>42</v>
      </c>
      <c r="W43173">
        <v>43</v>
      </c>
      <c r="X43173">
        <v>43</v>
      </c>
      <c r="Y43173">
        <v>44</v>
      </c>
      <c r="Z43173">
        <v>45</v>
      </c>
      <c r="AA43173">
        <v>45</v>
      </c>
      <c r="AB43173">
        <v>46</v>
      </c>
      <c r="AC43173">
        <v>47</v>
      </c>
      <c r="AD43173">
        <v>47</v>
      </c>
      <c r="AE43173">
        <v>48</v>
      </c>
      <c r="AF43173">
        <v>49</v>
      </c>
      <c r="AG43173">
        <v>49</v>
      </c>
      <c r="AH43173">
        <v>50</v>
      </c>
      <c r="AI43173">
        <v>51</v>
      </c>
      <c r="AJ43173">
        <v>52</v>
      </c>
      <c r="AK43173">
        <v>52</v>
      </c>
      <c r="AL43173">
        <v>53</v>
      </c>
      <c r="AM43173">
        <v>53</v>
      </c>
      <c r="AN43173">
        <v>53</v>
      </c>
      <c r="AO43173">
        <v>53</v>
      </c>
      <c r="AP43173">
        <v>54</v>
      </c>
      <c r="AQ43173">
        <v>54</v>
      </c>
    </row>
    <row r="43174" spans="1:43">
      <c r="A43174" t="s">
        <v>26407</v>
      </c>
      <c r="B43174" t="s">
        <v>26408</v>
      </c>
      <c r="C43174" t="s">
        <v>24279</v>
      </c>
      <c r="D43174" t="s">
        <v>24280</v>
      </c>
      <c r="E43174" t="s">
        <v>24147</v>
      </c>
      <c r="F43174" t="s">
        <v>24148</v>
      </c>
      <c r="G43174" t="s">
        <v>11612</v>
      </c>
      <c r="H43174" t="s">
        <v>11613</v>
      </c>
      <c r="I43174" s="2">
        <v>0</v>
      </c>
      <c r="J43174" s="2">
        <v>0</v>
      </c>
      <c r="K43174" s="2">
        <v>1</v>
      </c>
      <c r="L43174" t="s">
        <v>995</v>
      </c>
      <c r="M43174" t="s">
        <v>83</v>
      </c>
      <c r="N43174" t="s">
        <v>84</v>
      </c>
      <c r="O43174" t="s">
        <v>85</v>
      </c>
      <c r="P43174" t="s">
        <v>86</v>
      </c>
      <c r="Q43174">
        <v>60</v>
      </c>
      <c r="R43174">
        <v>61</v>
      </c>
      <c r="S43174">
        <v>62</v>
      </c>
      <c r="T43174">
        <v>63</v>
      </c>
      <c r="U43174">
        <v>64</v>
      </c>
      <c r="V43174">
        <v>65</v>
      </c>
      <c r="W43174">
        <v>66</v>
      </c>
      <c r="X43174">
        <v>67</v>
      </c>
      <c r="Y43174">
        <v>69</v>
      </c>
      <c r="Z43174">
        <v>70</v>
      </c>
      <c r="AA43174">
        <v>71</v>
      </c>
      <c r="AB43174">
        <v>72</v>
      </c>
      <c r="AC43174">
        <v>73</v>
      </c>
      <c r="AD43174">
        <v>74</v>
      </c>
      <c r="AE43174">
        <v>75</v>
      </c>
      <c r="AF43174">
        <v>76</v>
      </c>
      <c r="AG43174">
        <v>77</v>
      </c>
      <c r="AH43174">
        <v>78</v>
      </c>
      <c r="AI43174">
        <v>79</v>
      </c>
      <c r="AJ43174">
        <v>80</v>
      </c>
      <c r="AK43174">
        <v>81</v>
      </c>
      <c r="AL43174">
        <v>82</v>
      </c>
      <c r="AM43174">
        <v>83</v>
      </c>
      <c r="AN43174">
        <v>83</v>
      </c>
      <c r="AO43174">
        <v>83</v>
      </c>
      <c r="AP43174">
        <v>84</v>
      </c>
      <c r="AQ43174">
        <v>84</v>
      </c>
    </row>
    <row r="43175" spans="1:43">
      <c r="A43175" t="s">
        <v>26407</v>
      </c>
      <c r="B43175" t="s">
        <v>26408</v>
      </c>
      <c r="C43175" t="s">
        <v>24279</v>
      </c>
      <c r="D43175" t="s">
        <v>24280</v>
      </c>
      <c r="E43175" t="s">
        <v>24147</v>
      </c>
      <c r="F43175" t="s">
        <v>24148</v>
      </c>
      <c r="G43175" t="s">
        <v>11612</v>
      </c>
      <c r="H43175" t="s">
        <v>11613</v>
      </c>
      <c r="I43175" s="2">
        <v>0</v>
      </c>
      <c r="J43175" s="2">
        <v>0</v>
      </c>
      <c r="K43175" s="2">
        <v>1</v>
      </c>
      <c r="L43175" t="s">
        <v>995</v>
      </c>
      <c r="M43175" t="s">
        <v>87</v>
      </c>
      <c r="N43175" t="s">
        <v>88</v>
      </c>
      <c r="O43175" t="s">
        <v>85</v>
      </c>
      <c r="P43175" t="s">
        <v>86</v>
      </c>
      <c r="Q43175">
        <v>60</v>
      </c>
      <c r="R43175">
        <v>60</v>
      </c>
      <c r="S43175">
        <v>61</v>
      </c>
      <c r="T43175">
        <v>61</v>
      </c>
      <c r="U43175">
        <v>61</v>
      </c>
      <c r="V43175">
        <v>62</v>
      </c>
      <c r="W43175">
        <v>62</v>
      </c>
      <c r="X43175">
        <v>63</v>
      </c>
      <c r="Y43175">
        <v>63</v>
      </c>
      <c r="Z43175">
        <v>64</v>
      </c>
      <c r="AA43175">
        <v>64</v>
      </c>
      <c r="AB43175">
        <v>65</v>
      </c>
      <c r="AC43175">
        <v>65</v>
      </c>
      <c r="AD43175">
        <v>66</v>
      </c>
      <c r="AE43175">
        <v>66</v>
      </c>
      <c r="AF43175">
        <v>67</v>
      </c>
      <c r="AG43175">
        <v>67</v>
      </c>
      <c r="AH43175">
        <v>68</v>
      </c>
      <c r="AI43175">
        <v>68</v>
      </c>
      <c r="AJ43175">
        <v>69</v>
      </c>
      <c r="AK43175">
        <v>70</v>
      </c>
      <c r="AL43175">
        <v>70</v>
      </c>
      <c r="AM43175">
        <v>71</v>
      </c>
      <c r="AN43175">
        <v>71</v>
      </c>
      <c r="AO43175">
        <v>72</v>
      </c>
      <c r="AP43175">
        <v>72</v>
      </c>
      <c r="AQ43175">
        <v>73</v>
      </c>
    </row>
    <row r="43176" spans="1:43">
      <c r="A43176" t="s">
        <v>26407</v>
      </c>
      <c r="B43176" t="s">
        <v>26408</v>
      </c>
      <c r="C43176" t="s">
        <v>24279</v>
      </c>
      <c r="D43176" t="s">
        <v>24280</v>
      </c>
      <c r="E43176" t="s">
        <v>24147</v>
      </c>
      <c r="F43176" t="s">
        <v>24148</v>
      </c>
      <c r="G43176" t="s">
        <v>11612</v>
      </c>
      <c r="H43176" t="s">
        <v>11613</v>
      </c>
      <c r="I43176" s="2">
        <v>0</v>
      </c>
      <c r="J43176" s="2">
        <v>0</v>
      </c>
      <c r="K43176" s="2">
        <v>1</v>
      </c>
      <c r="L43176" t="s">
        <v>995</v>
      </c>
      <c r="M43176" t="s">
        <v>89</v>
      </c>
      <c r="N43176" t="s">
        <v>90</v>
      </c>
      <c r="O43176" t="s">
        <v>85</v>
      </c>
      <c r="P43176" t="s">
        <v>86</v>
      </c>
      <c r="Q43176">
        <v>60</v>
      </c>
      <c r="R43176">
        <v>61</v>
      </c>
      <c r="S43176">
        <v>63</v>
      </c>
      <c r="T43176">
        <v>64</v>
      </c>
      <c r="U43176">
        <v>66</v>
      </c>
      <c r="V43176">
        <v>67</v>
      </c>
      <c r="W43176">
        <v>69</v>
      </c>
      <c r="X43176">
        <v>70</v>
      </c>
      <c r="Y43176">
        <v>72</v>
      </c>
      <c r="Z43176">
        <v>73</v>
      </c>
      <c r="AA43176">
        <v>74</v>
      </c>
      <c r="AB43176">
        <v>76</v>
      </c>
      <c r="AC43176">
        <v>77</v>
      </c>
      <c r="AD43176">
        <v>78</v>
      </c>
      <c r="AE43176">
        <v>79</v>
      </c>
      <c r="AF43176">
        <v>80</v>
      </c>
      <c r="AG43176">
        <v>80</v>
      </c>
      <c r="AH43176">
        <v>80</v>
      </c>
      <c r="AI43176">
        <v>81</v>
      </c>
      <c r="AJ43176">
        <v>81</v>
      </c>
      <c r="AK43176">
        <v>82</v>
      </c>
      <c r="AL43176">
        <v>82</v>
      </c>
      <c r="AM43176">
        <v>82</v>
      </c>
      <c r="AN43176">
        <v>83</v>
      </c>
      <c r="AO43176">
        <v>83</v>
      </c>
      <c r="AP43176">
        <v>84</v>
      </c>
      <c r="AQ43176">
        <v>84</v>
      </c>
    </row>
    <row r="43177" spans="1:43">
      <c r="A43177" t="s">
        <v>26407</v>
      </c>
      <c r="B43177" t="s">
        <v>26408</v>
      </c>
      <c r="C43177" t="s">
        <v>24279</v>
      </c>
      <c r="D43177" t="s">
        <v>24280</v>
      </c>
      <c r="E43177" t="s">
        <v>24147</v>
      </c>
      <c r="F43177" t="s">
        <v>24148</v>
      </c>
      <c r="G43177" t="s">
        <v>11612</v>
      </c>
      <c r="H43177" t="s">
        <v>11613</v>
      </c>
      <c r="I43177" s="2">
        <v>0</v>
      </c>
      <c r="J43177" s="2">
        <v>0</v>
      </c>
      <c r="K43177" s="2">
        <v>1</v>
      </c>
      <c r="L43177" t="s">
        <v>995</v>
      </c>
      <c r="M43177" t="s">
        <v>83</v>
      </c>
      <c r="N43177" t="s">
        <v>91</v>
      </c>
      <c r="O43177" t="s">
        <v>85</v>
      </c>
      <c r="P43177" t="s">
        <v>86</v>
      </c>
      <c r="Q43177">
        <v>60</v>
      </c>
      <c r="R43177">
        <v>61</v>
      </c>
      <c r="S43177">
        <v>62</v>
      </c>
      <c r="T43177">
        <v>63</v>
      </c>
      <c r="U43177">
        <v>64</v>
      </c>
      <c r="V43177">
        <v>65</v>
      </c>
      <c r="W43177">
        <v>66</v>
      </c>
      <c r="X43177">
        <v>67</v>
      </c>
      <c r="Y43177">
        <v>69</v>
      </c>
      <c r="Z43177">
        <v>70</v>
      </c>
      <c r="AA43177">
        <v>71</v>
      </c>
      <c r="AB43177">
        <v>72</v>
      </c>
      <c r="AC43177">
        <v>73</v>
      </c>
      <c r="AD43177">
        <v>74</v>
      </c>
      <c r="AE43177">
        <v>75</v>
      </c>
      <c r="AF43177">
        <v>76</v>
      </c>
      <c r="AG43177">
        <v>77</v>
      </c>
      <c r="AH43177">
        <v>78</v>
      </c>
      <c r="AI43177">
        <v>79</v>
      </c>
      <c r="AJ43177">
        <v>80</v>
      </c>
      <c r="AK43177">
        <v>81</v>
      </c>
      <c r="AL43177">
        <v>82</v>
      </c>
      <c r="AM43177">
        <v>83</v>
      </c>
      <c r="AN43177">
        <v>83</v>
      </c>
      <c r="AO43177">
        <v>83</v>
      </c>
      <c r="AP43177">
        <v>84</v>
      </c>
      <c r="AQ43177">
        <v>84</v>
      </c>
    </row>
    <row r="43178" spans="1:43">
      <c r="A43178" t="s">
        <v>26409</v>
      </c>
      <c r="B43178" t="s">
        <v>26410</v>
      </c>
      <c r="C43178" t="s">
        <v>24279</v>
      </c>
      <c r="D43178" t="s">
        <v>24280</v>
      </c>
      <c r="E43178" t="s">
        <v>24147</v>
      </c>
      <c r="F43178" t="s">
        <v>24148</v>
      </c>
      <c r="G43178" t="s">
        <v>11612</v>
      </c>
      <c r="H43178" t="s">
        <v>11613</v>
      </c>
      <c r="I43178" s="2">
        <v>0</v>
      </c>
      <c r="J43178" s="2">
        <v>0</v>
      </c>
      <c r="K43178" s="2">
        <v>1</v>
      </c>
      <c r="L43178" t="s">
        <v>995</v>
      </c>
      <c r="M43178" t="s">
        <v>83</v>
      </c>
      <c r="N43178" t="s">
        <v>84</v>
      </c>
      <c r="O43178" t="s">
        <v>85</v>
      </c>
      <c r="P43178" t="s">
        <v>86</v>
      </c>
      <c r="Q43178">
        <v>9</v>
      </c>
      <c r="R43178">
        <v>9</v>
      </c>
      <c r="S43178">
        <v>9</v>
      </c>
      <c r="T43178">
        <v>10</v>
      </c>
      <c r="U43178">
        <v>10</v>
      </c>
      <c r="V43178">
        <v>10</v>
      </c>
      <c r="W43178">
        <v>10</v>
      </c>
      <c r="X43178">
        <v>10</v>
      </c>
      <c r="Y43178">
        <v>10</v>
      </c>
      <c r="Z43178">
        <v>11</v>
      </c>
      <c r="AA43178">
        <v>11</v>
      </c>
      <c r="AB43178">
        <v>11</v>
      </c>
      <c r="AC43178">
        <v>11</v>
      </c>
      <c r="AD43178">
        <v>11</v>
      </c>
      <c r="AE43178">
        <v>11</v>
      </c>
      <c r="AF43178">
        <v>12</v>
      </c>
      <c r="AG43178">
        <v>12</v>
      </c>
      <c r="AH43178">
        <v>12</v>
      </c>
      <c r="AI43178">
        <v>12</v>
      </c>
      <c r="AJ43178">
        <v>12</v>
      </c>
      <c r="AK43178">
        <v>12</v>
      </c>
      <c r="AL43178">
        <v>13</v>
      </c>
      <c r="AM43178">
        <v>13</v>
      </c>
      <c r="AN43178">
        <v>13</v>
      </c>
      <c r="AO43178">
        <v>13</v>
      </c>
      <c r="AP43178">
        <v>13</v>
      </c>
      <c r="AQ43178">
        <v>13</v>
      </c>
    </row>
    <row r="43179" spans="1:43">
      <c r="A43179" t="s">
        <v>26409</v>
      </c>
      <c r="B43179" t="s">
        <v>26410</v>
      </c>
      <c r="C43179" t="s">
        <v>24279</v>
      </c>
      <c r="D43179" t="s">
        <v>24280</v>
      </c>
      <c r="E43179" t="s">
        <v>24147</v>
      </c>
      <c r="F43179" t="s">
        <v>24148</v>
      </c>
      <c r="G43179" t="s">
        <v>11612</v>
      </c>
      <c r="H43179" t="s">
        <v>11613</v>
      </c>
      <c r="I43179" s="2">
        <v>0</v>
      </c>
      <c r="J43179" s="2">
        <v>0</v>
      </c>
      <c r="K43179" s="2">
        <v>1</v>
      </c>
      <c r="L43179" t="s">
        <v>995</v>
      </c>
      <c r="M43179" t="s">
        <v>87</v>
      </c>
      <c r="N43179" t="s">
        <v>88</v>
      </c>
      <c r="O43179" t="s">
        <v>85</v>
      </c>
      <c r="P43179" t="s">
        <v>86</v>
      </c>
      <c r="Q43179">
        <v>9</v>
      </c>
      <c r="R43179">
        <v>9</v>
      </c>
      <c r="S43179">
        <v>9</v>
      </c>
      <c r="T43179">
        <v>9</v>
      </c>
      <c r="U43179">
        <v>9</v>
      </c>
      <c r="V43179">
        <v>9</v>
      </c>
      <c r="W43179">
        <v>10</v>
      </c>
      <c r="X43179">
        <v>10</v>
      </c>
      <c r="Y43179">
        <v>10</v>
      </c>
      <c r="Z43179">
        <v>10</v>
      </c>
      <c r="AA43179">
        <v>10</v>
      </c>
      <c r="AB43179">
        <v>10</v>
      </c>
      <c r="AC43179">
        <v>10</v>
      </c>
      <c r="AD43179">
        <v>10</v>
      </c>
      <c r="AE43179">
        <v>10</v>
      </c>
      <c r="AF43179">
        <v>10</v>
      </c>
      <c r="AG43179">
        <v>10</v>
      </c>
      <c r="AH43179">
        <v>10</v>
      </c>
      <c r="AI43179">
        <v>10</v>
      </c>
      <c r="AJ43179">
        <v>11</v>
      </c>
      <c r="AK43179">
        <v>11</v>
      </c>
      <c r="AL43179">
        <v>11</v>
      </c>
      <c r="AM43179">
        <v>11</v>
      </c>
      <c r="AN43179">
        <v>11</v>
      </c>
      <c r="AO43179">
        <v>11</v>
      </c>
      <c r="AP43179">
        <v>11</v>
      </c>
      <c r="AQ43179">
        <v>11</v>
      </c>
    </row>
    <row r="43180" spans="1:43">
      <c r="A43180" t="s">
        <v>26409</v>
      </c>
      <c r="B43180" t="s">
        <v>26410</v>
      </c>
      <c r="C43180" t="s">
        <v>24279</v>
      </c>
      <c r="D43180" t="s">
        <v>24280</v>
      </c>
      <c r="E43180" t="s">
        <v>24147</v>
      </c>
      <c r="F43180" t="s">
        <v>24148</v>
      </c>
      <c r="G43180" t="s">
        <v>11612</v>
      </c>
      <c r="H43180" t="s">
        <v>11613</v>
      </c>
      <c r="I43180" s="2">
        <v>0</v>
      </c>
      <c r="J43180" s="2">
        <v>0</v>
      </c>
      <c r="K43180" s="2">
        <v>1</v>
      </c>
      <c r="L43180" t="s">
        <v>995</v>
      </c>
      <c r="M43180" t="s">
        <v>89</v>
      </c>
      <c r="N43180" t="s">
        <v>90</v>
      </c>
      <c r="O43180" t="s">
        <v>85</v>
      </c>
      <c r="P43180" t="s">
        <v>86</v>
      </c>
      <c r="Q43180">
        <v>9</v>
      </c>
      <c r="R43180">
        <v>10</v>
      </c>
      <c r="S43180">
        <v>10</v>
      </c>
      <c r="T43180">
        <v>10</v>
      </c>
      <c r="U43180">
        <v>10</v>
      </c>
      <c r="V43180">
        <v>10</v>
      </c>
      <c r="W43180">
        <v>11</v>
      </c>
      <c r="X43180">
        <v>11</v>
      </c>
      <c r="Y43180">
        <v>11</v>
      </c>
      <c r="Z43180">
        <v>11</v>
      </c>
      <c r="AA43180">
        <v>11</v>
      </c>
      <c r="AB43180">
        <v>12</v>
      </c>
      <c r="AC43180">
        <v>12</v>
      </c>
      <c r="AD43180">
        <v>12</v>
      </c>
      <c r="AE43180">
        <v>12</v>
      </c>
      <c r="AF43180">
        <v>12</v>
      </c>
      <c r="AG43180">
        <v>12</v>
      </c>
      <c r="AH43180">
        <v>12</v>
      </c>
      <c r="AI43180">
        <v>12</v>
      </c>
      <c r="AJ43180">
        <v>13</v>
      </c>
      <c r="AK43180">
        <v>13</v>
      </c>
      <c r="AL43180">
        <v>13</v>
      </c>
      <c r="AM43180">
        <v>13</v>
      </c>
      <c r="AN43180">
        <v>13</v>
      </c>
      <c r="AO43180">
        <v>13</v>
      </c>
      <c r="AP43180">
        <v>13</v>
      </c>
      <c r="AQ43180">
        <v>13</v>
      </c>
    </row>
    <row r="43181" spans="1:43">
      <c r="A43181" t="s">
        <v>26409</v>
      </c>
      <c r="B43181" t="s">
        <v>26410</v>
      </c>
      <c r="C43181" t="s">
        <v>24279</v>
      </c>
      <c r="D43181" t="s">
        <v>24280</v>
      </c>
      <c r="E43181" t="s">
        <v>24147</v>
      </c>
      <c r="F43181" t="s">
        <v>24148</v>
      </c>
      <c r="G43181" t="s">
        <v>11612</v>
      </c>
      <c r="H43181" t="s">
        <v>11613</v>
      </c>
      <c r="I43181" s="2">
        <v>0</v>
      </c>
      <c r="J43181" s="2">
        <v>0</v>
      </c>
      <c r="K43181" s="2">
        <v>1</v>
      </c>
      <c r="L43181" t="s">
        <v>995</v>
      </c>
      <c r="M43181" t="s">
        <v>83</v>
      </c>
      <c r="N43181" t="s">
        <v>91</v>
      </c>
      <c r="O43181" t="s">
        <v>85</v>
      </c>
      <c r="P43181" t="s">
        <v>86</v>
      </c>
      <c r="Q43181">
        <v>9</v>
      </c>
      <c r="R43181">
        <v>9</v>
      </c>
      <c r="S43181">
        <v>9</v>
      </c>
      <c r="T43181">
        <v>10</v>
      </c>
      <c r="U43181">
        <v>10</v>
      </c>
      <c r="V43181">
        <v>10</v>
      </c>
      <c r="W43181">
        <v>10</v>
      </c>
      <c r="X43181">
        <v>10</v>
      </c>
      <c r="Y43181">
        <v>10</v>
      </c>
      <c r="Z43181">
        <v>11</v>
      </c>
      <c r="AA43181">
        <v>11</v>
      </c>
      <c r="AB43181">
        <v>11</v>
      </c>
      <c r="AC43181">
        <v>11</v>
      </c>
      <c r="AD43181">
        <v>11</v>
      </c>
      <c r="AE43181">
        <v>11</v>
      </c>
      <c r="AF43181">
        <v>12</v>
      </c>
      <c r="AG43181">
        <v>12</v>
      </c>
      <c r="AH43181">
        <v>12</v>
      </c>
      <c r="AI43181">
        <v>12</v>
      </c>
      <c r="AJ43181">
        <v>12</v>
      </c>
      <c r="AK43181">
        <v>12</v>
      </c>
      <c r="AL43181">
        <v>13</v>
      </c>
      <c r="AM43181">
        <v>13</v>
      </c>
      <c r="AN43181">
        <v>13</v>
      </c>
      <c r="AO43181">
        <v>13</v>
      </c>
      <c r="AP43181">
        <v>13</v>
      </c>
      <c r="AQ43181">
        <v>13</v>
      </c>
    </row>
    <row r="43182" spans="1:43">
      <c r="A43182" t="s">
        <v>26411</v>
      </c>
      <c r="B43182" t="s">
        <v>26412</v>
      </c>
      <c r="C43182" t="s">
        <v>24279</v>
      </c>
      <c r="D43182" t="s">
        <v>24280</v>
      </c>
      <c r="E43182" t="s">
        <v>24147</v>
      </c>
      <c r="F43182" t="s">
        <v>24148</v>
      </c>
      <c r="G43182" t="s">
        <v>11612</v>
      </c>
      <c r="H43182" t="s">
        <v>11613</v>
      </c>
      <c r="I43182" s="2">
        <v>0</v>
      </c>
      <c r="J43182" s="2">
        <v>0</v>
      </c>
      <c r="K43182" s="2">
        <v>1</v>
      </c>
      <c r="L43182" t="s">
        <v>995</v>
      </c>
      <c r="M43182" t="s">
        <v>83</v>
      </c>
      <c r="N43182" t="s">
        <v>84</v>
      </c>
      <c r="O43182" t="s">
        <v>85</v>
      </c>
      <c r="P43182" t="s">
        <v>86</v>
      </c>
      <c r="Q43182">
        <v>45</v>
      </c>
      <c r="R43182">
        <v>46</v>
      </c>
      <c r="S43182">
        <v>46</v>
      </c>
      <c r="T43182">
        <v>47</v>
      </c>
      <c r="U43182">
        <v>48</v>
      </c>
      <c r="V43182">
        <v>49</v>
      </c>
      <c r="W43182">
        <v>49</v>
      </c>
      <c r="X43182">
        <v>50</v>
      </c>
      <c r="Y43182">
        <v>51</v>
      </c>
      <c r="Z43182">
        <v>52</v>
      </c>
      <c r="AA43182">
        <v>53</v>
      </c>
      <c r="AB43182">
        <v>53</v>
      </c>
      <c r="AC43182">
        <v>54</v>
      </c>
      <c r="AD43182">
        <v>55</v>
      </c>
      <c r="AE43182">
        <v>56</v>
      </c>
      <c r="AF43182">
        <v>57</v>
      </c>
      <c r="AG43182">
        <v>57</v>
      </c>
      <c r="AH43182">
        <v>58</v>
      </c>
      <c r="AI43182">
        <v>59</v>
      </c>
      <c r="AJ43182">
        <v>60</v>
      </c>
      <c r="AK43182">
        <v>61</v>
      </c>
      <c r="AL43182">
        <v>61</v>
      </c>
      <c r="AM43182">
        <v>62</v>
      </c>
      <c r="AN43182">
        <v>62</v>
      </c>
      <c r="AO43182">
        <v>62</v>
      </c>
      <c r="AP43182">
        <v>62</v>
      </c>
      <c r="AQ43182">
        <v>63</v>
      </c>
    </row>
    <row r="43183" spans="1:43">
      <c r="A43183" t="s">
        <v>26411</v>
      </c>
      <c r="B43183" t="s">
        <v>26412</v>
      </c>
      <c r="C43183" t="s">
        <v>24279</v>
      </c>
      <c r="D43183" t="s">
        <v>24280</v>
      </c>
      <c r="E43183" t="s">
        <v>24147</v>
      </c>
      <c r="F43183" t="s">
        <v>24148</v>
      </c>
      <c r="G43183" t="s">
        <v>11612</v>
      </c>
      <c r="H43183" t="s">
        <v>11613</v>
      </c>
      <c r="I43183" s="2">
        <v>0</v>
      </c>
      <c r="J43183" s="2">
        <v>0</v>
      </c>
      <c r="K43183" s="2">
        <v>1</v>
      </c>
      <c r="L43183" t="s">
        <v>995</v>
      </c>
      <c r="M43183" t="s">
        <v>87</v>
      </c>
      <c r="N43183" t="s">
        <v>88</v>
      </c>
      <c r="O43183" t="s">
        <v>85</v>
      </c>
      <c r="P43183" t="s">
        <v>86</v>
      </c>
      <c r="Q43183">
        <v>45</v>
      </c>
      <c r="R43183">
        <v>45</v>
      </c>
      <c r="S43183">
        <v>45</v>
      </c>
      <c r="T43183">
        <v>45</v>
      </c>
      <c r="U43183">
        <v>46</v>
      </c>
      <c r="V43183">
        <v>46</v>
      </c>
      <c r="W43183">
        <v>47</v>
      </c>
      <c r="X43183">
        <v>47</v>
      </c>
      <c r="Y43183">
        <v>47</v>
      </c>
      <c r="Z43183">
        <v>48</v>
      </c>
      <c r="AA43183">
        <v>48</v>
      </c>
      <c r="AB43183">
        <v>48</v>
      </c>
      <c r="AC43183">
        <v>49</v>
      </c>
      <c r="AD43183">
        <v>49</v>
      </c>
      <c r="AE43183">
        <v>49</v>
      </c>
      <c r="AF43183">
        <v>50</v>
      </c>
      <c r="AG43183">
        <v>50</v>
      </c>
      <c r="AH43183">
        <v>51</v>
      </c>
      <c r="AI43183">
        <v>51</v>
      </c>
      <c r="AJ43183">
        <v>51</v>
      </c>
      <c r="AK43183">
        <v>52</v>
      </c>
      <c r="AL43183">
        <v>52</v>
      </c>
      <c r="AM43183">
        <v>53</v>
      </c>
      <c r="AN43183">
        <v>53</v>
      </c>
      <c r="AO43183">
        <v>54</v>
      </c>
      <c r="AP43183">
        <v>54</v>
      </c>
      <c r="AQ43183">
        <v>54</v>
      </c>
    </row>
    <row r="43184" spans="1:43">
      <c r="A43184" t="s">
        <v>26411</v>
      </c>
      <c r="B43184" t="s">
        <v>26412</v>
      </c>
      <c r="C43184" t="s">
        <v>24279</v>
      </c>
      <c r="D43184" t="s">
        <v>24280</v>
      </c>
      <c r="E43184" t="s">
        <v>24147</v>
      </c>
      <c r="F43184" t="s">
        <v>24148</v>
      </c>
      <c r="G43184" t="s">
        <v>11612</v>
      </c>
      <c r="H43184" t="s">
        <v>11613</v>
      </c>
      <c r="I43184" s="2">
        <v>0</v>
      </c>
      <c r="J43184" s="2">
        <v>0</v>
      </c>
      <c r="K43184" s="2">
        <v>1</v>
      </c>
      <c r="L43184" t="s">
        <v>995</v>
      </c>
      <c r="M43184" t="s">
        <v>89</v>
      </c>
      <c r="N43184" t="s">
        <v>90</v>
      </c>
      <c r="O43184" t="s">
        <v>85</v>
      </c>
      <c r="P43184" t="s">
        <v>86</v>
      </c>
      <c r="Q43184">
        <v>45</v>
      </c>
      <c r="R43184">
        <v>46</v>
      </c>
      <c r="S43184">
        <v>48</v>
      </c>
      <c r="T43184">
        <v>49</v>
      </c>
      <c r="U43184">
        <v>50</v>
      </c>
      <c r="V43184">
        <v>51</v>
      </c>
      <c r="W43184">
        <v>52</v>
      </c>
      <c r="X43184">
        <v>53</v>
      </c>
      <c r="Y43184">
        <v>54</v>
      </c>
      <c r="Z43184">
        <v>55</v>
      </c>
      <c r="AA43184">
        <v>56</v>
      </c>
      <c r="AB43184">
        <v>57</v>
      </c>
      <c r="AC43184">
        <v>58</v>
      </c>
      <c r="AD43184">
        <v>59</v>
      </c>
      <c r="AE43184">
        <v>60</v>
      </c>
      <c r="AF43184">
        <v>60</v>
      </c>
      <c r="AG43184">
        <v>60</v>
      </c>
      <c r="AH43184">
        <v>61</v>
      </c>
      <c r="AI43184">
        <v>61</v>
      </c>
      <c r="AJ43184">
        <v>61</v>
      </c>
      <c r="AK43184">
        <v>62</v>
      </c>
      <c r="AL43184">
        <v>62</v>
      </c>
      <c r="AM43184">
        <v>62</v>
      </c>
      <c r="AN43184">
        <v>62</v>
      </c>
      <c r="AO43184">
        <v>63</v>
      </c>
      <c r="AP43184">
        <v>63</v>
      </c>
      <c r="AQ43184">
        <v>63</v>
      </c>
    </row>
    <row r="43185" spans="1:43">
      <c r="A43185" t="s">
        <v>26411</v>
      </c>
      <c r="B43185" t="s">
        <v>26412</v>
      </c>
      <c r="C43185" t="s">
        <v>24279</v>
      </c>
      <c r="D43185" t="s">
        <v>24280</v>
      </c>
      <c r="E43185" t="s">
        <v>24147</v>
      </c>
      <c r="F43185" t="s">
        <v>24148</v>
      </c>
      <c r="G43185" t="s">
        <v>11612</v>
      </c>
      <c r="H43185" t="s">
        <v>11613</v>
      </c>
      <c r="I43185" s="2">
        <v>0</v>
      </c>
      <c r="J43185" s="2">
        <v>0</v>
      </c>
      <c r="K43185" s="2">
        <v>1</v>
      </c>
      <c r="L43185" t="s">
        <v>995</v>
      </c>
      <c r="M43185" t="s">
        <v>83</v>
      </c>
      <c r="N43185" t="s">
        <v>91</v>
      </c>
      <c r="O43185" t="s">
        <v>85</v>
      </c>
      <c r="P43185" t="s">
        <v>86</v>
      </c>
      <c r="Q43185">
        <v>45</v>
      </c>
      <c r="R43185">
        <v>46</v>
      </c>
      <c r="S43185">
        <v>46</v>
      </c>
      <c r="T43185">
        <v>47</v>
      </c>
      <c r="U43185">
        <v>48</v>
      </c>
      <c r="V43185">
        <v>49</v>
      </c>
      <c r="W43185">
        <v>49</v>
      </c>
      <c r="X43185">
        <v>50</v>
      </c>
      <c r="Y43185">
        <v>51</v>
      </c>
      <c r="Z43185">
        <v>52</v>
      </c>
      <c r="AA43185">
        <v>53</v>
      </c>
      <c r="AB43185">
        <v>53</v>
      </c>
      <c r="AC43185">
        <v>54</v>
      </c>
      <c r="AD43185">
        <v>55</v>
      </c>
      <c r="AE43185">
        <v>56</v>
      </c>
      <c r="AF43185">
        <v>57</v>
      </c>
      <c r="AG43185">
        <v>57</v>
      </c>
      <c r="AH43185">
        <v>58</v>
      </c>
      <c r="AI43185">
        <v>59</v>
      </c>
      <c r="AJ43185">
        <v>60</v>
      </c>
      <c r="AK43185">
        <v>61</v>
      </c>
      <c r="AL43185">
        <v>61</v>
      </c>
      <c r="AM43185">
        <v>62</v>
      </c>
      <c r="AN43185">
        <v>62</v>
      </c>
      <c r="AO43185">
        <v>62</v>
      </c>
      <c r="AP43185">
        <v>62</v>
      </c>
      <c r="AQ43185">
        <v>63</v>
      </c>
    </row>
    <row r="43186" spans="1:43">
      <c r="A43186" t="s">
        <v>26413</v>
      </c>
      <c r="B43186" t="s">
        <v>26414</v>
      </c>
      <c r="C43186" t="s">
        <v>24237</v>
      </c>
      <c r="D43186" t="s">
        <v>24238</v>
      </c>
      <c r="E43186" t="s">
        <v>24147</v>
      </c>
      <c r="F43186" t="s">
        <v>24148</v>
      </c>
      <c r="G43186" t="s">
        <v>11612</v>
      </c>
      <c r="H43186" t="s">
        <v>11613</v>
      </c>
      <c r="I43186" s="2">
        <v>0</v>
      </c>
      <c r="J43186" s="2">
        <v>0</v>
      </c>
      <c r="K43186" s="2">
        <v>1</v>
      </c>
      <c r="L43186" t="s">
        <v>995</v>
      </c>
      <c r="M43186" t="s">
        <v>83</v>
      </c>
      <c r="N43186" t="s">
        <v>84</v>
      </c>
      <c r="O43186" t="s">
        <v>85</v>
      </c>
      <c r="P43186" t="s">
        <v>86</v>
      </c>
      <c r="Q43186">
        <v>17</v>
      </c>
      <c r="R43186">
        <v>18</v>
      </c>
      <c r="S43186">
        <v>18</v>
      </c>
      <c r="T43186">
        <v>18</v>
      </c>
      <c r="U43186">
        <v>19</v>
      </c>
      <c r="V43186">
        <v>19</v>
      </c>
      <c r="W43186">
        <v>19</v>
      </c>
      <c r="X43186">
        <v>20</v>
      </c>
      <c r="Y43186">
        <v>20</v>
      </c>
      <c r="Z43186">
        <v>20</v>
      </c>
      <c r="AA43186">
        <v>21</v>
      </c>
      <c r="AB43186">
        <v>21</v>
      </c>
      <c r="AC43186">
        <v>21</v>
      </c>
      <c r="AD43186">
        <v>22</v>
      </c>
      <c r="AE43186">
        <v>22</v>
      </c>
      <c r="AF43186">
        <v>22</v>
      </c>
      <c r="AG43186">
        <v>23</v>
      </c>
      <c r="AH43186">
        <v>23</v>
      </c>
      <c r="AI43186">
        <v>24</v>
      </c>
      <c r="AJ43186">
        <v>24</v>
      </c>
      <c r="AK43186">
        <v>24</v>
      </c>
      <c r="AL43186">
        <v>25</v>
      </c>
      <c r="AM43186">
        <v>25</v>
      </c>
      <c r="AN43186">
        <v>25</v>
      </c>
      <c r="AO43186">
        <v>25</v>
      </c>
      <c r="AP43186">
        <v>26</v>
      </c>
      <c r="AQ43186">
        <v>26</v>
      </c>
    </row>
    <row r="43187" spans="1:43">
      <c r="A43187" t="s">
        <v>26413</v>
      </c>
      <c r="B43187" t="s">
        <v>26414</v>
      </c>
      <c r="C43187" t="s">
        <v>24237</v>
      </c>
      <c r="D43187" t="s">
        <v>24238</v>
      </c>
      <c r="E43187" t="s">
        <v>24147</v>
      </c>
      <c r="F43187" t="s">
        <v>24148</v>
      </c>
      <c r="G43187" t="s">
        <v>11612</v>
      </c>
      <c r="H43187" t="s">
        <v>11613</v>
      </c>
      <c r="I43187" s="2">
        <v>0</v>
      </c>
      <c r="J43187" s="2">
        <v>0</v>
      </c>
      <c r="K43187" s="2">
        <v>1</v>
      </c>
      <c r="L43187" t="s">
        <v>995</v>
      </c>
      <c r="M43187" t="s">
        <v>87</v>
      </c>
      <c r="N43187" t="s">
        <v>88</v>
      </c>
      <c r="O43187" t="s">
        <v>85</v>
      </c>
      <c r="P43187" t="s">
        <v>86</v>
      </c>
      <c r="Q43187">
        <v>17</v>
      </c>
      <c r="R43187">
        <v>17</v>
      </c>
      <c r="S43187">
        <v>17</v>
      </c>
      <c r="T43187">
        <v>18</v>
      </c>
      <c r="U43187">
        <v>18</v>
      </c>
      <c r="V43187">
        <v>18</v>
      </c>
      <c r="W43187">
        <v>18</v>
      </c>
      <c r="X43187">
        <v>18</v>
      </c>
      <c r="Y43187">
        <v>18</v>
      </c>
      <c r="Z43187">
        <v>19</v>
      </c>
      <c r="AA43187">
        <v>19</v>
      </c>
      <c r="AB43187">
        <v>19</v>
      </c>
      <c r="AC43187">
        <v>19</v>
      </c>
      <c r="AD43187">
        <v>19</v>
      </c>
      <c r="AE43187">
        <v>20</v>
      </c>
      <c r="AF43187">
        <v>20</v>
      </c>
      <c r="AG43187">
        <v>20</v>
      </c>
      <c r="AH43187">
        <v>20</v>
      </c>
      <c r="AI43187">
        <v>20</v>
      </c>
      <c r="AJ43187">
        <v>21</v>
      </c>
      <c r="AK43187">
        <v>21</v>
      </c>
      <c r="AL43187">
        <v>21</v>
      </c>
      <c r="AM43187">
        <v>21</v>
      </c>
      <c r="AN43187">
        <v>22</v>
      </c>
      <c r="AO43187">
        <v>22</v>
      </c>
      <c r="AP43187">
        <v>22</v>
      </c>
      <c r="AQ43187">
        <v>22</v>
      </c>
    </row>
    <row r="43188" spans="1:43">
      <c r="A43188" t="s">
        <v>26413</v>
      </c>
      <c r="B43188" t="s">
        <v>26414</v>
      </c>
      <c r="C43188" t="s">
        <v>24237</v>
      </c>
      <c r="D43188" t="s">
        <v>24238</v>
      </c>
      <c r="E43188" t="s">
        <v>24147</v>
      </c>
      <c r="F43188" t="s">
        <v>24148</v>
      </c>
      <c r="G43188" t="s">
        <v>11612</v>
      </c>
      <c r="H43188" t="s">
        <v>11613</v>
      </c>
      <c r="I43188" s="2">
        <v>0</v>
      </c>
      <c r="J43188" s="2">
        <v>0</v>
      </c>
      <c r="K43188" s="2">
        <v>1</v>
      </c>
      <c r="L43188" t="s">
        <v>995</v>
      </c>
      <c r="M43188" t="s">
        <v>89</v>
      </c>
      <c r="N43188" t="s">
        <v>90</v>
      </c>
      <c r="O43188" t="s">
        <v>85</v>
      </c>
      <c r="P43188" t="s">
        <v>86</v>
      </c>
      <c r="Q43188">
        <v>17</v>
      </c>
      <c r="R43188">
        <v>18</v>
      </c>
      <c r="S43188">
        <v>18</v>
      </c>
      <c r="T43188">
        <v>19</v>
      </c>
      <c r="U43188">
        <v>19</v>
      </c>
      <c r="V43188">
        <v>20</v>
      </c>
      <c r="W43188">
        <v>20</v>
      </c>
      <c r="X43188">
        <v>21</v>
      </c>
      <c r="Y43188">
        <v>21</v>
      </c>
      <c r="Z43188">
        <v>22</v>
      </c>
      <c r="AA43188">
        <v>22</v>
      </c>
      <c r="AB43188">
        <v>22</v>
      </c>
      <c r="AC43188">
        <v>23</v>
      </c>
      <c r="AD43188">
        <v>23</v>
      </c>
      <c r="AE43188">
        <v>24</v>
      </c>
      <c r="AF43188">
        <v>24</v>
      </c>
      <c r="AG43188">
        <v>24</v>
      </c>
      <c r="AH43188">
        <v>24</v>
      </c>
      <c r="AI43188">
        <v>24</v>
      </c>
      <c r="AJ43188">
        <v>25</v>
      </c>
      <c r="AK43188">
        <v>25</v>
      </c>
      <c r="AL43188">
        <v>25</v>
      </c>
      <c r="AM43188">
        <v>25</v>
      </c>
      <c r="AN43188">
        <v>26</v>
      </c>
      <c r="AO43188">
        <v>26</v>
      </c>
      <c r="AP43188">
        <v>26</v>
      </c>
      <c r="AQ43188">
        <v>26</v>
      </c>
    </row>
    <row r="43189" spans="1:43">
      <c r="A43189" t="s">
        <v>26413</v>
      </c>
      <c r="B43189" t="s">
        <v>26414</v>
      </c>
      <c r="C43189" t="s">
        <v>24237</v>
      </c>
      <c r="D43189" t="s">
        <v>24238</v>
      </c>
      <c r="E43189" t="s">
        <v>24147</v>
      </c>
      <c r="F43189" t="s">
        <v>24148</v>
      </c>
      <c r="G43189" t="s">
        <v>11612</v>
      </c>
      <c r="H43189" t="s">
        <v>11613</v>
      </c>
      <c r="I43189" s="2">
        <v>0</v>
      </c>
      <c r="J43189" s="2">
        <v>0</v>
      </c>
      <c r="K43189" s="2">
        <v>1</v>
      </c>
      <c r="L43189" t="s">
        <v>995</v>
      </c>
      <c r="M43189" t="s">
        <v>83</v>
      </c>
      <c r="N43189" t="s">
        <v>91</v>
      </c>
      <c r="O43189" t="s">
        <v>85</v>
      </c>
      <c r="P43189" t="s">
        <v>86</v>
      </c>
      <c r="Q43189">
        <v>17</v>
      </c>
      <c r="R43189">
        <v>18</v>
      </c>
      <c r="S43189">
        <v>18</v>
      </c>
      <c r="T43189">
        <v>18</v>
      </c>
      <c r="U43189">
        <v>19</v>
      </c>
      <c r="V43189">
        <v>19</v>
      </c>
      <c r="W43189">
        <v>19</v>
      </c>
      <c r="X43189">
        <v>20</v>
      </c>
      <c r="Y43189">
        <v>20</v>
      </c>
      <c r="Z43189">
        <v>20</v>
      </c>
      <c r="AA43189">
        <v>21</v>
      </c>
      <c r="AB43189">
        <v>21</v>
      </c>
      <c r="AC43189">
        <v>21</v>
      </c>
      <c r="AD43189">
        <v>22</v>
      </c>
      <c r="AE43189">
        <v>22</v>
      </c>
      <c r="AF43189">
        <v>22</v>
      </c>
      <c r="AG43189">
        <v>23</v>
      </c>
      <c r="AH43189">
        <v>23</v>
      </c>
      <c r="AI43189">
        <v>24</v>
      </c>
      <c r="AJ43189">
        <v>24</v>
      </c>
      <c r="AK43189">
        <v>24</v>
      </c>
      <c r="AL43189">
        <v>25</v>
      </c>
      <c r="AM43189">
        <v>25</v>
      </c>
      <c r="AN43189">
        <v>25</v>
      </c>
      <c r="AO43189">
        <v>25</v>
      </c>
      <c r="AP43189">
        <v>26</v>
      </c>
      <c r="AQ43189">
        <v>26</v>
      </c>
    </row>
    <row r="43190" spans="1:43">
      <c r="A43190" t="s">
        <v>26415</v>
      </c>
      <c r="B43190" t="s">
        <v>26416</v>
      </c>
      <c r="C43190" t="s">
        <v>24237</v>
      </c>
      <c r="D43190" t="s">
        <v>24238</v>
      </c>
      <c r="E43190" t="s">
        <v>24147</v>
      </c>
      <c r="F43190" t="s">
        <v>24148</v>
      </c>
      <c r="G43190" t="s">
        <v>11612</v>
      </c>
      <c r="H43190" t="s">
        <v>11613</v>
      </c>
      <c r="I43190" s="2">
        <v>0</v>
      </c>
      <c r="J43190" s="2">
        <v>0</v>
      </c>
      <c r="K43190" s="2">
        <v>1</v>
      </c>
      <c r="L43190" t="s">
        <v>995</v>
      </c>
      <c r="M43190" t="s">
        <v>83</v>
      </c>
      <c r="N43190" t="s">
        <v>84</v>
      </c>
      <c r="O43190" t="s">
        <v>85</v>
      </c>
      <c r="P43190" t="s">
        <v>86</v>
      </c>
      <c r="Q43190">
        <v>316</v>
      </c>
      <c r="R43190">
        <v>322</v>
      </c>
      <c r="S43190">
        <v>328</v>
      </c>
      <c r="T43190">
        <v>334</v>
      </c>
      <c r="U43190">
        <v>340</v>
      </c>
      <c r="V43190">
        <v>347</v>
      </c>
      <c r="W43190">
        <v>353</v>
      </c>
      <c r="X43190">
        <v>360</v>
      </c>
      <c r="Y43190">
        <v>366</v>
      </c>
      <c r="Z43190">
        <v>373</v>
      </c>
      <c r="AA43190">
        <v>380</v>
      </c>
      <c r="AB43190">
        <v>386</v>
      </c>
      <c r="AC43190">
        <v>393</v>
      </c>
      <c r="AD43190">
        <v>399</v>
      </c>
      <c r="AE43190">
        <v>406</v>
      </c>
      <c r="AF43190">
        <v>413</v>
      </c>
      <c r="AG43190">
        <v>419</v>
      </c>
      <c r="AH43190">
        <v>426</v>
      </c>
      <c r="AI43190">
        <v>433</v>
      </c>
      <c r="AJ43190">
        <v>440</v>
      </c>
      <c r="AK43190">
        <v>447</v>
      </c>
      <c r="AL43190">
        <v>452</v>
      </c>
      <c r="AM43190">
        <v>456</v>
      </c>
      <c r="AN43190">
        <v>460</v>
      </c>
      <c r="AO43190">
        <v>465</v>
      </c>
      <c r="AP43190">
        <v>469</v>
      </c>
      <c r="AQ43190">
        <v>473</v>
      </c>
    </row>
    <row r="43191" spans="1:43">
      <c r="A43191" t="s">
        <v>26415</v>
      </c>
      <c r="B43191" t="s">
        <v>26416</v>
      </c>
      <c r="C43191" t="s">
        <v>24237</v>
      </c>
      <c r="D43191" t="s">
        <v>24238</v>
      </c>
      <c r="E43191" t="s">
        <v>24147</v>
      </c>
      <c r="F43191" t="s">
        <v>24148</v>
      </c>
      <c r="G43191" t="s">
        <v>11612</v>
      </c>
      <c r="H43191" t="s">
        <v>11613</v>
      </c>
      <c r="I43191" s="2">
        <v>0</v>
      </c>
      <c r="J43191" s="2">
        <v>0</v>
      </c>
      <c r="K43191" s="2">
        <v>1</v>
      </c>
      <c r="L43191" t="s">
        <v>995</v>
      </c>
      <c r="M43191" t="s">
        <v>87</v>
      </c>
      <c r="N43191" t="s">
        <v>88</v>
      </c>
      <c r="O43191" t="s">
        <v>85</v>
      </c>
      <c r="P43191" t="s">
        <v>86</v>
      </c>
      <c r="Q43191">
        <v>316</v>
      </c>
      <c r="R43191">
        <v>319</v>
      </c>
      <c r="S43191">
        <v>322</v>
      </c>
      <c r="T43191">
        <v>325</v>
      </c>
      <c r="U43191">
        <v>328</v>
      </c>
      <c r="V43191">
        <v>332</v>
      </c>
      <c r="W43191">
        <v>335</v>
      </c>
      <c r="X43191">
        <v>338</v>
      </c>
      <c r="Y43191">
        <v>342</v>
      </c>
      <c r="Z43191">
        <v>345</v>
      </c>
      <c r="AA43191">
        <v>349</v>
      </c>
      <c r="AB43191">
        <v>352</v>
      </c>
      <c r="AC43191">
        <v>356</v>
      </c>
      <c r="AD43191">
        <v>359</v>
      </c>
      <c r="AE43191">
        <v>363</v>
      </c>
      <c r="AF43191">
        <v>367</v>
      </c>
      <c r="AG43191">
        <v>371</v>
      </c>
      <c r="AH43191">
        <v>374</v>
      </c>
      <c r="AI43191">
        <v>378</v>
      </c>
      <c r="AJ43191">
        <v>382</v>
      </c>
      <c r="AK43191">
        <v>386</v>
      </c>
      <c r="AL43191">
        <v>391</v>
      </c>
      <c r="AM43191">
        <v>395</v>
      </c>
      <c r="AN43191">
        <v>399</v>
      </c>
      <c r="AO43191">
        <v>403</v>
      </c>
      <c r="AP43191">
        <v>408</v>
      </c>
      <c r="AQ43191">
        <v>412</v>
      </c>
    </row>
    <row r="43192" spans="1:43">
      <c r="A43192" t="s">
        <v>26415</v>
      </c>
      <c r="B43192" t="s">
        <v>26416</v>
      </c>
      <c r="C43192" t="s">
        <v>24237</v>
      </c>
      <c r="D43192" t="s">
        <v>24238</v>
      </c>
      <c r="E43192" t="s">
        <v>24147</v>
      </c>
      <c r="F43192" t="s">
        <v>24148</v>
      </c>
      <c r="G43192" t="s">
        <v>11612</v>
      </c>
      <c r="H43192" t="s">
        <v>11613</v>
      </c>
      <c r="I43192" s="2">
        <v>0</v>
      </c>
      <c r="J43192" s="2">
        <v>0</v>
      </c>
      <c r="K43192" s="2">
        <v>1</v>
      </c>
      <c r="L43192" t="s">
        <v>995</v>
      </c>
      <c r="M43192" t="s">
        <v>89</v>
      </c>
      <c r="N43192" t="s">
        <v>90</v>
      </c>
      <c r="O43192" t="s">
        <v>85</v>
      </c>
      <c r="P43192" t="s">
        <v>86</v>
      </c>
      <c r="Q43192">
        <v>316</v>
      </c>
      <c r="R43192">
        <v>325</v>
      </c>
      <c r="S43192">
        <v>333</v>
      </c>
      <c r="T43192">
        <v>342</v>
      </c>
      <c r="U43192">
        <v>351</v>
      </c>
      <c r="V43192">
        <v>360</v>
      </c>
      <c r="W43192">
        <v>368</v>
      </c>
      <c r="X43192">
        <v>377</v>
      </c>
      <c r="Y43192">
        <v>385</v>
      </c>
      <c r="Z43192">
        <v>393</v>
      </c>
      <c r="AA43192">
        <v>400</v>
      </c>
      <c r="AB43192">
        <v>408</v>
      </c>
      <c r="AC43192">
        <v>417</v>
      </c>
      <c r="AD43192">
        <v>425</v>
      </c>
      <c r="AE43192">
        <v>431</v>
      </c>
      <c r="AF43192">
        <v>435</v>
      </c>
      <c r="AG43192">
        <v>439</v>
      </c>
      <c r="AH43192">
        <v>442</v>
      </c>
      <c r="AI43192">
        <v>446</v>
      </c>
      <c r="AJ43192">
        <v>450</v>
      </c>
      <c r="AK43192">
        <v>454</v>
      </c>
      <c r="AL43192">
        <v>458</v>
      </c>
      <c r="AM43192">
        <v>462</v>
      </c>
      <c r="AN43192">
        <v>466</v>
      </c>
      <c r="AO43192">
        <v>470</v>
      </c>
      <c r="AP43192">
        <v>474</v>
      </c>
      <c r="AQ43192">
        <v>478</v>
      </c>
    </row>
    <row r="43193" spans="1:43">
      <c r="A43193" t="s">
        <v>26415</v>
      </c>
      <c r="B43193" t="s">
        <v>26416</v>
      </c>
      <c r="C43193" t="s">
        <v>24237</v>
      </c>
      <c r="D43193" t="s">
        <v>24238</v>
      </c>
      <c r="E43193" t="s">
        <v>24147</v>
      </c>
      <c r="F43193" t="s">
        <v>24148</v>
      </c>
      <c r="G43193" t="s">
        <v>11612</v>
      </c>
      <c r="H43193" t="s">
        <v>11613</v>
      </c>
      <c r="I43193" s="2">
        <v>0</v>
      </c>
      <c r="J43193" s="2">
        <v>0</v>
      </c>
      <c r="K43193" s="2">
        <v>1</v>
      </c>
      <c r="L43193" t="s">
        <v>995</v>
      </c>
      <c r="M43193" t="s">
        <v>83</v>
      </c>
      <c r="N43193" t="s">
        <v>91</v>
      </c>
      <c r="O43193" t="s">
        <v>85</v>
      </c>
      <c r="P43193" t="s">
        <v>86</v>
      </c>
      <c r="Q43193">
        <v>316</v>
      </c>
      <c r="R43193">
        <v>322</v>
      </c>
      <c r="S43193">
        <v>328</v>
      </c>
      <c r="T43193">
        <v>334</v>
      </c>
      <c r="U43193">
        <v>340</v>
      </c>
      <c r="V43193">
        <v>347</v>
      </c>
      <c r="W43193">
        <v>353</v>
      </c>
      <c r="X43193">
        <v>360</v>
      </c>
      <c r="Y43193">
        <v>366</v>
      </c>
      <c r="Z43193">
        <v>373</v>
      </c>
      <c r="AA43193">
        <v>380</v>
      </c>
      <c r="AB43193">
        <v>386</v>
      </c>
      <c r="AC43193">
        <v>393</v>
      </c>
      <c r="AD43193">
        <v>399</v>
      </c>
      <c r="AE43193">
        <v>406</v>
      </c>
      <c r="AF43193">
        <v>413</v>
      </c>
      <c r="AG43193">
        <v>419</v>
      </c>
      <c r="AH43193">
        <v>426</v>
      </c>
      <c r="AI43193">
        <v>433</v>
      </c>
      <c r="AJ43193">
        <v>440</v>
      </c>
      <c r="AK43193">
        <v>447</v>
      </c>
      <c r="AL43193">
        <v>452</v>
      </c>
      <c r="AM43193">
        <v>456</v>
      </c>
      <c r="AN43193">
        <v>460</v>
      </c>
      <c r="AO43193">
        <v>465</v>
      </c>
      <c r="AP43193">
        <v>469</v>
      </c>
      <c r="AQ43193">
        <v>473</v>
      </c>
    </row>
    <row r="43194" spans="1:43">
      <c r="A43194" t="s">
        <v>26417</v>
      </c>
      <c r="B43194" t="s">
        <v>26418</v>
      </c>
      <c r="C43194" t="s">
        <v>24203</v>
      </c>
      <c r="D43194" t="s">
        <v>24204</v>
      </c>
      <c r="E43194" t="s">
        <v>24147</v>
      </c>
      <c r="F43194" t="s">
        <v>24148</v>
      </c>
      <c r="G43194" t="s">
        <v>11612</v>
      </c>
      <c r="H43194" t="s">
        <v>11613</v>
      </c>
      <c r="I43194" s="2">
        <v>0</v>
      </c>
      <c r="J43194" s="2">
        <v>0</v>
      </c>
      <c r="K43194" s="2">
        <v>1</v>
      </c>
      <c r="L43194" t="s">
        <v>995</v>
      </c>
      <c r="M43194" t="s">
        <v>83</v>
      </c>
      <c r="N43194" t="s">
        <v>84</v>
      </c>
      <c r="O43194" t="s">
        <v>85</v>
      </c>
      <c r="P43194" t="s">
        <v>86</v>
      </c>
      <c r="Q43194">
        <v>5</v>
      </c>
      <c r="R43194">
        <v>5</v>
      </c>
      <c r="S43194">
        <v>5</v>
      </c>
      <c r="T43194">
        <v>5</v>
      </c>
      <c r="U43194">
        <v>5</v>
      </c>
      <c r="V43194">
        <v>5</v>
      </c>
      <c r="W43194">
        <v>5</v>
      </c>
      <c r="X43194">
        <v>6</v>
      </c>
      <c r="Y43194">
        <v>6</v>
      </c>
      <c r="Z43194">
        <v>6</v>
      </c>
      <c r="AA43194">
        <v>6</v>
      </c>
      <c r="AB43194">
        <v>6</v>
      </c>
      <c r="AC43194">
        <v>6</v>
      </c>
      <c r="AD43194">
        <v>6</v>
      </c>
      <c r="AE43194">
        <v>6</v>
      </c>
      <c r="AF43194">
        <v>6</v>
      </c>
      <c r="AG43194">
        <v>6</v>
      </c>
      <c r="AH43194">
        <v>6</v>
      </c>
      <c r="AI43194">
        <v>7</v>
      </c>
      <c r="AJ43194">
        <v>7</v>
      </c>
      <c r="AK43194">
        <v>7</v>
      </c>
      <c r="AL43194">
        <v>7</v>
      </c>
      <c r="AM43194">
        <v>7</v>
      </c>
      <c r="AN43194">
        <v>7</v>
      </c>
      <c r="AO43194">
        <v>7</v>
      </c>
      <c r="AP43194">
        <v>7</v>
      </c>
      <c r="AQ43194">
        <v>7</v>
      </c>
    </row>
    <row r="43195" spans="1:43">
      <c r="A43195" t="s">
        <v>26417</v>
      </c>
      <c r="B43195" t="s">
        <v>26418</v>
      </c>
      <c r="C43195" t="s">
        <v>24203</v>
      </c>
      <c r="D43195" t="s">
        <v>24204</v>
      </c>
      <c r="E43195" t="s">
        <v>24147</v>
      </c>
      <c r="F43195" t="s">
        <v>24148</v>
      </c>
      <c r="G43195" t="s">
        <v>11612</v>
      </c>
      <c r="H43195" t="s">
        <v>11613</v>
      </c>
      <c r="I43195" s="2">
        <v>0</v>
      </c>
      <c r="J43195" s="2">
        <v>0</v>
      </c>
      <c r="K43195" s="2">
        <v>1</v>
      </c>
      <c r="L43195" t="s">
        <v>995</v>
      </c>
      <c r="M43195" t="s">
        <v>87</v>
      </c>
      <c r="N43195" t="s">
        <v>88</v>
      </c>
      <c r="O43195" t="s">
        <v>85</v>
      </c>
      <c r="P43195" t="s">
        <v>86</v>
      </c>
      <c r="Q43195">
        <v>5</v>
      </c>
      <c r="R43195">
        <v>5</v>
      </c>
      <c r="S43195">
        <v>5</v>
      </c>
      <c r="T43195">
        <v>5</v>
      </c>
      <c r="U43195">
        <v>5</v>
      </c>
      <c r="V43195">
        <v>5</v>
      </c>
      <c r="W43195">
        <v>5</v>
      </c>
      <c r="X43195">
        <v>5</v>
      </c>
      <c r="Y43195">
        <v>5</v>
      </c>
      <c r="Z43195">
        <v>5</v>
      </c>
      <c r="AA43195">
        <v>5</v>
      </c>
      <c r="AB43195">
        <v>5</v>
      </c>
      <c r="AC43195">
        <v>5</v>
      </c>
      <c r="AD43195">
        <v>5</v>
      </c>
      <c r="AE43195">
        <v>6</v>
      </c>
      <c r="AF43195">
        <v>6</v>
      </c>
      <c r="AG43195">
        <v>6</v>
      </c>
      <c r="AH43195">
        <v>6</v>
      </c>
      <c r="AI43195">
        <v>6</v>
      </c>
      <c r="AJ43195">
        <v>6</v>
      </c>
      <c r="AK43195">
        <v>6</v>
      </c>
      <c r="AL43195">
        <v>6</v>
      </c>
      <c r="AM43195">
        <v>6</v>
      </c>
      <c r="AN43195">
        <v>6</v>
      </c>
      <c r="AO43195">
        <v>6</v>
      </c>
      <c r="AP43195">
        <v>6</v>
      </c>
      <c r="AQ43195">
        <v>6</v>
      </c>
    </row>
    <row r="43196" spans="1:43">
      <c r="A43196" t="s">
        <v>26417</v>
      </c>
      <c r="B43196" t="s">
        <v>26418</v>
      </c>
      <c r="C43196" t="s">
        <v>24203</v>
      </c>
      <c r="D43196" t="s">
        <v>24204</v>
      </c>
      <c r="E43196" t="s">
        <v>24147</v>
      </c>
      <c r="F43196" t="s">
        <v>24148</v>
      </c>
      <c r="G43196" t="s">
        <v>11612</v>
      </c>
      <c r="H43196" t="s">
        <v>11613</v>
      </c>
      <c r="I43196" s="2">
        <v>0</v>
      </c>
      <c r="J43196" s="2">
        <v>0</v>
      </c>
      <c r="K43196" s="2">
        <v>1</v>
      </c>
      <c r="L43196" t="s">
        <v>995</v>
      </c>
      <c r="M43196" t="s">
        <v>89</v>
      </c>
      <c r="N43196" t="s">
        <v>90</v>
      </c>
      <c r="O43196" t="s">
        <v>85</v>
      </c>
      <c r="P43196" t="s">
        <v>86</v>
      </c>
      <c r="Q43196">
        <v>5</v>
      </c>
      <c r="R43196">
        <v>5</v>
      </c>
      <c r="S43196">
        <v>5</v>
      </c>
      <c r="T43196">
        <v>5</v>
      </c>
      <c r="U43196">
        <v>6</v>
      </c>
      <c r="V43196">
        <v>6</v>
      </c>
      <c r="W43196">
        <v>6</v>
      </c>
      <c r="X43196">
        <v>6</v>
      </c>
      <c r="Y43196">
        <v>6</v>
      </c>
      <c r="Z43196">
        <v>6</v>
      </c>
      <c r="AA43196">
        <v>6</v>
      </c>
      <c r="AB43196">
        <v>6</v>
      </c>
      <c r="AC43196">
        <v>6</v>
      </c>
      <c r="AD43196">
        <v>7</v>
      </c>
      <c r="AE43196">
        <v>7</v>
      </c>
      <c r="AF43196">
        <v>7</v>
      </c>
      <c r="AG43196">
        <v>7</v>
      </c>
      <c r="AH43196">
        <v>7</v>
      </c>
      <c r="AI43196">
        <v>7</v>
      </c>
      <c r="AJ43196">
        <v>7</v>
      </c>
      <c r="AK43196">
        <v>7</v>
      </c>
      <c r="AL43196">
        <v>7</v>
      </c>
      <c r="AM43196">
        <v>7</v>
      </c>
      <c r="AN43196">
        <v>7</v>
      </c>
      <c r="AO43196">
        <v>7</v>
      </c>
      <c r="AP43196">
        <v>7</v>
      </c>
      <c r="AQ43196">
        <v>7</v>
      </c>
    </row>
    <row r="43197" spans="1:43">
      <c r="A43197" t="s">
        <v>26417</v>
      </c>
      <c r="B43197" t="s">
        <v>26418</v>
      </c>
      <c r="C43197" t="s">
        <v>24203</v>
      </c>
      <c r="D43197" t="s">
        <v>24204</v>
      </c>
      <c r="E43197" t="s">
        <v>24147</v>
      </c>
      <c r="F43197" t="s">
        <v>24148</v>
      </c>
      <c r="G43197" t="s">
        <v>11612</v>
      </c>
      <c r="H43197" t="s">
        <v>11613</v>
      </c>
      <c r="I43197" s="2">
        <v>0</v>
      </c>
      <c r="J43197" s="2">
        <v>0</v>
      </c>
      <c r="K43197" s="2">
        <v>1</v>
      </c>
      <c r="L43197" t="s">
        <v>995</v>
      </c>
      <c r="M43197" t="s">
        <v>83</v>
      </c>
      <c r="N43197" t="s">
        <v>91</v>
      </c>
      <c r="O43197" t="s">
        <v>85</v>
      </c>
      <c r="P43197" t="s">
        <v>86</v>
      </c>
      <c r="Q43197">
        <v>5</v>
      </c>
      <c r="R43197">
        <v>5</v>
      </c>
      <c r="S43197">
        <v>5</v>
      </c>
      <c r="T43197">
        <v>5</v>
      </c>
      <c r="U43197">
        <v>5</v>
      </c>
      <c r="V43197">
        <v>5</v>
      </c>
      <c r="W43197">
        <v>5</v>
      </c>
      <c r="X43197">
        <v>6</v>
      </c>
      <c r="Y43197">
        <v>6</v>
      </c>
      <c r="Z43197">
        <v>6</v>
      </c>
      <c r="AA43197">
        <v>6</v>
      </c>
      <c r="AB43197">
        <v>6</v>
      </c>
      <c r="AC43197">
        <v>6</v>
      </c>
      <c r="AD43197">
        <v>6</v>
      </c>
      <c r="AE43197">
        <v>6</v>
      </c>
      <c r="AF43197">
        <v>6</v>
      </c>
      <c r="AG43197">
        <v>6</v>
      </c>
      <c r="AH43197">
        <v>6</v>
      </c>
      <c r="AI43197">
        <v>7</v>
      </c>
      <c r="AJ43197">
        <v>7</v>
      </c>
      <c r="AK43197">
        <v>7</v>
      </c>
      <c r="AL43197">
        <v>7</v>
      </c>
      <c r="AM43197">
        <v>7</v>
      </c>
      <c r="AN43197">
        <v>7</v>
      </c>
      <c r="AO43197">
        <v>7</v>
      </c>
      <c r="AP43197">
        <v>7</v>
      </c>
      <c r="AQ43197">
        <v>7</v>
      </c>
    </row>
    <row r="43198" spans="1:43">
      <c r="A43198" t="s">
        <v>26419</v>
      </c>
      <c r="B43198" t="s">
        <v>26420</v>
      </c>
      <c r="C43198" t="s">
        <v>24203</v>
      </c>
      <c r="D43198" t="s">
        <v>24204</v>
      </c>
      <c r="E43198" t="s">
        <v>24147</v>
      </c>
      <c r="F43198" t="s">
        <v>24148</v>
      </c>
      <c r="G43198" t="s">
        <v>11612</v>
      </c>
      <c r="H43198" t="s">
        <v>11613</v>
      </c>
      <c r="I43198" s="2">
        <v>0</v>
      </c>
      <c r="J43198" s="2">
        <v>0</v>
      </c>
      <c r="K43198" s="2">
        <v>1</v>
      </c>
      <c r="L43198" t="s">
        <v>995</v>
      </c>
      <c r="M43198" t="s">
        <v>83</v>
      </c>
      <c r="N43198" t="s">
        <v>84</v>
      </c>
      <c r="O43198" t="s">
        <v>85</v>
      </c>
      <c r="P43198" t="s">
        <v>86</v>
      </c>
      <c r="Q43198">
        <v>2</v>
      </c>
      <c r="R43198">
        <v>3</v>
      </c>
      <c r="S43198">
        <v>3</v>
      </c>
      <c r="T43198">
        <v>3</v>
      </c>
      <c r="U43198">
        <v>3</v>
      </c>
      <c r="V43198">
        <v>3</v>
      </c>
      <c r="W43198">
        <v>3</v>
      </c>
      <c r="X43198">
        <v>3</v>
      </c>
      <c r="Y43198">
        <v>3</v>
      </c>
      <c r="Z43198">
        <v>3</v>
      </c>
      <c r="AA43198">
        <v>3</v>
      </c>
      <c r="AB43198">
        <v>3</v>
      </c>
      <c r="AC43198">
        <v>3</v>
      </c>
      <c r="AD43198">
        <v>3</v>
      </c>
      <c r="AE43198">
        <v>3</v>
      </c>
      <c r="AF43198">
        <v>3</v>
      </c>
      <c r="AG43198">
        <v>3</v>
      </c>
      <c r="AH43198">
        <v>3</v>
      </c>
      <c r="AI43198">
        <v>3</v>
      </c>
      <c r="AJ43198">
        <v>3</v>
      </c>
      <c r="AK43198">
        <v>3</v>
      </c>
      <c r="AL43198">
        <v>3</v>
      </c>
      <c r="AM43198">
        <v>3</v>
      </c>
      <c r="AN43198">
        <v>3</v>
      </c>
      <c r="AO43198">
        <v>3</v>
      </c>
      <c r="AP43198">
        <v>4</v>
      </c>
      <c r="AQ43198">
        <v>4</v>
      </c>
    </row>
    <row r="43199" spans="1:43">
      <c r="A43199" t="s">
        <v>26419</v>
      </c>
      <c r="B43199" t="s">
        <v>26420</v>
      </c>
      <c r="C43199" t="s">
        <v>24203</v>
      </c>
      <c r="D43199" t="s">
        <v>24204</v>
      </c>
      <c r="E43199" t="s">
        <v>24147</v>
      </c>
      <c r="F43199" t="s">
        <v>24148</v>
      </c>
      <c r="G43199" t="s">
        <v>11612</v>
      </c>
      <c r="H43199" t="s">
        <v>11613</v>
      </c>
      <c r="I43199" s="2">
        <v>0</v>
      </c>
      <c r="J43199" s="2">
        <v>0</v>
      </c>
      <c r="K43199" s="2">
        <v>1</v>
      </c>
      <c r="L43199" t="s">
        <v>995</v>
      </c>
      <c r="M43199" t="s">
        <v>87</v>
      </c>
      <c r="N43199" t="s">
        <v>88</v>
      </c>
      <c r="O43199" t="s">
        <v>85</v>
      </c>
      <c r="P43199" t="s">
        <v>86</v>
      </c>
      <c r="Q43199">
        <v>2</v>
      </c>
      <c r="R43199">
        <v>2</v>
      </c>
      <c r="S43199">
        <v>2</v>
      </c>
      <c r="T43199">
        <v>3</v>
      </c>
      <c r="U43199">
        <v>3</v>
      </c>
      <c r="V43199">
        <v>3</v>
      </c>
      <c r="W43199">
        <v>3</v>
      </c>
      <c r="X43199">
        <v>3</v>
      </c>
      <c r="Y43199">
        <v>3</v>
      </c>
      <c r="Z43199">
        <v>3</v>
      </c>
      <c r="AA43199">
        <v>3</v>
      </c>
      <c r="AB43199">
        <v>3</v>
      </c>
      <c r="AC43199">
        <v>3</v>
      </c>
      <c r="AD43199">
        <v>3</v>
      </c>
      <c r="AE43199">
        <v>3</v>
      </c>
      <c r="AF43199">
        <v>3</v>
      </c>
      <c r="AG43199">
        <v>3</v>
      </c>
      <c r="AH43199">
        <v>3</v>
      </c>
      <c r="AI43199">
        <v>3</v>
      </c>
      <c r="AJ43199">
        <v>3</v>
      </c>
      <c r="AK43199">
        <v>3</v>
      </c>
      <c r="AL43199">
        <v>3</v>
      </c>
      <c r="AM43199">
        <v>3</v>
      </c>
      <c r="AN43199">
        <v>3</v>
      </c>
      <c r="AO43199">
        <v>3</v>
      </c>
      <c r="AP43199">
        <v>3</v>
      </c>
      <c r="AQ43199">
        <v>3</v>
      </c>
    </row>
    <row r="43200" spans="1:43">
      <c r="A43200" t="s">
        <v>26419</v>
      </c>
      <c r="B43200" t="s">
        <v>26420</v>
      </c>
      <c r="C43200" t="s">
        <v>24203</v>
      </c>
      <c r="D43200" t="s">
        <v>24204</v>
      </c>
      <c r="E43200" t="s">
        <v>24147</v>
      </c>
      <c r="F43200" t="s">
        <v>24148</v>
      </c>
      <c r="G43200" t="s">
        <v>11612</v>
      </c>
      <c r="H43200" t="s">
        <v>11613</v>
      </c>
      <c r="I43200" s="2">
        <v>0</v>
      </c>
      <c r="J43200" s="2">
        <v>0</v>
      </c>
      <c r="K43200" s="2">
        <v>1</v>
      </c>
      <c r="L43200" t="s">
        <v>995</v>
      </c>
      <c r="M43200" t="s">
        <v>89</v>
      </c>
      <c r="N43200" t="s">
        <v>90</v>
      </c>
      <c r="O43200" t="s">
        <v>85</v>
      </c>
      <c r="P43200" t="s">
        <v>86</v>
      </c>
      <c r="Q43200">
        <v>2</v>
      </c>
      <c r="R43200">
        <v>2</v>
      </c>
      <c r="S43200">
        <v>2</v>
      </c>
      <c r="T43200">
        <v>2</v>
      </c>
      <c r="U43200">
        <v>2</v>
      </c>
      <c r="V43200">
        <v>2</v>
      </c>
      <c r="W43200">
        <v>2</v>
      </c>
      <c r="X43200">
        <v>2</v>
      </c>
      <c r="Y43200">
        <v>2</v>
      </c>
      <c r="Z43200">
        <v>2</v>
      </c>
      <c r="AA43200">
        <v>2</v>
      </c>
      <c r="AB43200">
        <v>2</v>
      </c>
      <c r="AC43200">
        <v>2</v>
      </c>
      <c r="AD43200">
        <v>2</v>
      </c>
      <c r="AE43200">
        <v>2</v>
      </c>
      <c r="AF43200">
        <v>2</v>
      </c>
      <c r="AG43200">
        <v>2</v>
      </c>
      <c r="AH43200">
        <v>2</v>
      </c>
      <c r="AI43200">
        <v>2</v>
      </c>
      <c r="AJ43200">
        <v>2</v>
      </c>
      <c r="AK43200">
        <v>2</v>
      </c>
      <c r="AL43200">
        <v>2</v>
      </c>
      <c r="AM43200">
        <v>2</v>
      </c>
      <c r="AN43200">
        <v>3</v>
      </c>
      <c r="AO43200">
        <v>3</v>
      </c>
      <c r="AP43200">
        <v>3</v>
      </c>
      <c r="AQ43200">
        <v>3</v>
      </c>
    </row>
    <row r="43201" spans="1:43">
      <c r="A43201" t="s">
        <v>26419</v>
      </c>
      <c r="B43201" t="s">
        <v>26420</v>
      </c>
      <c r="C43201" t="s">
        <v>24203</v>
      </c>
      <c r="D43201" t="s">
        <v>24204</v>
      </c>
      <c r="E43201" t="s">
        <v>24147</v>
      </c>
      <c r="F43201" t="s">
        <v>24148</v>
      </c>
      <c r="G43201" t="s">
        <v>11612</v>
      </c>
      <c r="H43201" t="s">
        <v>11613</v>
      </c>
      <c r="I43201" s="2">
        <v>0</v>
      </c>
      <c r="J43201" s="2">
        <v>0</v>
      </c>
      <c r="K43201" s="2">
        <v>1</v>
      </c>
      <c r="L43201" t="s">
        <v>995</v>
      </c>
      <c r="M43201" t="s">
        <v>83</v>
      </c>
      <c r="N43201" t="s">
        <v>91</v>
      </c>
      <c r="O43201" t="s">
        <v>85</v>
      </c>
      <c r="P43201" t="s">
        <v>86</v>
      </c>
      <c r="Q43201">
        <v>2</v>
      </c>
      <c r="R43201">
        <v>3</v>
      </c>
      <c r="S43201">
        <v>3</v>
      </c>
      <c r="T43201">
        <v>3</v>
      </c>
      <c r="U43201">
        <v>3</v>
      </c>
      <c r="V43201">
        <v>3</v>
      </c>
      <c r="W43201">
        <v>3</v>
      </c>
      <c r="X43201">
        <v>3</v>
      </c>
      <c r="Y43201">
        <v>3</v>
      </c>
      <c r="Z43201">
        <v>3</v>
      </c>
      <c r="AA43201">
        <v>3</v>
      </c>
      <c r="AB43201">
        <v>3</v>
      </c>
      <c r="AC43201">
        <v>3</v>
      </c>
      <c r="AD43201">
        <v>3</v>
      </c>
      <c r="AE43201">
        <v>3</v>
      </c>
      <c r="AF43201">
        <v>3</v>
      </c>
      <c r="AG43201">
        <v>3</v>
      </c>
      <c r="AH43201">
        <v>3</v>
      </c>
      <c r="AI43201">
        <v>3</v>
      </c>
      <c r="AJ43201">
        <v>3</v>
      </c>
      <c r="AK43201">
        <v>3</v>
      </c>
      <c r="AL43201">
        <v>3</v>
      </c>
      <c r="AM43201">
        <v>3</v>
      </c>
      <c r="AN43201">
        <v>3</v>
      </c>
      <c r="AO43201">
        <v>3</v>
      </c>
      <c r="AP43201">
        <v>4</v>
      </c>
      <c r="AQ43201">
        <v>4</v>
      </c>
    </row>
    <row r="43202" spans="1:43">
      <c r="A43202" t="s">
        <v>26421</v>
      </c>
      <c r="B43202" t="s">
        <v>26422</v>
      </c>
      <c r="C43202" t="s">
        <v>24203</v>
      </c>
      <c r="D43202" t="s">
        <v>24204</v>
      </c>
      <c r="E43202" t="s">
        <v>24147</v>
      </c>
      <c r="F43202" t="s">
        <v>24148</v>
      </c>
      <c r="G43202" t="s">
        <v>11612</v>
      </c>
      <c r="H43202" t="s">
        <v>11613</v>
      </c>
      <c r="I43202" s="2">
        <v>0</v>
      </c>
      <c r="J43202" s="2">
        <v>0</v>
      </c>
      <c r="K43202" s="2">
        <v>1</v>
      </c>
      <c r="L43202" t="s">
        <v>995</v>
      </c>
      <c r="M43202" t="s">
        <v>83</v>
      </c>
      <c r="N43202" t="s">
        <v>84</v>
      </c>
      <c r="O43202" t="s">
        <v>85</v>
      </c>
      <c r="P43202" t="s">
        <v>86</v>
      </c>
      <c r="Q43202">
        <v>4</v>
      </c>
      <c r="R43202">
        <v>4</v>
      </c>
      <c r="S43202">
        <v>4</v>
      </c>
      <c r="T43202">
        <v>4</v>
      </c>
      <c r="U43202">
        <v>5</v>
      </c>
      <c r="V43202">
        <v>5</v>
      </c>
      <c r="W43202">
        <v>5</v>
      </c>
      <c r="X43202">
        <v>5</v>
      </c>
      <c r="Y43202">
        <v>5</v>
      </c>
      <c r="Z43202">
        <v>5</v>
      </c>
      <c r="AA43202">
        <v>5</v>
      </c>
      <c r="AB43202">
        <v>5</v>
      </c>
      <c r="AC43202">
        <v>5</v>
      </c>
      <c r="AD43202">
        <v>5</v>
      </c>
      <c r="AE43202">
        <v>5</v>
      </c>
      <c r="AF43202">
        <v>5</v>
      </c>
      <c r="AG43202">
        <v>6</v>
      </c>
      <c r="AH43202">
        <v>6</v>
      </c>
      <c r="AI43202">
        <v>6</v>
      </c>
      <c r="AJ43202">
        <v>6</v>
      </c>
      <c r="AK43202">
        <v>6</v>
      </c>
      <c r="AL43202">
        <v>6</v>
      </c>
      <c r="AM43202">
        <v>6</v>
      </c>
      <c r="AN43202">
        <v>6</v>
      </c>
      <c r="AO43202">
        <v>6</v>
      </c>
      <c r="AP43202">
        <v>6</v>
      </c>
      <c r="AQ43202">
        <v>6</v>
      </c>
    </row>
    <row r="43203" spans="1:43">
      <c r="A43203" t="s">
        <v>26421</v>
      </c>
      <c r="B43203" t="s">
        <v>26422</v>
      </c>
      <c r="C43203" t="s">
        <v>24203</v>
      </c>
      <c r="D43203" t="s">
        <v>24204</v>
      </c>
      <c r="E43203" t="s">
        <v>24147</v>
      </c>
      <c r="F43203" t="s">
        <v>24148</v>
      </c>
      <c r="G43203" t="s">
        <v>11612</v>
      </c>
      <c r="H43203" t="s">
        <v>11613</v>
      </c>
      <c r="I43203" s="2">
        <v>0</v>
      </c>
      <c r="J43203" s="2">
        <v>0</v>
      </c>
      <c r="K43203" s="2">
        <v>1</v>
      </c>
      <c r="L43203" t="s">
        <v>995</v>
      </c>
      <c r="M43203" t="s">
        <v>87</v>
      </c>
      <c r="N43203" t="s">
        <v>88</v>
      </c>
      <c r="O43203" t="s">
        <v>85</v>
      </c>
      <c r="P43203" t="s">
        <v>86</v>
      </c>
      <c r="Q43203">
        <v>4</v>
      </c>
      <c r="R43203">
        <v>4</v>
      </c>
      <c r="S43203">
        <v>4</v>
      </c>
      <c r="T43203">
        <v>4</v>
      </c>
      <c r="U43203">
        <v>4</v>
      </c>
      <c r="V43203">
        <v>4</v>
      </c>
      <c r="W43203">
        <v>4</v>
      </c>
      <c r="X43203">
        <v>4</v>
      </c>
      <c r="Y43203">
        <v>4</v>
      </c>
      <c r="Z43203">
        <v>5</v>
      </c>
      <c r="AA43203">
        <v>5</v>
      </c>
      <c r="AB43203">
        <v>5</v>
      </c>
      <c r="AC43203">
        <v>5</v>
      </c>
      <c r="AD43203">
        <v>5</v>
      </c>
      <c r="AE43203">
        <v>5</v>
      </c>
      <c r="AF43203">
        <v>5</v>
      </c>
      <c r="AG43203">
        <v>5</v>
      </c>
      <c r="AH43203">
        <v>5</v>
      </c>
      <c r="AI43203">
        <v>5</v>
      </c>
      <c r="AJ43203">
        <v>5</v>
      </c>
      <c r="AK43203">
        <v>5</v>
      </c>
      <c r="AL43203">
        <v>5</v>
      </c>
      <c r="AM43203">
        <v>5</v>
      </c>
      <c r="AN43203">
        <v>5</v>
      </c>
      <c r="AO43203">
        <v>5</v>
      </c>
      <c r="AP43203">
        <v>5</v>
      </c>
      <c r="AQ43203">
        <v>5</v>
      </c>
    </row>
    <row r="43204" spans="1:43">
      <c r="A43204" t="s">
        <v>26421</v>
      </c>
      <c r="B43204" t="s">
        <v>26422</v>
      </c>
      <c r="C43204" t="s">
        <v>24203</v>
      </c>
      <c r="D43204" t="s">
        <v>24204</v>
      </c>
      <c r="E43204" t="s">
        <v>24147</v>
      </c>
      <c r="F43204" t="s">
        <v>24148</v>
      </c>
      <c r="G43204" t="s">
        <v>11612</v>
      </c>
      <c r="H43204" t="s">
        <v>11613</v>
      </c>
      <c r="I43204" s="2">
        <v>0</v>
      </c>
      <c r="J43204" s="2">
        <v>0</v>
      </c>
      <c r="K43204" s="2">
        <v>1</v>
      </c>
      <c r="L43204" t="s">
        <v>995</v>
      </c>
      <c r="M43204" t="s">
        <v>89</v>
      </c>
      <c r="N43204" t="s">
        <v>90</v>
      </c>
      <c r="O43204" t="s">
        <v>85</v>
      </c>
      <c r="P43204" t="s">
        <v>86</v>
      </c>
      <c r="Q43204">
        <v>4</v>
      </c>
      <c r="R43204">
        <v>4</v>
      </c>
      <c r="S43204">
        <v>4</v>
      </c>
      <c r="T43204">
        <v>5</v>
      </c>
      <c r="U43204">
        <v>5</v>
      </c>
      <c r="V43204">
        <v>5</v>
      </c>
      <c r="W43204">
        <v>5</v>
      </c>
      <c r="X43204">
        <v>5</v>
      </c>
      <c r="Y43204">
        <v>5</v>
      </c>
      <c r="Z43204">
        <v>5</v>
      </c>
      <c r="AA43204">
        <v>5</v>
      </c>
      <c r="AB43204">
        <v>5</v>
      </c>
      <c r="AC43204">
        <v>6</v>
      </c>
      <c r="AD43204">
        <v>6</v>
      </c>
      <c r="AE43204">
        <v>6</v>
      </c>
      <c r="AF43204">
        <v>6</v>
      </c>
      <c r="AG43204">
        <v>6</v>
      </c>
      <c r="AH43204">
        <v>6</v>
      </c>
      <c r="AI43204">
        <v>6</v>
      </c>
      <c r="AJ43204">
        <v>6</v>
      </c>
      <c r="AK43204">
        <v>6</v>
      </c>
      <c r="AL43204">
        <v>6</v>
      </c>
      <c r="AM43204">
        <v>6</v>
      </c>
      <c r="AN43204">
        <v>6</v>
      </c>
      <c r="AO43204">
        <v>6</v>
      </c>
      <c r="AP43204">
        <v>6</v>
      </c>
      <c r="AQ43204">
        <v>6</v>
      </c>
    </row>
    <row r="43205" spans="1:43">
      <c r="A43205" t="s">
        <v>26421</v>
      </c>
      <c r="B43205" t="s">
        <v>26422</v>
      </c>
      <c r="C43205" t="s">
        <v>24203</v>
      </c>
      <c r="D43205" t="s">
        <v>24204</v>
      </c>
      <c r="E43205" t="s">
        <v>24147</v>
      </c>
      <c r="F43205" t="s">
        <v>24148</v>
      </c>
      <c r="G43205" t="s">
        <v>11612</v>
      </c>
      <c r="H43205" t="s">
        <v>11613</v>
      </c>
      <c r="I43205" s="2">
        <v>0</v>
      </c>
      <c r="J43205" s="2">
        <v>0</v>
      </c>
      <c r="K43205" s="2">
        <v>1</v>
      </c>
      <c r="L43205" t="s">
        <v>995</v>
      </c>
      <c r="M43205" t="s">
        <v>83</v>
      </c>
      <c r="N43205" t="s">
        <v>91</v>
      </c>
      <c r="O43205" t="s">
        <v>85</v>
      </c>
      <c r="P43205" t="s">
        <v>86</v>
      </c>
      <c r="Q43205">
        <v>4</v>
      </c>
      <c r="R43205">
        <v>4</v>
      </c>
      <c r="S43205">
        <v>4</v>
      </c>
      <c r="T43205">
        <v>4</v>
      </c>
      <c r="U43205">
        <v>5</v>
      </c>
      <c r="V43205">
        <v>5</v>
      </c>
      <c r="W43205">
        <v>5</v>
      </c>
      <c r="X43205">
        <v>5</v>
      </c>
      <c r="Y43205">
        <v>5</v>
      </c>
      <c r="Z43205">
        <v>5</v>
      </c>
      <c r="AA43205">
        <v>5</v>
      </c>
      <c r="AB43205">
        <v>5</v>
      </c>
      <c r="AC43205">
        <v>5</v>
      </c>
      <c r="AD43205">
        <v>5</v>
      </c>
      <c r="AE43205">
        <v>5</v>
      </c>
      <c r="AF43205">
        <v>5</v>
      </c>
      <c r="AG43205">
        <v>6</v>
      </c>
      <c r="AH43205">
        <v>6</v>
      </c>
      <c r="AI43205">
        <v>6</v>
      </c>
      <c r="AJ43205">
        <v>6</v>
      </c>
      <c r="AK43205">
        <v>6</v>
      </c>
      <c r="AL43205">
        <v>6</v>
      </c>
      <c r="AM43205">
        <v>6</v>
      </c>
      <c r="AN43205">
        <v>6</v>
      </c>
      <c r="AO43205">
        <v>6</v>
      </c>
      <c r="AP43205">
        <v>6</v>
      </c>
      <c r="AQ43205">
        <v>6</v>
      </c>
    </row>
    <row r="43206" spans="1:43">
      <c r="A43206" t="s">
        <v>26423</v>
      </c>
      <c r="B43206" t="s">
        <v>26424</v>
      </c>
      <c r="C43206" t="s">
        <v>24203</v>
      </c>
      <c r="D43206" t="s">
        <v>24204</v>
      </c>
      <c r="E43206" t="s">
        <v>24147</v>
      </c>
      <c r="F43206" t="s">
        <v>24148</v>
      </c>
      <c r="G43206" t="s">
        <v>11612</v>
      </c>
      <c r="H43206" t="s">
        <v>11613</v>
      </c>
      <c r="I43206" s="2">
        <v>0</v>
      </c>
      <c r="J43206" s="2">
        <v>0</v>
      </c>
      <c r="K43206" s="2">
        <v>0.09</v>
      </c>
      <c r="L43206" t="s">
        <v>995</v>
      </c>
      <c r="M43206" t="s">
        <v>83</v>
      </c>
      <c r="N43206" t="s">
        <v>84</v>
      </c>
      <c r="O43206" t="s">
        <v>85</v>
      </c>
      <c r="P43206" t="s">
        <v>86</v>
      </c>
      <c r="Q43206">
        <v>1</v>
      </c>
      <c r="R43206">
        <v>1</v>
      </c>
      <c r="S43206">
        <v>1</v>
      </c>
      <c r="T43206">
        <v>1</v>
      </c>
      <c r="U43206">
        <v>1</v>
      </c>
      <c r="V43206">
        <v>1</v>
      </c>
      <c r="W43206">
        <v>1</v>
      </c>
      <c r="X43206">
        <v>1</v>
      </c>
      <c r="Y43206">
        <v>1</v>
      </c>
      <c r="Z43206">
        <v>1</v>
      </c>
      <c r="AA43206">
        <v>1</v>
      </c>
      <c r="AB43206">
        <v>1</v>
      </c>
      <c r="AC43206">
        <v>1</v>
      </c>
      <c r="AD43206">
        <v>1</v>
      </c>
      <c r="AE43206">
        <v>1</v>
      </c>
      <c r="AF43206">
        <v>1</v>
      </c>
      <c r="AG43206">
        <v>1</v>
      </c>
      <c r="AH43206">
        <v>1</v>
      </c>
      <c r="AI43206">
        <v>1</v>
      </c>
      <c r="AJ43206">
        <v>1</v>
      </c>
      <c r="AK43206">
        <v>1</v>
      </c>
      <c r="AL43206">
        <v>1</v>
      </c>
      <c r="AM43206">
        <v>1</v>
      </c>
      <c r="AN43206">
        <v>1</v>
      </c>
      <c r="AO43206">
        <v>1</v>
      </c>
      <c r="AP43206">
        <v>1</v>
      </c>
      <c r="AQ43206">
        <v>1</v>
      </c>
    </row>
    <row r="43207" spans="1:43">
      <c r="A43207" t="s">
        <v>26423</v>
      </c>
      <c r="B43207" t="s">
        <v>26424</v>
      </c>
      <c r="C43207" t="s">
        <v>24203</v>
      </c>
      <c r="D43207" t="s">
        <v>24204</v>
      </c>
      <c r="E43207" t="s">
        <v>24147</v>
      </c>
      <c r="F43207" t="s">
        <v>24148</v>
      </c>
      <c r="G43207" t="s">
        <v>11612</v>
      </c>
      <c r="H43207" t="s">
        <v>11613</v>
      </c>
      <c r="I43207" s="2">
        <v>0</v>
      </c>
      <c r="J43207" s="2">
        <v>0</v>
      </c>
      <c r="K43207" s="2">
        <v>0.09</v>
      </c>
      <c r="L43207" t="s">
        <v>995</v>
      </c>
      <c r="M43207" t="s">
        <v>87</v>
      </c>
      <c r="N43207" t="s">
        <v>88</v>
      </c>
      <c r="O43207" t="s">
        <v>85</v>
      </c>
      <c r="P43207" t="s">
        <v>86</v>
      </c>
      <c r="Q43207">
        <v>1</v>
      </c>
      <c r="R43207">
        <v>1</v>
      </c>
      <c r="S43207">
        <v>1</v>
      </c>
      <c r="T43207">
        <v>1</v>
      </c>
      <c r="U43207">
        <v>1</v>
      </c>
      <c r="V43207">
        <v>1</v>
      </c>
      <c r="W43207">
        <v>1</v>
      </c>
      <c r="X43207">
        <v>1</v>
      </c>
      <c r="Y43207">
        <v>1</v>
      </c>
      <c r="Z43207">
        <v>1</v>
      </c>
      <c r="AA43207">
        <v>1</v>
      </c>
      <c r="AB43207">
        <v>1</v>
      </c>
      <c r="AC43207">
        <v>1</v>
      </c>
      <c r="AD43207">
        <v>1</v>
      </c>
      <c r="AE43207">
        <v>1</v>
      </c>
      <c r="AF43207">
        <v>1</v>
      </c>
      <c r="AG43207">
        <v>1</v>
      </c>
      <c r="AH43207">
        <v>1</v>
      </c>
      <c r="AI43207">
        <v>1</v>
      </c>
      <c r="AJ43207">
        <v>1</v>
      </c>
      <c r="AK43207">
        <v>1</v>
      </c>
      <c r="AL43207">
        <v>1</v>
      </c>
      <c r="AM43207">
        <v>1</v>
      </c>
      <c r="AN43207">
        <v>1</v>
      </c>
      <c r="AO43207">
        <v>1</v>
      </c>
      <c r="AP43207">
        <v>1</v>
      </c>
      <c r="AQ43207">
        <v>1</v>
      </c>
    </row>
    <row r="43208" spans="1:43">
      <c r="A43208" t="s">
        <v>26423</v>
      </c>
      <c r="B43208" t="s">
        <v>26424</v>
      </c>
      <c r="C43208" t="s">
        <v>24203</v>
      </c>
      <c r="D43208" t="s">
        <v>24204</v>
      </c>
      <c r="E43208" t="s">
        <v>24147</v>
      </c>
      <c r="F43208" t="s">
        <v>24148</v>
      </c>
      <c r="G43208" t="s">
        <v>11612</v>
      </c>
      <c r="H43208" t="s">
        <v>11613</v>
      </c>
      <c r="I43208" s="2">
        <v>0</v>
      </c>
      <c r="J43208" s="2">
        <v>0</v>
      </c>
      <c r="K43208" s="2">
        <v>0.09</v>
      </c>
      <c r="L43208" t="s">
        <v>995</v>
      </c>
      <c r="M43208" t="s">
        <v>89</v>
      </c>
      <c r="N43208" t="s">
        <v>90</v>
      </c>
      <c r="O43208" t="s">
        <v>85</v>
      </c>
      <c r="P43208" t="s">
        <v>86</v>
      </c>
      <c r="Q43208">
        <v>1</v>
      </c>
      <c r="R43208">
        <v>1</v>
      </c>
      <c r="S43208">
        <v>1</v>
      </c>
      <c r="T43208">
        <v>1</v>
      </c>
      <c r="U43208">
        <v>1</v>
      </c>
      <c r="V43208">
        <v>1</v>
      </c>
      <c r="W43208">
        <v>1</v>
      </c>
      <c r="X43208">
        <v>1</v>
      </c>
      <c r="Y43208">
        <v>1</v>
      </c>
      <c r="Z43208">
        <v>1</v>
      </c>
      <c r="AA43208">
        <v>1</v>
      </c>
      <c r="AB43208">
        <v>1</v>
      </c>
      <c r="AC43208">
        <v>1</v>
      </c>
      <c r="AD43208">
        <v>1</v>
      </c>
      <c r="AE43208">
        <v>1</v>
      </c>
      <c r="AF43208">
        <v>1</v>
      </c>
      <c r="AG43208">
        <v>1</v>
      </c>
      <c r="AH43208">
        <v>1</v>
      </c>
      <c r="AI43208">
        <v>1</v>
      </c>
      <c r="AJ43208">
        <v>1</v>
      </c>
      <c r="AK43208">
        <v>1</v>
      </c>
      <c r="AL43208">
        <v>1</v>
      </c>
      <c r="AM43208">
        <v>1</v>
      </c>
      <c r="AN43208">
        <v>1</v>
      </c>
      <c r="AO43208">
        <v>1</v>
      </c>
      <c r="AP43208">
        <v>1</v>
      </c>
      <c r="AQ43208">
        <v>1</v>
      </c>
    </row>
    <row r="43209" spans="1:43">
      <c r="A43209" t="s">
        <v>26423</v>
      </c>
      <c r="B43209" t="s">
        <v>26424</v>
      </c>
      <c r="C43209" t="s">
        <v>24203</v>
      </c>
      <c r="D43209" t="s">
        <v>24204</v>
      </c>
      <c r="E43209" t="s">
        <v>24147</v>
      </c>
      <c r="F43209" t="s">
        <v>24148</v>
      </c>
      <c r="G43209" t="s">
        <v>11612</v>
      </c>
      <c r="H43209" t="s">
        <v>11613</v>
      </c>
      <c r="I43209" s="2">
        <v>0</v>
      </c>
      <c r="J43209" s="2">
        <v>0</v>
      </c>
      <c r="K43209" s="2">
        <v>0.09</v>
      </c>
      <c r="L43209" t="s">
        <v>995</v>
      </c>
      <c r="M43209" t="s">
        <v>83</v>
      </c>
      <c r="N43209" t="s">
        <v>91</v>
      </c>
      <c r="O43209" t="s">
        <v>85</v>
      </c>
      <c r="P43209" t="s">
        <v>86</v>
      </c>
      <c r="Q43209">
        <v>1</v>
      </c>
      <c r="R43209">
        <v>1</v>
      </c>
      <c r="S43209">
        <v>1</v>
      </c>
      <c r="T43209">
        <v>1</v>
      </c>
      <c r="U43209">
        <v>1</v>
      </c>
      <c r="V43209">
        <v>1</v>
      </c>
      <c r="W43209">
        <v>1</v>
      </c>
      <c r="X43209">
        <v>1</v>
      </c>
      <c r="Y43209">
        <v>1</v>
      </c>
      <c r="Z43209">
        <v>1</v>
      </c>
      <c r="AA43209">
        <v>1</v>
      </c>
      <c r="AB43209">
        <v>1</v>
      </c>
      <c r="AC43209">
        <v>1</v>
      </c>
      <c r="AD43209">
        <v>1</v>
      </c>
      <c r="AE43209">
        <v>1</v>
      </c>
      <c r="AF43209">
        <v>1</v>
      </c>
      <c r="AG43209">
        <v>1</v>
      </c>
      <c r="AH43209">
        <v>1</v>
      </c>
      <c r="AI43209">
        <v>1</v>
      </c>
      <c r="AJ43209">
        <v>1</v>
      </c>
      <c r="AK43209">
        <v>1</v>
      </c>
      <c r="AL43209">
        <v>1</v>
      </c>
      <c r="AM43209">
        <v>1</v>
      </c>
      <c r="AN43209">
        <v>1</v>
      </c>
      <c r="AO43209">
        <v>1</v>
      </c>
      <c r="AP43209">
        <v>1</v>
      </c>
      <c r="AQ43209">
        <v>1</v>
      </c>
    </row>
    <row r="43210" spans="1:43">
      <c r="A43210" t="s">
        <v>26425</v>
      </c>
      <c r="B43210" t="s">
        <v>26426</v>
      </c>
      <c r="C43210" t="s">
        <v>24203</v>
      </c>
      <c r="D43210" t="s">
        <v>24204</v>
      </c>
      <c r="E43210" t="s">
        <v>24147</v>
      </c>
      <c r="F43210" t="s">
        <v>24148</v>
      </c>
      <c r="G43210" t="s">
        <v>11612</v>
      </c>
      <c r="H43210" t="s">
        <v>11613</v>
      </c>
      <c r="I43210" s="2">
        <v>0</v>
      </c>
      <c r="J43210" s="2">
        <v>0</v>
      </c>
      <c r="K43210" s="2">
        <v>1</v>
      </c>
      <c r="L43210" t="s">
        <v>995</v>
      </c>
      <c r="M43210" t="s">
        <v>83</v>
      </c>
      <c r="N43210" t="s">
        <v>84</v>
      </c>
      <c r="O43210" t="s">
        <v>85</v>
      </c>
      <c r="P43210" t="s">
        <v>86</v>
      </c>
      <c r="Q43210">
        <v>22</v>
      </c>
      <c r="R43210">
        <v>22</v>
      </c>
      <c r="S43210">
        <v>23</v>
      </c>
      <c r="T43210">
        <v>23</v>
      </c>
      <c r="U43210">
        <v>24</v>
      </c>
      <c r="V43210">
        <v>24</v>
      </c>
      <c r="W43210">
        <v>25</v>
      </c>
      <c r="X43210">
        <v>25</v>
      </c>
      <c r="Y43210">
        <v>26</v>
      </c>
      <c r="Z43210">
        <v>26</v>
      </c>
      <c r="AA43210">
        <v>27</v>
      </c>
      <c r="AB43210">
        <v>27</v>
      </c>
      <c r="AC43210">
        <v>27</v>
      </c>
      <c r="AD43210">
        <v>28</v>
      </c>
      <c r="AE43210">
        <v>28</v>
      </c>
      <c r="AF43210">
        <v>29</v>
      </c>
      <c r="AG43210">
        <v>29</v>
      </c>
      <c r="AH43210">
        <v>30</v>
      </c>
      <c r="AI43210">
        <v>30</v>
      </c>
      <c r="AJ43210">
        <v>31</v>
      </c>
      <c r="AK43210">
        <v>31</v>
      </c>
      <c r="AL43210">
        <v>32</v>
      </c>
      <c r="AM43210">
        <v>32</v>
      </c>
      <c r="AN43210">
        <v>32</v>
      </c>
      <c r="AO43210">
        <v>32</v>
      </c>
      <c r="AP43210">
        <v>33</v>
      </c>
      <c r="AQ43210">
        <v>33</v>
      </c>
    </row>
    <row r="43211" spans="1:43">
      <c r="A43211" t="s">
        <v>26425</v>
      </c>
      <c r="B43211" t="s">
        <v>26426</v>
      </c>
      <c r="C43211" t="s">
        <v>24203</v>
      </c>
      <c r="D43211" t="s">
        <v>24204</v>
      </c>
      <c r="E43211" t="s">
        <v>24147</v>
      </c>
      <c r="F43211" t="s">
        <v>24148</v>
      </c>
      <c r="G43211" t="s">
        <v>11612</v>
      </c>
      <c r="H43211" t="s">
        <v>11613</v>
      </c>
      <c r="I43211" s="2">
        <v>0</v>
      </c>
      <c r="J43211" s="2">
        <v>0</v>
      </c>
      <c r="K43211" s="2">
        <v>1</v>
      </c>
      <c r="L43211" t="s">
        <v>995</v>
      </c>
      <c r="M43211" t="s">
        <v>87</v>
      </c>
      <c r="N43211" t="s">
        <v>88</v>
      </c>
      <c r="O43211" t="s">
        <v>85</v>
      </c>
      <c r="P43211" t="s">
        <v>86</v>
      </c>
      <c r="Q43211">
        <v>22</v>
      </c>
      <c r="R43211">
        <v>22</v>
      </c>
      <c r="S43211">
        <v>22</v>
      </c>
      <c r="T43211">
        <v>22</v>
      </c>
      <c r="U43211">
        <v>23</v>
      </c>
      <c r="V43211">
        <v>23</v>
      </c>
      <c r="W43211">
        <v>23</v>
      </c>
      <c r="X43211">
        <v>23</v>
      </c>
      <c r="Y43211">
        <v>24</v>
      </c>
      <c r="Z43211">
        <v>24</v>
      </c>
      <c r="AA43211">
        <v>24</v>
      </c>
      <c r="AB43211">
        <v>24</v>
      </c>
      <c r="AC43211">
        <v>25</v>
      </c>
      <c r="AD43211">
        <v>25</v>
      </c>
      <c r="AE43211">
        <v>25</v>
      </c>
      <c r="AF43211">
        <v>25</v>
      </c>
      <c r="AG43211">
        <v>26</v>
      </c>
      <c r="AH43211">
        <v>26</v>
      </c>
      <c r="AI43211">
        <v>26</v>
      </c>
      <c r="AJ43211">
        <v>26</v>
      </c>
      <c r="AK43211">
        <v>27</v>
      </c>
      <c r="AL43211">
        <v>27</v>
      </c>
      <c r="AM43211">
        <v>27</v>
      </c>
      <c r="AN43211">
        <v>28</v>
      </c>
      <c r="AO43211">
        <v>28</v>
      </c>
      <c r="AP43211">
        <v>28</v>
      </c>
      <c r="AQ43211">
        <v>29</v>
      </c>
    </row>
    <row r="43212" spans="1:43">
      <c r="A43212" t="s">
        <v>26425</v>
      </c>
      <c r="B43212" t="s">
        <v>26426</v>
      </c>
      <c r="C43212" t="s">
        <v>24203</v>
      </c>
      <c r="D43212" t="s">
        <v>24204</v>
      </c>
      <c r="E43212" t="s">
        <v>24147</v>
      </c>
      <c r="F43212" t="s">
        <v>24148</v>
      </c>
      <c r="G43212" t="s">
        <v>11612</v>
      </c>
      <c r="H43212" t="s">
        <v>11613</v>
      </c>
      <c r="I43212" s="2">
        <v>0</v>
      </c>
      <c r="J43212" s="2">
        <v>0</v>
      </c>
      <c r="K43212" s="2">
        <v>1</v>
      </c>
      <c r="L43212" t="s">
        <v>995</v>
      </c>
      <c r="M43212" t="s">
        <v>89</v>
      </c>
      <c r="N43212" t="s">
        <v>90</v>
      </c>
      <c r="O43212" t="s">
        <v>85</v>
      </c>
      <c r="P43212" t="s">
        <v>86</v>
      </c>
      <c r="Q43212">
        <v>22</v>
      </c>
      <c r="R43212">
        <v>23</v>
      </c>
      <c r="S43212">
        <v>23</v>
      </c>
      <c r="T43212">
        <v>24</v>
      </c>
      <c r="U43212">
        <v>25</v>
      </c>
      <c r="V43212">
        <v>25</v>
      </c>
      <c r="W43212">
        <v>26</v>
      </c>
      <c r="X43212">
        <v>27</v>
      </c>
      <c r="Y43212">
        <v>27</v>
      </c>
      <c r="Z43212">
        <v>28</v>
      </c>
      <c r="AA43212">
        <v>28</v>
      </c>
      <c r="AB43212">
        <v>29</v>
      </c>
      <c r="AC43212">
        <v>29</v>
      </c>
      <c r="AD43212">
        <v>30</v>
      </c>
      <c r="AE43212">
        <v>30</v>
      </c>
      <c r="AF43212">
        <v>31</v>
      </c>
      <c r="AG43212">
        <v>31</v>
      </c>
      <c r="AH43212">
        <v>31</v>
      </c>
      <c r="AI43212">
        <v>31</v>
      </c>
      <c r="AJ43212">
        <v>32</v>
      </c>
      <c r="AK43212">
        <v>32</v>
      </c>
      <c r="AL43212">
        <v>32</v>
      </c>
      <c r="AM43212">
        <v>32</v>
      </c>
      <c r="AN43212">
        <v>33</v>
      </c>
      <c r="AO43212">
        <v>33</v>
      </c>
      <c r="AP43212">
        <v>33</v>
      </c>
      <c r="AQ43212">
        <v>34</v>
      </c>
    </row>
    <row r="43213" spans="1:43">
      <c r="A43213" t="s">
        <v>26425</v>
      </c>
      <c r="B43213" t="s">
        <v>26426</v>
      </c>
      <c r="C43213" t="s">
        <v>24203</v>
      </c>
      <c r="D43213" t="s">
        <v>24204</v>
      </c>
      <c r="E43213" t="s">
        <v>24147</v>
      </c>
      <c r="F43213" t="s">
        <v>24148</v>
      </c>
      <c r="G43213" t="s">
        <v>11612</v>
      </c>
      <c r="H43213" t="s">
        <v>11613</v>
      </c>
      <c r="I43213" s="2">
        <v>0</v>
      </c>
      <c r="J43213" s="2">
        <v>0</v>
      </c>
      <c r="K43213" s="2">
        <v>1</v>
      </c>
      <c r="L43213" t="s">
        <v>995</v>
      </c>
      <c r="M43213" t="s">
        <v>83</v>
      </c>
      <c r="N43213" t="s">
        <v>91</v>
      </c>
      <c r="O43213" t="s">
        <v>85</v>
      </c>
      <c r="P43213" t="s">
        <v>86</v>
      </c>
      <c r="Q43213">
        <v>22</v>
      </c>
      <c r="R43213">
        <v>22</v>
      </c>
      <c r="S43213">
        <v>23</v>
      </c>
      <c r="T43213">
        <v>23</v>
      </c>
      <c r="U43213">
        <v>24</v>
      </c>
      <c r="V43213">
        <v>24</v>
      </c>
      <c r="W43213">
        <v>25</v>
      </c>
      <c r="X43213">
        <v>25</v>
      </c>
      <c r="Y43213">
        <v>26</v>
      </c>
      <c r="Z43213">
        <v>26</v>
      </c>
      <c r="AA43213">
        <v>27</v>
      </c>
      <c r="AB43213">
        <v>27</v>
      </c>
      <c r="AC43213">
        <v>27</v>
      </c>
      <c r="AD43213">
        <v>28</v>
      </c>
      <c r="AE43213">
        <v>28</v>
      </c>
      <c r="AF43213">
        <v>29</v>
      </c>
      <c r="AG43213">
        <v>29</v>
      </c>
      <c r="AH43213">
        <v>30</v>
      </c>
      <c r="AI43213">
        <v>30</v>
      </c>
      <c r="AJ43213">
        <v>31</v>
      </c>
      <c r="AK43213">
        <v>31</v>
      </c>
      <c r="AL43213">
        <v>32</v>
      </c>
      <c r="AM43213">
        <v>32</v>
      </c>
      <c r="AN43213">
        <v>32</v>
      </c>
      <c r="AO43213">
        <v>32</v>
      </c>
      <c r="AP43213">
        <v>33</v>
      </c>
      <c r="AQ43213">
        <v>33</v>
      </c>
    </row>
    <row r="43214" spans="1:43">
      <c r="A43214" t="s">
        <v>26427</v>
      </c>
      <c r="B43214" t="s">
        <v>26428</v>
      </c>
      <c r="C43214" t="s">
        <v>24421</v>
      </c>
      <c r="D43214" t="s">
        <v>24422</v>
      </c>
      <c r="E43214" t="s">
        <v>24327</v>
      </c>
      <c r="F43214" t="s">
        <v>24328</v>
      </c>
      <c r="G43214" t="s">
        <v>11612</v>
      </c>
      <c r="H43214" t="s">
        <v>11613</v>
      </c>
      <c r="I43214" s="2">
        <v>0</v>
      </c>
      <c r="J43214" s="2">
        <v>0</v>
      </c>
      <c r="K43214" s="2">
        <v>1</v>
      </c>
      <c r="L43214" t="s">
        <v>995</v>
      </c>
      <c r="M43214" t="s">
        <v>83</v>
      </c>
      <c r="N43214" t="s">
        <v>84</v>
      </c>
      <c r="O43214" t="s">
        <v>85</v>
      </c>
      <c r="P43214" t="s">
        <v>86</v>
      </c>
      <c r="Q43214">
        <v>121</v>
      </c>
      <c r="R43214">
        <v>123</v>
      </c>
      <c r="S43214">
        <v>125</v>
      </c>
      <c r="T43214">
        <v>126</v>
      </c>
      <c r="U43214">
        <v>128</v>
      </c>
      <c r="V43214">
        <v>130</v>
      </c>
      <c r="W43214">
        <v>132</v>
      </c>
      <c r="X43214">
        <v>133</v>
      </c>
      <c r="Y43214">
        <v>135</v>
      </c>
      <c r="Z43214">
        <v>137</v>
      </c>
      <c r="AA43214">
        <v>139</v>
      </c>
      <c r="AB43214">
        <v>140</v>
      </c>
      <c r="AC43214">
        <v>142</v>
      </c>
      <c r="AD43214">
        <v>144</v>
      </c>
      <c r="AE43214">
        <v>146</v>
      </c>
      <c r="AF43214">
        <v>147</v>
      </c>
      <c r="AG43214">
        <v>149</v>
      </c>
      <c r="AH43214">
        <v>151</v>
      </c>
      <c r="AI43214">
        <v>153</v>
      </c>
      <c r="AJ43214">
        <v>155</v>
      </c>
      <c r="AK43214">
        <v>157</v>
      </c>
      <c r="AL43214">
        <v>158</v>
      </c>
      <c r="AM43214">
        <v>159</v>
      </c>
      <c r="AN43214">
        <v>159</v>
      </c>
      <c r="AO43214">
        <v>160</v>
      </c>
      <c r="AP43214">
        <v>161</v>
      </c>
      <c r="AQ43214">
        <v>162</v>
      </c>
    </row>
    <row r="43215" spans="1:43">
      <c r="A43215" t="s">
        <v>26427</v>
      </c>
      <c r="B43215" t="s">
        <v>26428</v>
      </c>
      <c r="C43215" t="s">
        <v>24421</v>
      </c>
      <c r="D43215" t="s">
        <v>24422</v>
      </c>
      <c r="E43215" t="s">
        <v>24327</v>
      </c>
      <c r="F43215" t="s">
        <v>24328</v>
      </c>
      <c r="G43215" t="s">
        <v>11612</v>
      </c>
      <c r="H43215" t="s">
        <v>11613</v>
      </c>
      <c r="I43215" s="2">
        <v>0</v>
      </c>
      <c r="J43215" s="2">
        <v>0</v>
      </c>
      <c r="K43215" s="2">
        <v>1</v>
      </c>
      <c r="L43215" t="s">
        <v>995</v>
      </c>
      <c r="M43215" t="s">
        <v>87</v>
      </c>
      <c r="N43215" t="s">
        <v>88</v>
      </c>
      <c r="O43215" t="s">
        <v>85</v>
      </c>
      <c r="P43215" t="s">
        <v>86</v>
      </c>
      <c r="Q43215">
        <v>121</v>
      </c>
      <c r="R43215">
        <v>121</v>
      </c>
      <c r="S43215">
        <v>122</v>
      </c>
      <c r="T43215">
        <v>123</v>
      </c>
      <c r="U43215">
        <v>124</v>
      </c>
      <c r="V43215">
        <v>124</v>
      </c>
      <c r="W43215">
        <v>125</v>
      </c>
      <c r="X43215">
        <v>125</v>
      </c>
      <c r="Y43215">
        <v>126</v>
      </c>
      <c r="Z43215">
        <v>127</v>
      </c>
      <c r="AA43215">
        <v>127</v>
      </c>
      <c r="AB43215">
        <v>128</v>
      </c>
      <c r="AC43215">
        <v>128</v>
      </c>
      <c r="AD43215">
        <v>129</v>
      </c>
      <c r="AE43215">
        <v>130</v>
      </c>
      <c r="AF43215">
        <v>131</v>
      </c>
      <c r="AG43215">
        <v>132</v>
      </c>
      <c r="AH43215">
        <v>132</v>
      </c>
      <c r="AI43215">
        <v>133</v>
      </c>
      <c r="AJ43215">
        <v>134</v>
      </c>
      <c r="AK43215">
        <v>135</v>
      </c>
      <c r="AL43215">
        <v>136</v>
      </c>
      <c r="AM43215">
        <v>137</v>
      </c>
      <c r="AN43215">
        <v>138</v>
      </c>
      <c r="AO43215">
        <v>139</v>
      </c>
      <c r="AP43215">
        <v>140</v>
      </c>
      <c r="AQ43215">
        <v>141</v>
      </c>
    </row>
    <row r="43216" spans="1:43">
      <c r="A43216" t="s">
        <v>26427</v>
      </c>
      <c r="B43216" t="s">
        <v>26428</v>
      </c>
      <c r="C43216" t="s">
        <v>24421</v>
      </c>
      <c r="D43216" t="s">
        <v>24422</v>
      </c>
      <c r="E43216" t="s">
        <v>24327</v>
      </c>
      <c r="F43216" t="s">
        <v>24328</v>
      </c>
      <c r="G43216" t="s">
        <v>11612</v>
      </c>
      <c r="H43216" t="s">
        <v>11613</v>
      </c>
      <c r="I43216" s="2">
        <v>0</v>
      </c>
      <c r="J43216" s="2">
        <v>0</v>
      </c>
      <c r="K43216" s="2">
        <v>1</v>
      </c>
      <c r="L43216" t="s">
        <v>995</v>
      </c>
      <c r="M43216" t="s">
        <v>89</v>
      </c>
      <c r="N43216" t="s">
        <v>90</v>
      </c>
      <c r="O43216" t="s">
        <v>85</v>
      </c>
      <c r="P43216" t="s">
        <v>86</v>
      </c>
      <c r="Q43216">
        <v>121</v>
      </c>
      <c r="R43216">
        <v>124</v>
      </c>
      <c r="S43216">
        <v>127</v>
      </c>
      <c r="T43216">
        <v>130</v>
      </c>
      <c r="U43216">
        <v>132</v>
      </c>
      <c r="V43216">
        <v>135</v>
      </c>
      <c r="W43216">
        <v>137</v>
      </c>
      <c r="X43216">
        <v>140</v>
      </c>
      <c r="Y43216">
        <v>142</v>
      </c>
      <c r="Z43216">
        <v>144</v>
      </c>
      <c r="AA43216">
        <v>146</v>
      </c>
      <c r="AB43216">
        <v>149</v>
      </c>
      <c r="AC43216">
        <v>151</v>
      </c>
      <c r="AD43216">
        <v>153</v>
      </c>
      <c r="AE43216">
        <v>155</v>
      </c>
      <c r="AF43216">
        <v>155</v>
      </c>
      <c r="AG43216">
        <v>156</v>
      </c>
      <c r="AH43216">
        <v>156</v>
      </c>
      <c r="AI43216">
        <v>157</v>
      </c>
      <c r="AJ43216">
        <v>158</v>
      </c>
      <c r="AK43216">
        <v>158</v>
      </c>
      <c r="AL43216">
        <v>159</v>
      </c>
      <c r="AM43216">
        <v>160</v>
      </c>
      <c r="AN43216">
        <v>160</v>
      </c>
      <c r="AO43216">
        <v>161</v>
      </c>
      <c r="AP43216">
        <v>162</v>
      </c>
      <c r="AQ43216">
        <v>162</v>
      </c>
    </row>
    <row r="43217" spans="1:43">
      <c r="A43217" t="s">
        <v>26427</v>
      </c>
      <c r="B43217" t="s">
        <v>26428</v>
      </c>
      <c r="C43217" t="s">
        <v>24421</v>
      </c>
      <c r="D43217" t="s">
        <v>24422</v>
      </c>
      <c r="E43217" t="s">
        <v>24327</v>
      </c>
      <c r="F43217" t="s">
        <v>24328</v>
      </c>
      <c r="G43217" t="s">
        <v>11612</v>
      </c>
      <c r="H43217" t="s">
        <v>11613</v>
      </c>
      <c r="I43217" s="2">
        <v>0</v>
      </c>
      <c r="J43217" s="2">
        <v>0</v>
      </c>
      <c r="K43217" s="2">
        <v>1</v>
      </c>
      <c r="L43217" t="s">
        <v>995</v>
      </c>
      <c r="M43217" t="s">
        <v>83</v>
      </c>
      <c r="N43217" t="s">
        <v>91</v>
      </c>
      <c r="O43217" t="s">
        <v>85</v>
      </c>
      <c r="P43217" t="s">
        <v>86</v>
      </c>
      <c r="Q43217">
        <v>121</v>
      </c>
      <c r="R43217">
        <v>123</v>
      </c>
      <c r="S43217">
        <v>125</v>
      </c>
      <c r="T43217">
        <v>126</v>
      </c>
      <c r="U43217">
        <v>128</v>
      </c>
      <c r="V43217">
        <v>130</v>
      </c>
      <c r="W43217">
        <v>132</v>
      </c>
      <c r="X43217">
        <v>133</v>
      </c>
      <c r="Y43217">
        <v>135</v>
      </c>
      <c r="Z43217">
        <v>137</v>
      </c>
      <c r="AA43217">
        <v>139</v>
      </c>
      <c r="AB43217">
        <v>140</v>
      </c>
      <c r="AC43217">
        <v>142</v>
      </c>
      <c r="AD43217">
        <v>144</v>
      </c>
      <c r="AE43217">
        <v>146</v>
      </c>
      <c r="AF43217">
        <v>147</v>
      </c>
      <c r="AG43217">
        <v>149</v>
      </c>
      <c r="AH43217">
        <v>151</v>
      </c>
      <c r="AI43217">
        <v>153</v>
      </c>
      <c r="AJ43217">
        <v>155</v>
      </c>
      <c r="AK43217">
        <v>157</v>
      </c>
      <c r="AL43217">
        <v>158</v>
      </c>
      <c r="AM43217">
        <v>159</v>
      </c>
      <c r="AN43217">
        <v>159</v>
      </c>
      <c r="AO43217">
        <v>160</v>
      </c>
      <c r="AP43217">
        <v>161</v>
      </c>
      <c r="AQ43217">
        <v>162</v>
      </c>
    </row>
    <row r="43218" spans="1:43">
      <c r="A43218" t="s">
        <v>26429</v>
      </c>
      <c r="B43218" t="s">
        <v>26430</v>
      </c>
      <c r="C43218" t="s">
        <v>24421</v>
      </c>
      <c r="D43218" t="s">
        <v>24422</v>
      </c>
      <c r="E43218" t="s">
        <v>24327</v>
      </c>
      <c r="F43218" t="s">
        <v>24328</v>
      </c>
      <c r="G43218" t="s">
        <v>11612</v>
      </c>
      <c r="H43218" t="s">
        <v>11613</v>
      </c>
      <c r="I43218" s="2">
        <v>0</v>
      </c>
      <c r="J43218" s="2">
        <v>0</v>
      </c>
      <c r="K43218" s="2">
        <v>1</v>
      </c>
      <c r="L43218" t="s">
        <v>995</v>
      </c>
      <c r="M43218" t="s">
        <v>83</v>
      </c>
      <c r="N43218" t="s">
        <v>84</v>
      </c>
      <c r="O43218" t="s">
        <v>85</v>
      </c>
      <c r="P43218" t="s">
        <v>86</v>
      </c>
      <c r="Q43218">
        <v>45</v>
      </c>
      <c r="R43218">
        <v>45</v>
      </c>
      <c r="S43218">
        <v>46</v>
      </c>
      <c r="T43218">
        <v>47</v>
      </c>
      <c r="U43218">
        <v>47</v>
      </c>
      <c r="V43218">
        <v>48</v>
      </c>
      <c r="W43218">
        <v>48</v>
      </c>
      <c r="X43218">
        <v>49</v>
      </c>
      <c r="Y43218">
        <v>50</v>
      </c>
      <c r="Z43218">
        <v>50</v>
      </c>
      <c r="AA43218">
        <v>51</v>
      </c>
      <c r="AB43218">
        <v>52</v>
      </c>
      <c r="AC43218">
        <v>52</v>
      </c>
      <c r="AD43218">
        <v>53</v>
      </c>
      <c r="AE43218">
        <v>54</v>
      </c>
      <c r="AF43218">
        <v>54</v>
      </c>
      <c r="AG43218">
        <v>55</v>
      </c>
      <c r="AH43218">
        <v>56</v>
      </c>
      <c r="AI43218">
        <v>56</v>
      </c>
      <c r="AJ43218">
        <v>57</v>
      </c>
      <c r="AK43218">
        <v>58</v>
      </c>
      <c r="AL43218">
        <v>58</v>
      </c>
      <c r="AM43218">
        <v>58</v>
      </c>
      <c r="AN43218">
        <v>59</v>
      </c>
      <c r="AO43218">
        <v>59</v>
      </c>
      <c r="AP43218">
        <v>59</v>
      </c>
      <c r="AQ43218">
        <v>59</v>
      </c>
    </row>
    <row r="43219" spans="1:43">
      <c r="A43219" t="s">
        <v>26429</v>
      </c>
      <c r="B43219" t="s">
        <v>26430</v>
      </c>
      <c r="C43219" t="s">
        <v>24421</v>
      </c>
      <c r="D43219" t="s">
        <v>24422</v>
      </c>
      <c r="E43219" t="s">
        <v>24327</v>
      </c>
      <c r="F43219" t="s">
        <v>24328</v>
      </c>
      <c r="G43219" t="s">
        <v>11612</v>
      </c>
      <c r="H43219" t="s">
        <v>11613</v>
      </c>
      <c r="I43219" s="2">
        <v>0</v>
      </c>
      <c r="J43219" s="2">
        <v>0</v>
      </c>
      <c r="K43219" s="2">
        <v>1</v>
      </c>
      <c r="L43219" t="s">
        <v>995</v>
      </c>
      <c r="M43219" t="s">
        <v>87</v>
      </c>
      <c r="N43219" t="s">
        <v>88</v>
      </c>
      <c r="O43219" t="s">
        <v>85</v>
      </c>
      <c r="P43219" t="s">
        <v>86</v>
      </c>
      <c r="Q43219">
        <v>45</v>
      </c>
      <c r="R43219">
        <v>45</v>
      </c>
      <c r="S43219">
        <v>46</v>
      </c>
      <c r="T43219">
        <v>46</v>
      </c>
      <c r="U43219">
        <v>46</v>
      </c>
      <c r="V43219">
        <v>46</v>
      </c>
      <c r="W43219">
        <v>47</v>
      </c>
      <c r="X43219">
        <v>47</v>
      </c>
      <c r="Y43219">
        <v>47</v>
      </c>
      <c r="Z43219">
        <v>47</v>
      </c>
      <c r="AA43219">
        <v>47</v>
      </c>
      <c r="AB43219">
        <v>48</v>
      </c>
      <c r="AC43219">
        <v>48</v>
      </c>
      <c r="AD43219">
        <v>48</v>
      </c>
      <c r="AE43219">
        <v>48</v>
      </c>
      <c r="AF43219">
        <v>49</v>
      </c>
      <c r="AG43219">
        <v>49</v>
      </c>
      <c r="AH43219">
        <v>49</v>
      </c>
      <c r="AI43219">
        <v>50</v>
      </c>
      <c r="AJ43219">
        <v>50</v>
      </c>
      <c r="AK43219">
        <v>50</v>
      </c>
      <c r="AL43219">
        <v>51</v>
      </c>
      <c r="AM43219">
        <v>51</v>
      </c>
      <c r="AN43219">
        <v>51</v>
      </c>
      <c r="AO43219">
        <v>52</v>
      </c>
      <c r="AP43219">
        <v>52</v>
      </c>
      <c r="AQ43219">
        <v>52</v>
      </c>
    </row>
    <row r="43220" spans="1:43">
      <c r="A43220" t="s">
        <v>26429</v>
      </c>
      <c r="B43220" t="s">
        <v>26430</v>
      </c>
      <c r="C43220" t="s">
        <v>24421</v>
      </c>
      <c r="D43220" t="s">
        <v>24422</v>
      </c>
      <c r="E43220" t="s">
        <v>24327</v>
      </c>
      <c r="F43220" t="s">
        <v>24328</v>
      </c>
      <c r="G43220" t="s">
        <v>11612</v>
      </c>
      <c r="H43220" t="s">
        <v>11613</v>
      </c>
      <c r="I43220" s="2">
        <v>0</v>
      </c>
      <c r="J43220" s="2">
        <v>0</v>
      </c>
      <c r="K43220" s="2">
        <v>1</v>
      </c>
      <c r="L43220" t="s">
        <v>995</v>
      </c>
      <c r="M43220" t="s">
        <v>89</v>
      </c>
      <c r="N43220" t="s">
        <v>90</v>
      </c>
      <c r="O43220" t="s">
        <v>85</v>
      </c>
      <c r="P43220" t="s">
        <v>86</v>
      </c>
      <c r="Q43220">
        <v>45</v>
      </c>
      <c r="R43220">
        <v>46</v>
      </c>
      <c r="S43220">
        <v>47</v>
      </c>
      <c r="T43220">
        <v>48</v>
      </c>
      <c r="U43220">
        <v>49</v>
      </c>
      <c r="V43220">
        <v>50</v>
      </c>
      <c r="W43220">
        <v>51</v>
      </c>
      <c r="X43220">
        <v>52</v>
      </c>
      <c r="Y43220">
        <v>53</v>
      </c>
      <c r="Z43220">
        <v>53</v>
      </c>
      <c r="AA43220">
        <v>54</v>
      </c>
      <c r="AB43220">
        <v>55</v>
      </c>
      <c r="AC43220">
        <v>56</v>
      </c>
      <c r="AD43220">
        <v>57</v>
      </c>
      <c r="AE43220">
        <v>57</v>
      </c>
      <c r="AF43220">
        <v>58</v>
      </c>
      <c r="AG43220">
        <v>58</v>
      </c>
      <c r="AH43220">
        <v>58</v>
      </c>
      <c r="AI43220">
        <v>58</v>
      </c>
      <c r="AJ43220">
        <v>58</v>
      </c>
      <c r="AK43220">
        <v>59</v>
      </c>
      <c r="AL43220">
        <v>59</v>
      </c>
      <c r="AM43220">
        <v>59</v>
      </c>
      <c r="AN43220">
        <v>59</v>
      </c>
      <c r="AO43220">
        <v>60</v>
      </c>
      <c r="AP43220">
        <v>60</v>
      </c>
      <c r="AQ43220">
        <v>60</v>
      </c>
    </row>
    <row r="43221" spans="1:43">
      <c r="A43221" t="s">
        <v>26429</v>
      </c>
      <c r="B43221" t="s">
        <v>26430</v>
      </c>
      <c r="C43221" t="s">
        <v>24421</v>
      </c>
      <c r="D43221" t="s">
        <v>24422</v>
      </c>
      <c r="E43221" t="s">
        <v>24327</v>
      </c>
      <c r="F43221" t="s">
        <v>24328</v>
      </c>
      <c r="G43221" t="s">
        <v>11612</v>
      </c>
      <c r="H43221" t="s">
        <v>11613</v>
      </c>
      <c r="I43221" s="2">
        <v>0</v>
      </c>
      <c r="J43221" s="2">
        <v>0</v>
      </c>
      <c r="K43221" s="2">
        <v>1</v>
      </c>
      <c r="L43221" t="s">
        <v>995</v>
      </c>
      <c r="M43221" t="s">
        <v>83</v>
      </c>
      <c r="N43221" t="s">
        <v>91</v>
      </c>
      <c r="O43221" t="s">
        <v>85</v>
      </c>
      <c r="P43221" t="s">
        <v>86</v>
      </c>
      <c r="Q43221">
        <v>45</v>
      </c>
      <c r="R43221">
        <v>45</v>
      </c>
      <c r="S43221">
        <v>46</v>
      </c>
      <c r="T43221">
        <v>47</v>
      </c>
      <c r="U43221">
        <v>47</v>
      </c>
      <c r="V43221">
        <v>48</v>
      </c>
      <c r="W43221">
        <v>48</v>
      </c>
      <c r="X43221">
        <v>49</v>
      </c>
      <c r="Y43221">
        <v>50</v>
      </c>
      <c r="Z43221">
        <v>50</v>
      </c>
      <c r="AA43221">
        <v>51</v>
      </c>
      <c r="AB43221">
        <v>52</v>
      </c>
      <c r="AC43221">
        <v>52</v>
      </c>
      <c r="AD43221">
        <v>53</v>
      </c>
      <c r="AE43221">
        <v>54</v>
      </c>
      <c r="AF43221">
        <v>54</v>
      </c>
      <c r="AG43221">
        <v>55</v>
      </c>
      <c r="AH43221">
        <v>56</v>
      </c>
      <c r="AI43221">
        <v>56</v>
      </c>
      <c r="AJ43221">
        <v>57</v>
      </c>
      <c r="AK43221">
        <v>58</v>
      </c>
      <c r="AL43221">
        <v>58</v>
      </c>
      <c r="AM43221">
        <v>58</v>
      </c>
      <c r="AN43221">
        <v>59</v>
      </c>
      <c r="AO43221">
        <v>59</v>
      </c>
      <c r="AP43221">
        <v>59</v>
      </c>
      <c r="AQ43221">
        <v>59</v>
      </c>
    </row>
    <row r="43222" spans="1:43">
      <c r="A43222" t="s">
        <v>26431</v>
      </c>
      <c r="B43222" t="s">
        <v>26432</v>
      </c>
      <c r="C43222" t="s">
        <v>24325</v>
      </c>
      <c r="D43222" t="s">
        <v>24326</v>
      </c>
      <c r="E43222" t="s">
        <v>24327</v>
      </c>
      <c r="F43222" t="s">
        <v>24328</v>
      </c>
      <c r="G43222" t="s">
        <v>11612</v>
      </c>
      <c r="H43222" t="s">
        <v>11613</v>
      </c>
      <c r="I43222" s="2">
        <v>0</v>
      </c>
      <c r="J43222" s="2">
        <v>0</v>
      </c>
      <c r="K43222" s="2">
        <v>1</v>
      </c>
      <c r="L43222" t="s">
        <v>995</v>
      </c>
      <c r="M43222" t="s">
        <v>83</v>
      </c>
      <c r="N43222" t="s">
        <v>84</v>
      </c>
      <c r="O43222" t="s">
        <v>85</v>
      </c>
      <c r="P43222" t="s">
        <v>86</v>
      </c>
      <c r="Q43222">
        <v>38</v>
      </c>
      <c r="R43222">
        <v>39</v>
      </c>
      <c r="S43222">
        <v>40</v>
      </c>
      <c r="T43222">
        <v>40</v>
      </c>
      <c r="U43222">
        <v>41</v>
      </c>
      <c r="V43222">
        <v>41</v>
      </c>
      <c r="W43222">
        <v>42</v>
      </c>
      <c r="X43222">
        <v>42</v>
      </c>
      <c r="Y43222">
        <v>43</v>
      </c>
      <c r="Z43222">
        <v>43</v>
      </c>
      <c r="AA43222">
        <v>44</v>
      </c>
      <c r="AB43222">
        <v>44</v>
      </c>
      <c r="AC43222">
        <v>45</v>
      </c>
      <c r="AD43222">
        <v>46</v>
      </c>
      <c r="AE43222">
        <v>46</v>
      </c>
      <c r="AF43222">
        <v>47</v>
      </c>
      <c r="AG43222">
        <v>47</v>
      </c>
      <c r="AH43222">
        <v>48</v>
      </c>
      <c r="AI43222">
        <v>48</v>
      </c>
      <c r="AJ43222">
        <v>49</v>
      </c>
      <c r="AK43222">
        <v>50</v>
      </c>
      <c r="AL43222">
        <v>50</v>
      </c>
      <c r="AM43222">
        <v>50</v>
      </c>
      <c r="AN43222">
        <v>50</v>
      </c>
      <c r="AO43222">
        <v>51</v>
      </c>
      <c r="AP43222">
        <v>51</v>
      </c>
      <c r="AQ43222">
        <v>51</v>
      </c>
    </row>
    <row r="43223" spans="1:43">
      <c r="A43223" t="s">
        <v>26431</v>
      </c>
      <c r="B43223" t="s">
        <v>26432</v>
      </c>
      <c r="C43223" t="s">
        <v>24325</v>
      </c>
      <c r="D43223" t="s">
        <v>24326</v>
      </c>
      <c r="E43223" t="s">
        <v>24327</v>
      </c>
      <c r="F43223" t="s">
        <v>24328</v>
      </c>
      <c r="G43223" t="s">
        <v>11612</v>
      </c>
      <c r="H43223" t="s">
        <v>11613</v>
      </c>
      <c r="I43223" s="2">
        <v>0</v>
      </c>
      <c r="J43223" s="2">
        <v>0</v>
      </c>
      <c r="K43223" s="2">
        <v>1</v>
      </c>
      <c r="L43223" t="s">
        <v>995</v>
      </c>
      <c r="M43223" t="s">
        <v>87</v>
      </c>
      <c r="N43223" t="s">
        <v>88</v>
      </c>
      <c r="O43223" t="s">
        <v>85</v>
      </c>
      <c r="P43223" t="s">
        <v>86</v>
      </c>
      <c r="Q43223">
        <v>38</v>
      </c>
      <c r="R43223">
        <v>38</v>
      </c>
      <c r="S43223">
        <v>39</v>
      </c>
      <c r="T43223">
        <v>39</v>
      </c>
      <c r="U43223">
        <v>39</v>
      </c>
      <c r="V43223">
        <v>39</v>
      </c>
      <c r="W43223">
        <v>39</v>
      </c>
      <c r="X43223">
        <v>39</v>
      </c>
      <c r="Y43223">
        <v>40</v>
      </c>
      <c r="Z43223">
        <v>40</v>
      </c>
      <c r="AA43223">
        <v>40</v>
      </c>
      <c r="AB43223">
        <v>40</v>
      </c>
      <c r="AC43223">
        <v>40</v>
      </c>
      <c r="AD43223">
        <v>41</v>
      </c>
      <c r="AE43223">
        <v>41</v>
      </c>
      <c r="AF43223">
        <v>41</v>
      </c>
      <c r="AG43223">
        <v>41</v>
      </c>
      <c r="AH43223">
        <v>42</v>
      </c>
      <c r="AI43223">
        <v>42</v>
      </c>
      <c r="AJ43223">
        <v>42</v>
      </c>
      <c r="AK43223">
        <v>42</v>
      </c>
      <c r="AL43223">
        <v>43</v>
      </c>
      <c r="AM43223">
        <v>43</v>
      </c>
      <c r="AN43223">
        <v>43</v>
      </c>
      <c r="AO43223">
        <v>43</v>
      </c>
      <c r="AP43223">
        <v>44</v>
      </c>
      <c r="AQ43223">
        <v>44</v>
      </c>
    </row>
    <row r="43224" spans="1:43">
      <c r="A43224" t="s">
        <v>26431</v>
      </c>
      <c r="B43224" t="s">
        <v>26432</v>
      </c>
      <c r="C43224" t="s">
        <v>24325</v>
      </c>
      <c r="D43224" t="s">
        <v>24326</v>
      </c>
      <c r="E43224" t="s">
        <v>24327</v>
      </c>
      <c r="F43224" t="s">
        <v>24328</v>
      </c>
      <c r="G43224" t="s">
        <v>11612</v>
      </c>
      <c r="H43224" t="s">
        <v>11613</v>
      </c>
      <c r="I43224" s="2">
        <v>0</v>
      </c>
      <c r="J43224" s="2">
        <v>0</v>
      </c>
      <c r="K43224" s="2">
        <v>1</v>
      </c>
      <c r="L43224" t="s">
        <v>995</v>
      </c>
      <c r="M43224" t="s">
        <v>89</v>
      </c>
      <c r="N43224" t="s">
        <v>90</v>
      </c>
      <c r="O43224" t="s">
        <v>85</v>
      </c>
      <c r="P43224" t="s">
        <v>86</v>
      </c>
      <c r="Q43224">
        <v>38</v>
      </c>
      <c r="R43224">
        <v>39</v>
      </c>
      <c r="S43224">
        <v>40</v>
      </c>
      <c r="T43224">
        <v>40</v>
      </c>
      <c r="U43224">
        <v>41</v>
      </c>
      <c r="V43224">
        <v>42</v>
      </c>
      <c r="W43224">
        <v>43</v>
      </c>
      <c r="X43224">
        <v>44</v>
      </c>
      <c r="Y43224">
        <v>44</v>
      </c>
      <c r="Z43224">
        <v>45</v>
      </c>
      <c r="AA43224">
        <v>46</v>
      </c>
      <c r="AB43224">
        <v>46</v>
      </c>
      <c r="AC43224">
        <v>47</v>
      </c>
      <c r="AD43224">
        <v>48</v>
      </c>
      <c r="AE43224">
        <v>48</v>
      </c>
      <c r="AF43224">
        <v>49</v>
      </c>
      <c r="AG43224">
        <v>49</v>
      </c>
      <c r="AH43224">
        <v>49</v>
      </c>
      <c r="AI43224">
        <v>49</v>
      </c>
      <c r="AJ43224">
        <v>49</v>
      </c>
      <c r="AK43224">
        <v>49</v>
      </c>
      <c r="AL43224">
        <v>50</v>
      </c>
      <c r="AM43224">
        <v>50</v>
      </c>
      <c r="AN43224">
        <v>50</v>
      </c>
      <c r="AO43224">
        <v>50</v>
      </c>
      <c r="AP43224">
        <v>50</v>
      </c>
      <c r="AQ43224">
        <v>51</v>
      </c>
    </row>
    <row r="43225" spans="1:43">
      <c r="A43225" t="s">
        <v>26431</v>
      </c>
      <c r="B43225" t="s">
        <v>26432</v>
      </c>
      <c r="C43225" t="s">
        <v>24325</v>
      </c>
      <c r="D43225" t="s">
        <v>24326</v>
      </c>
      <c r="E43225" t="s">
        <v>24327</v>
      </c>
      <c r="F43225" t="s">
        <v>24328</v>
      </c>
      <c r="G43225" t="s">
        <v>11612</v>
      </c>
      <c r="H43225" t="s">
        <v>11613</v>
      </c>
      <c r="I43225" s="2">
        <v>0</v>
      </c>
      <c r="J43225" s="2">
        <v>0</v>
      </c>
      <c r="K43225" s="2">
        <v>1</v>
      </c>
      <c r="L43225" t="s">
        <v>995</v>
      </c>
      <c r="M43225" t="s">
        <v>83</v>
      </c>
      <c r="N43225" t="s">
        <v>91</v>
      </c>
      <c r="O43225" t="s">
        <v>85</v>
      </c>
      <c r="P43225" t="s">
        <v>86</v>
      </c>
      <c r="Q43225">
        <v>38</v>
      </c>
      <c r="R43225">
        <v>39</v>
      </c>
      <c r="S43225">
        <v>40</v>
      </c>
      <c r="T43225">
        <v>40</v>
      </c>
      <c r="U43225">
        <v>41</v>
      </c>
      <c r="V43225">
        <v>41</v>
      </c>
      <c r="W43225">
        <v>42</v>
      </c>
      <c r="X43225">
        <v>42</v>
      </c>
      <c r="Y43225">
        <v>43</v>
      </c>
      <c r="Z43225">
        <v>43</v>
      </c>
      <c r="AA43225">
        <v>44</v>
      </c>
      <c r="AB43225">
        <v>44</v>
      </c>
      <c r="AC43225">
        <v>45</v>
      </c>
      <c r="AD43225">
        <v>46</v>
      </c>
      <c r="AE43225">
        <v>46</v>
      </c>
      <c r="AF43225">
        <v>47</v>
      </c>
      <c r="AG43225">
        <v>47</v>
      </c>
      <c r="AH43225">
        <v>48</v>
      </c>
      <c r="AI43225">
        <v>48</v>
      </c>
      <c r="AJ43225">
        <v>49</v>
      </c>
      <c r="AK43225">
        <v>50</v>
      </c>
      <c r="AL43225">
        <v>50</v>
      </c>
      <c r="AM43225">
        <v>50</v>
      </c>
      <c r="AN43225">
        <v>50</v>
      </c>
      <c r="AO43225">
        <v>51</v>
      </c>
      <c r="AP43225">
        <v>51</v>
      </c>
      <c r="AQ43225">
        <v>51</v>
      </c>
    </row>
    <row r="43226" spans="1:43">
      <c r="A43226" t="s">
        <v>26433</v>
      </c>
      <c r="B43226" t="s">
        <v>26434</v>
      </c>
      <c r="C43226" t="s">
        <v>24325</v>
      </c>
      <c r="D43226" t="s">
        <v>24326</v>
      </c>
      <c r="E43226" t="s">
        <v>24327</v>
      </c>
      <c r="F43226" t="s">
        <v>24328</v>
      </c>
      <c r="G43226" t="s">
        <v>11612</v>
      </c>
      <c r="H43226" t="s">
        <v>11613</v>
      </c>
      <c r="I43226" s="2">
        <v>0</v>
      </c>
      <c r="J43226" s="2">
        <v>0</v>
      </c>
      <c r="K43226" s="2">
        <v>1</v>
      </c>
      <c r="L43226" t="s">
        <v>995</v>
      </c>
      <c r="M43226" t="s">
        <v>83</v>
      </c>
      <c r="N43226" t="s">
        <v>84</v>
      </c>
      <c r="O43226" t="s">
        <v>85</v>
      </c>
      <c r="P43226" t="s">
        <v>86</v>
      </c>
      <c r="Q43226">
        <v>38</v>
      </c>
      <c r="R43226">
        <v>38</v>
      </c>
      <c r="S43226">
        <v>39</v>
      </c>
      <c r="T43226">
        <v>40</v>
      </c>
      <c r="U43226">
        <v>40</v>
      </c>
      <c r="V43226">
        <v>41</v>
      </c>
      <c r="W43226">
        <v>41</v>
      </c>
      <c r="X43226">
        <v>42</v>
      </c>
      <c r="Y43226">
        <v>42</v>
      </c>
      <c r="Z43226">
        <v>43</v>
      </c>
      <c r="AA43226">
        <v>43</v>
      </c>
      <c r="AB43226">
        <v>44</v>
      </c>
      <c r="AC43226">
        <v>44</v>
      </c>
      <c r="AD43226">
        <v>45</v>
      </c>
      <c r="AE43226">
        <v>45</v>
      </c>
      <c r="AF43226">
        <v>46</v>
      </c>
      <c r="AG43226">
        <v>47</v>
      </c>
      <c r="AH43226">
        <v>47</v>
      </c>
      <c r="AI43226">
        <v>48</v>
      </c>
      <c r="AJ43226">
        <v>48</v>
      </c>
      <c r="AK43226">
        <v>49</v>
      </c>
      <c r="AL43226">
        <v>49</v>
      </c>
      <c r="AM43226">
        <v>50</v>
      </c>
      <c r="AN43226">
        <v>50</v>
      </c>
      <c r="AO43226">
        <v>50</v>
      </c>
      <c r="AP43226">
        <v>50</v>
      </c>
      <c r="AQ43226">
        <v>50</v>
      </c>
    </row>
    <row r="43227" spans="1:43">
      <c r="A43227" t="s">
        <v>26433</v>
      </c>
      <c r="B43227" t="s">
        <v>26434</v>
      </c>
      <c r="C43227" t="s">
        <v>24325</v>
      </c>
      <c r="D43227" t="s">
        <v>24326</v>
      </c>
      <c r="E43227" t="s">
        <v>24327</v>
      </c>
      <c r="F43227" t="s">
        <v>24328</v>
      </c>
      <c r="G43227" t="s">
        <v>11612</v>
      </c>
      <c r="H43227" t="s">
        <v>11613</v>
      </c>
      <c r="I43227" s="2">
        <v>0</v>
      </c>
      <c r="J43227" s="2">
        <v>0</v>
      </c>
      <c r="K43227" s="2">
        <v>1</v>
      </c>
      <c r="L43227" t="s">
        <v>995</v>
      </c>
      <c r="M43227" t="s">
        <v>87</v>
      </c>
      <c r="N43227" t="s">
        <v>88</v>
      </c>
      <c r="O43227" t="s">
        <v>85</v>
      </c>
      <c r="P43227" t="s">
        <v>86</v>
      </c>
      <c r="Q43227">
        <v>38</v>
      </c>
      <c r="R43227">
        <v>38</v>
      </c>
      <c r="S43227">
        <v>38</v>
      </c>
      <c r="T43227">
        <v>38</v>
      </c>
      <c r="U43227">
        <v>38</v>
      </c>
      <c r="V43227">
        <v>39</v>
      </c>
      <c r="W43227">
        <v>39</v>
      </c>
      <c r="X43227">
        <v>39</v>
      </c>
      <c r="Y43227">
        <v>39</v>
      </c>
      <c r="Z43227">
        <v>39</v>
      </c>
      <c r="AA43227">
        <v>39</v>
      </c>
      <c r="AB43227">
        <v>40</v>
      </c>
      <c r="AC43227">
        <v>40</v>
      </c>
      <c r="AD43227">
        <v>40</v>
      </c>
      <c r="AE43227">
        <v>40</v>
      </c>
      <c r="AF43227">
        <v>40</v>
      </c>
      <c r="AG43227">
        <v>41</v>
      </c>
      <c r="AH43227">
        <v>41</v>
      </c>
      <c r="AI43227">
        <v>41</v>
      </c>
      <c r="AJ43227">
        <v>42</v>
      </c>
      <c r="AK43227">
        <v>42</v>
      </c>
      <c r="AL43227">
        <v>42</v>
      </c>
      <c r="AM43227">
        <v>42</v>
      </c>
      <c r="AN43227">
        <v>43</v>
      </c>
      <c r="AO43227">
        <v>43</v>
      </c>
      <c r="AP43227">
        <v>43</v>
      </c>
      <c r="AQ43227">
        <v>44</v>
      </c>
    </row>
    <row r="43228" spans="1:43">
      <c r="A43228" t="s">
        <v>26433</v>
      </c>
      <c r="B43228" t="s">
        <v>26434</v>
      </c>
      <c r="C43228" t="s">
        <v>24325</v>
      </c>
      <c r="D43228" t="s">
        <v>24326</v>
      </c>
      <c r="E43228" t="s">
        <v>24327</v>
      </c>
      <c r="F43228" t="s">
        <v>24328</v>
      </c>
      <c r="G43228" t="s">
        <v>11612</v>
      </c>
      <c r="H43228" t="s">
        <v>11613</v>
      </c>
      <c r="I43228" s="2">
        <v>0</v>
      </c>
      <c r="J43228" s="2">
        <v>0</v>
      </c>
      <c r="K43228" s="2">
        <v>1</v>
      </c>
      <c r="L43228" t="s">
        <v>995</v>
      </c>
      <c r="M43228" t="s">
        <v>89</v>
      </c>
      <c r="N43228" t="s">
        <v>90</v>
      </c>
      <c r="O43228" t="s">
        <v>85</v>
      </c>
      <c r="P43228" t="s">
        <v>86</v>
      </c>
      <c r="Q43228">
        <v>38</v>
      </c>
      <c r="R43228">
        <v>39</v>
      </c>
      <c r="S43228">
        <v>40</v>
      </c>
      <c r="T43228">
        <v>41</v>
      </c>
      <c r="U43228">
        <v>42</v>
      </c>
      <c r="V43228">
        <v>43</v>
      </c>
      <c r="W43228">
        <v>43</v>
      </c>
      <c r="X43228">
        <v>44</v>
      </c>
      <c r="Y43228">
        <v>45</v>
      </c>
      <c r="Z43228">
        <v>45</v>
      </c>
      <c r="AA43228">
        <v>46</v>
      </c>
      <c r="AB43228">
        <v>47</v>
      </c>
      <c r="AC43228">
        <v>48</v>
      </c>
      <c r="AD43228">
        <v>48</v>
      </c>
      <c r="AE43228">
        <v>49</v>
      </c>
      <c r="AF43228">
        <v>49</v>
      </c>
      <c r="AG43228">
        <v>49</v>
      </c>
      <c r="AH43228">
        <v>49</v>
      </c>
      <c r="AI43228">
        <v>49</v>
      </c>
      <c r="AJ43228">
        <v>50</v>
      </c>
      <c r="AK43228">
        <v>50</v>
      </c>
      <c r="AL43228">
        <v>50</v>
      </c>
      <c r="AM43228">
        <v>50</v>
      </c>
      <c r="AN43228">
        <v>50</v>
      </c>
      <c r="AO43228">
        <v>50</v>
      </c>
      <c r="AP43228">
        <v>51</v>
      </c>
      <c r="AQ43228">
        <v>51</v>
      </c>
    </row>
    <row r="43229" spans="1:43">
      <c r="A43229" t="s">
        <v>26433</v>
      </c>
      <c r="B43229" t="s">
        <v>26434</v>
      </c>
      <c r="C43229" t="s">
        <v>24325</v>
      </c>
      <c r="D43229" t="s">
        <v>24326</v>
      </c>
      <c r="E43229" t="s">
        <v>24327</v>
      </c>
      <c r="F43229" t="s">
        <v>24328</v>
      </c>
      <c r="G43229" t="s">
        <v>11612</v>
      </c>
      <c r="H43229" t="s">
        <v>11613</v>
      </c>
      <c r="I43229" s="2">
        <v>0</v>
      </c>
      <c r="J43229" s="2">
        <v>0</v>
      </c>
      <c r="K43229" s="2">
        <v>1</v>
      </c>
      <c r="L43229" t="s">
        <v>995</v>
      </c>
      <c r="M43229" t="s">
        <v>83</v>
      </c>
      <c r="N43229" t="s">
        <v>91</v>
      </c>
      <c r="O43229" t="s">
        <v>85</v>
      </c>
      <c r="P43229" t="s">
        <v>86</v>
      </c>
      <c r="Q43229">
        <v>38</v>
      </c>
      <c r="R43229">
        <v>38</v>
      </c>
      <c r="S43229">
        <v>39</v>
      </c>
      <c r="T43229">
        <v>40</v>
      </c>
      <c r="U43229">
        <v>40</v>
      </c>
      <c r="V43229">
        <v>41</v>
      </c>
      <c r="W43229">
        <v>41</v>
      </c>
      <c r="X43229">
        <v>42</v>
      </c>
      <c r="Y43229">
        <v>42</v>
      </c>
      <c r="Z43229">
        <v>43</v>
      </c>
      <c r="AA43229">
        <v>43</v>
      </c>
      <c r="AB43229">
        <v>44</v>
      </c>
      <c r="AC43229">
        <v>44</v>
      </c>
      <c r="AD43229">
        <v>45</v>
      </c>
      <c r="AE43229">
        <v>45</v>
      </c>
      <c r="AF43229">
        <v>46</v>
      </c>
      <c r="AG43229">
        <v>47</v>
      </c>
      <c r="AH43229">
        <v>47</v>
      </c>
      <c r="AI43229">
        <v>48</v>
      </c>
      <c r="AJ43229">
        <v>48</v>
      </c>
      <c r="AK43229">
        <v>49</v>
      </c>
      <c r="AL43229">
        <v>49</v>
      </c>
      <c r="AM43229">
        <v>50</v>
      </c>
      <c r="AN43229">
        <v>50</v>
      </c>
      <c r="AO43229">
        <v>50</v>
      </c>
      <c r="AP43229">
        <v>50</v>
      </c>
      <c r="AQ43229">
        <v>50</v>
      </c>
    </row>
    <row r="43230" spans="1:43">
      <c r="A43230" t="s">
        <v>26435</v>
      </c>
      <c r="B43230" t="s">
        <v>26436</v>
      </c>
      <c r="C43230" t="s">
        <v>24465</v>
      </c>
      <c r="D43230" t="s">
        <v>24466</v>
      </c>
      <c r="E43230" t="s">
        <v>24327</v>
      </c>
      <c r="F43230" t="s">
        <v>24328</v>
      </c>
      <c r="G43230" t="s">
        <v>11612</v>
      </c>
      <c r="H43230" t="s">
        <v>11613</v>
      </c>
      <c r="I43230" s="2">
        <v>0</v>
      </c>
      <c r="J43230" s="2">
        <v>0</v>
      </c>
      <c r="K43230" s="2">
        <v>1</v>
      </c>
      <c r="L43230" t="s">
        <v>995</v>
      </c>
      <c r="M43230" t="s">
        <v>83</v>
      </c>
      <c r="N43230" t="s">
        <v>84</v>
      </c>
      <c r="O43230" t="s">
        <v>85</v>
      </c>
      <c r="P43230" t="s">
        <v>86</v>
      </c>
      <c r="Q43230">
        <v>73</v>
      </c>
      <c r="R43230">
        <v>74</v>
      </c>
      <c r="S43230">
        <v>75</v>
      </c>
      <c r="T43230">
        <v>76</v>
      </c>
      <c r="U43230">
        <v>77</v>
      </c>
      <c r="V43230">
        <v>78</v>
      </c>
      <c r="W43230">
        <v>79</v>
      </c>
      <c r="X43230">
        <v>80</v>
      </c>
      <c r="Y43230">
        <v>81</v>
      </c>
      <c r="Z43230">
        <v>82</v>
      </c>
      <c r="AA43230">
        <v>83</v>
      </c>
      <c r="AB43230">
        <v>84</v>
      </c>
      <c r="AC43230">
        <v>85</v>
      </c>
      <c r="AD43230">
        <v>87</v>
      </c>
      <c r="AE43230">
        <v>88</v>
      </c>
      <c r="AF43230">
        <v>89</v>
      </c>
      <c r="AG43230">
        <v>90</v>
      </c>
      <c r="AH43230">
        <v>91</v>
      </c>
      <c r="AI43230">
        <v>92</v>
      </c>
      <c r="AJ43230">
        <v>93</v>
      </c>
      <c r="AK43230">
        <v>94</v>
      </c>
      <c r="AL43230">
        <v>95</v>
      </c>
      <c r="AM43230">
        <v>95</v>
      </c>
      <c r="AN43230">
        <v>96</v>
      </c>
      <c r="AO43230">
        <v>96</v>
      </c>
      <c r="AP43230">
        <v>97</v>
      </c>
      <c r="AQ43230">
        <v>97</v>
      </c>
    </row>
    <row r="43231" spans="1:43">
      <c r="A43231" t="s">
        <v>26435</v>
      </c>
      <c r="B43231" t="s">
        <v>26436</v>
      </c>
      <c r="C43231" t="s">
        <v>24465</v>
      </c>
      <c r="D43231" t="s">
        <v>24466</v>
      </c>
      <c r="E43231" t="s">
        <v>24327</v>
      </c>
      <c r="F43231" t="s">
        <v>24328</v>
      </c>
      <c r="G43231" t="s">
        <v>11612</v>
      </c>
      <c r="H43231" t="s">
        <v>11613</v>
      </c>
      <c r="I43231" s="2">
        <v>0</v>
      </c>
      <c r="J43231" s="2">
        <v>0</v>
      </c>
      <c r="K43231" s="2">
        <v>1</v>
      </c>
      <c r="L43231" t="s">
        <v>995</v>
      </c>
      <c r="M43231" t="s">
        <v>87</v>
      </c>
      <c r="N43231" t="s">
        <v>88</v>
      </c>
      <c r="O43231" t="s">
        <v>85</v>
      </c>
      <c r="P43231" t="s">
        <v>86</v>
      </c>
      <c r="Q43231">
        <v>73</v>
      </c>
      <c r="R43231">
        <v>73</v>
      </c>
      <c r="S43231">
        <v>74</v>
      </c>
      <c r="T43231">
        <v>74</v>
      </c>
      <c r="U43231">
        <v>75</v>
      </c>
      <c r="V43231">
        <v>75</v>
      </c>
      <c r="W43231">
        <v>75</v>
      </c>
      <c r="X43231">
        <v>76</v>
      </c>
      <c r="Y43231">
        <v>76</v>
      </c>
      <c r="Z43231">
        <v>77</v>
      </c>
      <c r="AA43231">
        <v>77</v>
      </c>
      <c r="AB43231">
        <v>77</v>
      </c>
      <c r="AC43231">
        <v>78</v>
      </c>
      <c r="AD43231">
        <v>78</v>
      </c>
      <c r="AE43231">
        <v>79</v>
      </c>
      <c r="AF43231">
        <v>79</v>
      </c>
      <c r="AG43231">
        <v>80</v>
      </c>
      <c r="AH43231">
        <v>80</v>
      </c>
      <c r="AI43231">
        <v>81</v>
      </c>
      <c r="AJ43231">
        <v>81</v>
      </c>
      <c r="AK43231">
        <v>82</v>
      </c>
      <c r="AL43231">
        <v>82</v>
      </c>
      <c r="AM43231">
        <v>83</v>
      </c>
      <c r="AN43231">
        <v>83</v>
      </c>
      <c r="AO43231">
        <v>84</v>
      </c>
      <c r="AP43231">
        <v>85</v>
      </c>
      <c r="AQ43231">
        <v>85</v>
      </c>
    </row>
    <row r="43232" spans="1:43">
      <c r="A43232" t="s">
        <v>26435</v>
      </c>
      <c r="B43232" t="s">
        <v>26436</v>
      </c>
      <c r="C43232" t="s">
        <v>24465</v>
      </c>
      <c r="D43232" t="s">
        <v>24466</v>
      </c>
      <c r="E43232" t="s">
        <v>24327</v>
      </c>
      <c r="F43232" t="s">
        <v>24328</v>
      </c>
      <c r="G43232" t="s">
        <v>11612</v>
      </c>
      <c r="H43232" t="s">
        <v>11613</v>
      </c>
      <c r="I43232" s="2">
        <v>0</v>
      </c>
      <c r="J43232" s="2">
        <v>0</v>
      </c>
      <c r="K43232" s="2">
        <v>1</v>
      </c>
      <c r="L43232" t="s">
        <v>995</v>
      </c>
      <c r="M43232" t="s">
        <v>89</v>
      </c>
      <c r="N43232" t="s">
        <v>90</v>
      </c>
      <c r="O43232" t="s">
        <v>85</v>
      </c>
      <c r="P43232" t="s">
        <v>86</v>
      </c>
      <c r="Q43232">
        <v>73</v>
      </c>
      <c r="R43232">
        <v>75</v>
      </c>
      <c r="S43232">
        <v>77</v>
      </c>
      <c r="T43232">
        <v>79</v>
      </c>
      <c r="U43232">
        <v>80</v>
      </c>
      <c r="V43232">
        <v>82</v>
      </c>
      <c r="W43232">
        <v>83</v>
      </c>
      <c r="X43232">
        <v>85</v>
      </c>
      <c r="Y43232">
        <v>86</v>
      </c>
      <c r="Z43232">
        <v>87</v>
      </c>
      <c r="AA43232">
        <v>89</v>
      </c>
      <c r="AB43232">
        <v>90</v>
      </c>
      <c r="AC43232">
        <v>91</v>
      </c>
      <c r="AD43232">
        <v>93</v>
      </c>
      <c r="AE43232">
        <v>94</v>
      </c>
      <c r="AF43232">
        <v>94</v>
      </c>
      <c r="AG43232">
        <v>94</v>
      </c>
      <c r="AH43232">
        <v>95</v>
      </c>
      <c r="AI43232">
        <v>95</v>
      </c>
      <c r="AJ43232">
        <v>95</v>
      </c>
      <c r="AK43232">
        <v>96</v>
      </c>
      <c r="AL43232">
        <v>96</v>
      </c>
      <c r="AM43232">
        <v>96</v>
      </c>
      <c r="AN43232">
        <v>97</v>
      </c>
      <c r="AO43232">
        <v>97</v>
      </c>
      <c r="AP43232">
        <v>98</v>
      </c>
      <c r="AQ43232">
        <v>98</v>
      </c>
    </row>
    <row r="43233" spans="1:43">
      <c r="A43233" t="s">
        <v>26435</v>
      </c>
      <c r="B43233" t="s">
        <v>26436</v>
      </c>
      <c r="C43233" t="s">
        <v>24465</v>
      </c>
      <c r="D43233" t="s">
        <v>24466</v>
      </c>
      <c r="E43233" t="s">
        <v>24327</v>
      </c>
      <c r="F43233" t="s">
        <v>24328</v>
      </c>
      <c r="G43233" t="s">
        <v>11612</v>
      </c>
      <c r="H43233" t="s">
        <v>11613</v>
      </c>
      <c r="I43233" s="2">
        <v>0</v>
      </c>
      <c r="J43233" s="2">
        <v>0</v>
      </c>
      <c r="K43233" s="2">
        <v>1</v>
      </c>
      <c r="L43233" t="s">
        <v>995</v>
      </c>
      <c r="M43233" t="s">
        <v>83</v>
      </c>
      <c r="N43233" t="s">
        <v>91</v>
      </c>
      <c r="O43233" t="s">
        <v>85</v>
      </c>
      <c r="P43233" t="s">
        <v>86</v>
      </c>
      <c r="Q43233">
        <v>73</v>
      </c>
      <c r="R43233">
        <v>74</v>
      </c>
      <c r="S43233">
        <v>75</v>
      </c>
      <c r="T43233">
        <v>76</v>
      </c>
      <c r="U43233">
        <v>77</v>
      </c>
      <c r="V43233">
        <v>78</v>
      </c>
      <c r="W43233">
        <v>79</v>
      </c>
      <c r="X43233">
        <v>80</v>
      </c>
      <c r="Y43233">
        <v>81</v>
      </c>
      <c r="Z43233">
        <v>82</v>
      </c>
      <c r="AA43233">
        <v>83</v>
      </c>
      <c r="AB43233">
        <v>84</v>
      </c>
      <c r="AC43233">
        <v>85</v>
      </c>
      <c r="AD43233">
        <v>87</v>
      </c>
      <c r="AE43233">
        <v>88</v>
      </c>
      <c r="AF43233">
        <v>89</v>
      </c>
      <c r="AG43233">
        <v>90</v>
      </c>
      <c r="AH43233">
        <v>91</v>
      </c>
      <c r="AI43233">
        <v>92</v>
      </c>
      <c r="AJ43233">
        <v>93</v>
      </c>
      <c r="AK43233">
        <v>94</v>
      </c>
      <c r="AL43233">
        <v>95</v>
      </c>
      <c r="AM43233">
        <v>95</v>
      </c>
      <c r="AN43233">
        <v>96</v>
      </c>
      <c r="AO43233">
        <v>96</v>
      </c>
      <c r="AP43233">
        <v>97</v>
      </c>
      <c r="AQ43233">
        <v>97</v>
      </c>
    </row>
    <row r="43234" spans="1:43">
      <c r="A43234" t="s">
        <v>26437</v>
      </c>
      <c r="B43234" t="s">
        <v>26438</v>
      </c>
      <c r="C43234" t="s">
        <v>24465</v>
      </c>
      <c r="D43234" t="s">
        <v>24466</v>
      </c>
      <c r="E43234" t="s">
        <v>24327</v>
      </c>
      <c r="F43234" t="s">
        <v>24328</v>
      </c>
      <c r="G43234" t="s">
        <v>11612</v>
      </c>
      <c r="H43234" t="s">
        <v>11613</v>
      </c>
      <c r="I43234" s="2">
        <v>0</v>
      </c>
      <c r="J43234" s="2">
        <v>0</v>
      </c>
      <c r="K43234" s="2">
        <v>1</v>
      </c>
      <c r="L43234" t="s">
        <v>995</v>
      </c>
      <c r="M43234" t="s">
        <v>83</v>
      </c>
      <c r="N43234" t="s">
        <v>84</v>
      </c>
      <c r="O43234" t="s">
        <v>85</v>
      </c>
      <c r="P43234" t="s">
        <v>86</v>
      </c>
      <c r="Q43234">
        <v>147</v>
      </c>
      <c r="R43234">
        <v>149</v>
      </c>
      <c r="S43234">
        <v>151</v>
      </c>
      <c r="T43234">
        <v>153</v>
      </c>
      <c r="U43234">
        <v>155</v>
      </c>
      <c r="V43234">
        <v>158</v>
      </c>
      <c r="W43234">
        <v>160</v>
      </c>
      <c r="X43234">
        <v>162</v>
      </c>
      <c r="Y43234">
        <v>164</v>
      </c>
      <c r="Z43234">
        <v>166</v>
      </c>
      <c r="AA43234">
        <v>168</v>
      </c>
      <c r="AB43234">
        <v>170</v>
      </c>
      <c r="AC43234">
        <v>172</v>
      </c>
      <c r="AD43234">
        <v>174</v>
      </c>
      <c r="AE43234">
        <v>177</v>
      </c>
      <c r="AF43234">
        <v>179</v>
      </c>
      <c r="AG43234">
        <v>181</v>
      </c>
      <c r="AH43234">
        <v>183</v>
      </c>
      <c r="AI43234">
        <v>185</v>
      </c>
      <c r="AJ43234">
        <v>188</v>
      </c>
      <c r="AK43234">
        <v>190</v>
      </c>
      <c r="AL43234">
        <v>191</v>
      </c>
      <c r="AM43234">
        <v>192</v>
      </c>
      <c r="AN43234">
        <v>193</v>
      </c>
      <c r="AO43234">
        <v>194</v>
      </c>
      <c r="AP43234">
        <v>195</v>
      </c>
      <c r="AQ43234">
        <v>196</v>
      </c>
    </row>
    <row r="43235" spans="1:43">
      <c r="A43235" t="s">
        <v>26437</v>
      </c>
      <c r="B43235" t="s">
        <v>26438</v>
      </c>
      <c r="C43235" t="s">
        <v>24465</v>
      </c>
      <c r="D43235" t="s">
        <v>24466</v>
      </c>
      <c r="E43235" t="s">
        <v>24327</v>
      </c>
      <c r="F43235" t="s">
        <v>24328</v>
      </c>
      <c r="G43235" t="s">
        <v>11612</v>
      </c>
      <c r="H43235" t="s">
        <v>11613</v>
      </c>
      <c r="I43235" s="2">
        <v>0</v>
      </c>
      <c r="J43235" s="2">
        <v>0</v>
      </c>
      <c r="K43235" s="2">
        <v>1</v>
      </c>
      <c r="L43235" t="s">
        <v>995</v>
      </c>
      <c r="M43235" t="s">
        <v>87</v>
      </c>
      <c r="N43235" t="s">
        <v>88</v>
      </c>
      <c r="O43235" t="s">
        <v>85</v>
      </c>
      <c r="P43235" t="s">
        <v>86</v>
      </c>
      <c r="Q43235">
        <v>147</v>
      </c>
      <c r="R43235">
        <v>148</v>
      </c>
      <c r="S43235">
        <v>149</v>
      </c>
      <c r="T43235">
        <v>150</v>
      </c>
      <c r="U43235">
        <v>151</v>
      </c>
      <c r="V43235">
        <v>151</v>
      </c>
      <c r="W43235">
        <v>152</v>
      </c>
      <c r="X43235">
        <v>153</v>
      </c>
      <c r="Y43235">
        <v>154</v>
      </c>
      <c r="Z43235">
        <v>154</v>
      </c>
      <c r="AA43235">
        <v>155</v>
      </c>
      <c r="AB43235">
        <v>156</v>
      </c>
      <c r="AC43235">
        <v>157</v>
      </c>
      <c r="AD43235">
        <v>158</v>
      </c>
      <c r="AE43235">
        <v>159</v>
      </c>
      <c r="AF43235">
        <v>160</v>
      </c>
      <c r="AG43235">
        <v>161</v>
      </c>
      <c r="AH43235">
        <v>162</v>
      </c>
      <c r="AI43235">
        <v>163</v>
      </c>
      <c r="AJ43235">
        <v>164</v>
      </c>
      <c r="AK43235">
        <v>165</v>
      </c>
      <c r="AL43235">
        <v>166</v>
      </c>
      <c r="AM43235">
        <v>167</v>
      </c>
      <c r="AN43235">
        <v>168</v>
      </c>
      <c r="AO43235">
        <v>170</v>
      </c>
      <c r="AP43235">
        <v>171</v>
      </c>
      <c r="AQ43235">
        <v>172</v>
      </c>
    </row>
    <row r="43236" spans="1:43">
      <c r="A43236" t="s">
        <v>26437</v>
      </c>
      <c r="B43236" t="s">
        <v>26438</v>
      </c>
      <c r="C43236" t="s">
        <v>24465</v>
      </c>
      <c r="D43236" t="s">
        <v>24466</v>
      </c>
      <c r="E43236" t="s">
        <v>24327</v>
      </c>
      <c r="F43236" t="s">
        <v>24328</v>
      </c>
      <c r="G43236" t="s">
        <v>11612</v>
      </c>
      <c r="H43236" t="s">
        <v>11613</v>
      </c>
      <c r="I43236" s="2">
        <v>0</v>
      </c>
      <c r="J43236" s="2">
        <v>0</v>
      </c>
      <c r="K43236" s="2">
        <v>1</v>
      </c>
      <c r="L43236" t="s">
        <v>995</v>
      </c>
      <c r="M43236" t="s">
        <v>89</v>
      </c>
      <c r="N43236" t="s">
        <v>90</v>
      </c>
      <c r="O43236" t="s">
        <v>85</v>
      </c>
      <c r="P43236" t="s">
        <v>86</v>
      </c>
      <c r="Q43236">
        <v>147</v>
      </c>
      <c r="R43236">
        <v>150</v>
      </c>
      <c r="S43236">
        <v>154</v>
      </c>
      <c r="T43236">
        <v>157</v>
      </c>
      <c r="U43236">
        <v>161</v>
      </c>
      <c r="V43236">
        <v>164</v>
      </c>
      <c r="W43236">
        <v>167</v>
      </c>
      <c r="X43236">
        <v>170</v>
      </c>
      <c r="Y43236">
        <v>172</v>
      </c>
      <c r="Z43236">
        <v>175</v>
      </c>
      <c r="AA43236">
        <v>178</v>
      </c>
      <c r="AB43236">
        <v>180</v>
      </c>
      <c r="AC43236">
        <v>183</v>
      </c>
      <c r="AD43236">
        <v>186</v>
      </c>
      <c r="AE43236">
        <v>188</v>
      </c>
      <c r="AF43236">
        <v>188</v>
      </c>
      <c r="AG43236">
        <v>189</v>
      </c>
      <c r="AH43236">
        <v>190</v>
      </c>
      <c r="AI43236">
        <v>190</v>
      </c>
      <c r="AJ43236">
        <v>191</v>
      </c>
      <c r="AK43236">
        <v>192</v>
      </c>
      <c r="AL43236">
        <v>193</v>
      </c>
      <c r="AM43236">
        <v>193</v>
      </c>
      <c r="AN43236">
        <v>194</v>
      </c>
      <c r="AO43236">
        <v>195</v>
      </c>
      <c r="AP43236">
        <v>196</v>
      </c>
      <c r="AQ43236">
        <v>197</v>
      </c>
    </row>
    <row r="43237" spans="1:43">
      <c r="A43237" t="s">
        <v>26437</v>
      </c>
      <c r="B43237" t="s">
        <v>26438</v>
      </c>
      <c r="C43237" t="s">
        <v>24465</v>
      </c>
      <c r="D43237" t="s">
        <v>24466</v>
      </c>
      <c r="E43237" t="s">
        <v>24327</v>
      </c>
      <c r="F43237" t="s">
        <v>24328</v>
      </c>
      <c r="G43237" t="s">
        <v>11612</v>
      </c>
      <c r="H43237" t="s">
        <v>11613</v>
      </c>
      <c r="I43237" s="2">
        <v>0</v>
      </c>
      <c r="J43237" s="2">
        <v>0</v>
      </c>
      <c r="K43237" s="2">
        <v>1</v>
      </c>
      <c r="L43237" t="s">
        <v>995</v>
      </c>
      <c r="M43237" t="s">
        <v>83</v>
      </c>
      <c r="N43237" t="s">
        <v>91</v>
      </c>
      <c r="O43237" t="s">
        <v>85</v>
      </c>
      <c r="P43237" t="s">
        <v>86</v>
      </c>
      <c r="Q43237">
        <v>147</v>
      </c>
      <c r="R43237">
        <v>149</v>
      </c>
      <c r="S43237">
        <v>151</v>
      </c>
      <c r="T43237">
        <v>153</v>
      </c>
      <c r="U43237">
        <v>155</v>
      </c>
      <c r="V43237">
        <v>158</v>
      </c>
      <c r="W43237">
        <v>160</v>
      </c>
      <c r="X43237">
        <v>162</v>
      </c>
      <c r="Y43237">
        <v>164</v>
      </c>
      <c r="Z43237">
        <v>166</v>
      </c>
      <c r="AA43237">
        <v>168</v>
      </c>
      <c r="AB43237">
        <v>170</v>
      </c>
      <c r="AC43237">
        <v>172</v>
      </c>
      <c r="AD43237">
        <v>174</v>
      </c>
      <c r="AE43237">
        <v>177</v>
      </c>
      <c r="AF43237">
        <v>179</v>
      </c>
      <c r="AG43237">
        <v>181</v>
      </c>
      <c r="AH43237">
        <v>183</v>
      </c>
      <c r="AI43237">
        <v>185</v>
      </c>
      <c r="AJ43237">
        <v>188</v>
      </c>
      <c r="AK43237">
        <v>190</v>
      </c>
      <c r="AL43237">
        <v>191</v>
      </c>
      <c r="AM43237">
        <v>192</v>
      </c>
      <c r="AN43237">
        <v>193</v>
      </c>
      <c r="AO43237">
        <v>194</v>
      </c>
      <c r="AP43237">
        <v>195</v>
      </c>
      <c r="AQ43237">
        <v>196</v>
      </c>
    </row>
    <row r="43238" spans="1:43">
      <c r="A43238" t="s">
        <v>26439</v>
      </c>
      <c r="B43238" t="s">
        <v>26440</v>
      </c>
      <c r="C43238" t="s">
        <v>24411</v>
      </c>
      <c r="D43238" t="s">
        <v>24412</v>
      </c>
      <c r="E43238" t="s">
        <v>24327</v>
      </c>
      <c r="F43238" t="s">
        <v>24328</v>
      </c>
      <c r="G43238" t="s">
        <v>11612</v>
      </c>
      <c r="H43238" t="s">
        <v>11613</v>
      </c>
      <c r="I43238" s="2">
        <v>0</v>
      </c>
      <c r="J43238" s="2">
        <v>0</v>
      </c>
      <c r="K43238" s="2">
        <v>1</v>
      </c>
      <c r="L43238" t="s">
        <v>995</v>
      </c>
      <c r="M43238" t="s">
        <v>83</v>
      </c>
      <c r="N43238" t="s">
        <v>84</v>
      </c>
      <c r="O43238" t="s">
        <v>85</v>
      </c>
      <c r="P43238" t="s">
        <v>86</v>
      </c>
      <c r="Q43238">
        <v>36</v>
      </c>
      <c r="R43238">
        <v>37</v>
      </c>
      <c r="S43238">
        <v>37</v>
      </c>
      <c r="T43238">
        <v>38</v>
      </c>
      <c r="U43238">
        <v>39</v>
      </c>
      <c r="V43238">
        <v>39</v>
      </c>
      <c r="W43238">
        <v>40</v>
      </c>
      <c r="X43238">
        <v>40</v>
      </c>
      <c r="Y43238">
        <v>41</v>
      </c>
      <c r="Z43238">
        <v>41</v>
      </c>
      <c r="AA43238">
        <v>42</v>
      </c>
      <c r="AB43238">
        <v>42</v>
      </c>
      <c r="AC43238">
        <v>43</v>
      </c>
      <c r="AD43238">
        <v>43</v>
      </c>
      <c r="AE43238">
        <v>44</v>
      </c>
      <c r="AF43238">
        <v>44</v>
      </c>
      <c r="AG43238">
        <v>45</v>
      </c>
      <c r="AH43238">
        <v>46</v>
      </c>
      <c r="AI43238">
        <v>46</v>
      </c>
      <c r="AJ43238">
        <v>47</v>
      </c>
      <c r="AK43238">
        <v>47</v>
      </c>
      <c r="AL43238">
        <v>48</v>
      </c>
      <c r="AM43238">
        <v>48</v>
      </c>
      <c r="AN43238">
        <v>48</v>
      </c>
      <c r="AO43238">
        <v>48</v>
      </c>
      <c r="AP43238">
        <v>49</v>
      </c>
      <c r="AQ43238">
        <v>49</v>
      </c>
    </row>
    <row r="43239" spans="1:43">
      <c r="A43239" t="s">
        <v>26439</v>
      </c>
      <c r="B43239" t="s">
        <v>26440</v>
      </c>
      <c r="C43239" t="s">
        <v>24411</v>
      </c>
      <c r="D43239" t="s">
        <v>24412</v>
      </c>
      <c r="E43239" t="s">
        <v>24327</v>
      </c>
      <c r="F43239" t="s">
        <v>24328</v>
      </c>
      <c r="G43239" t="s">
        <v>11612</v>
      </c>
      <c r="H43239" t="s">
        <v>11613</v>
      </c>
      <c r="I43239" s="2">
        <v>0</v>
      </c>
      <c r="J43239" s="2">
        <v>0</v>
      </c>
      <c r="K43239" s="2">
        <v>1</v>
      </c>
      <c r="L43239" t="s">
        <v>995</v>
      </c>
      <c r="M43239" t="s">
        <v>87</v>
      </c>
      <c r="N43239" t="s">
        <v>88</v>
      </c>
      <c r="O43239" t="s">
        <v>85</v>
      </c>
      <c r="P43239" t="s">
        <v>86</v>
      </c>
      <c r="Q43239">
        <v>36</v>
      </c>
      <c r="R43239">
        <v>36</v>
      </c>
      <c r="S43239">
        <v>36</v>
      </c>
      <c r="T43239">
        <v>37</v>
      </c>
      <c r="U43239">
        <v>37</v>
      </c>
      <c r="V43239">
        <v>37</v>
      </c>
      <c r="W43239">
        <v>37</v>
      </c>
      <c r="X43239">
        <v>37</v>
      </c>
      <c r="Y43239">
        <v>38</v>
      </c>
      <c r="Z43239">
        <v>38</v>
      </c>
      <c r="AA43239">
        <v>38</v>
      </c>
      <c r="AB43239">
        <v>38</v>
      </c>
      <c r="AC43239">
        <v>38</v>
      </c>
      <c r="AD43239">
        <v>39</v>
      </c>
      <c r="AE43239">
        <v>39</v>
      </c>
      <c r="AF43239">
        <v>39</v>
      </c>
      <c r="AG43239">
        <v>39</v>
      </c>
      <c r="AH43239">
        <v>40</v>
      </c>
      <c r="AI43239">
        <v>40</v>
      </c>
      <c r="AJ43239">
        <v>40</v>
      </c>
      <c r="AK43239">
        <v>40</v>
      </c>
      <c r="AL43239">
        <v>41</v>
      </c>
      <c r="AM43239">
        <v>41</v>
      </c>
      <c r="AN43239">
        <v>41</v>
      </c>
      <c r="AO43239">
        <v>42</v>
      </c>
      <c r="AP43239">
        <v>42</v>
      </c>
      <c r="AQ43239">
        <v>42</v>
      </c>
    </row>
    <row r="43240" spans="1:43">
      <c r="A43240" t="s">
        <v>26439</v>
      </c>
      <c r="B43240" t="s">
        <v>26440</v>
      </c>
      <c r="C43240" t="s">
        <v>24411</v>
      </c>
      <c r="D43240" t="s">
        <v>24412</v>
      </c>
      <c r="E43240" t="s">
        <v>24327</v>
      </c>
      <c r="F43240" t="s">
        <v>24328</v>
      </c>
      <c r="G43240" t="s">
        <v>11612</v>
      </c>
      <c r="H43240" t="s">
        <v>11613</v>
      </c>
      <c r="I43240" s="2">
        <v>0</v>
      </c>
      <c r="J43240" s="2">
        <v>0</v>
      </c>
      <c r="K43240" s="2">
        <v>1</v>
      </c>
      <c r="L43240" t="s">
        <v>995</v>
      </c>
      <c r="M43240" t="s">
        <v>89</v>
      </c>
      <c r="N43240" t="s">
        <v>90</v>
      </c>
      <c r="O43240" t="s">
        <v>85</v>
      </c>
      <c r="P43240" t="s">
        <v>86</v>
      </c>
      <c r="Q43240">
        <v>36</v>
      </c>
      <c r="R43240">
        <v>37</v>
      </c>
      <c r="S43240">
        <v>37</v>
      </c>
      <c r="T43240">
        <v>38</v>
      </c>
      <c r="U43240">
        <v>39</v>
      </c>
      <c r="V43240">
        <v>40</v>
      </c>
      <c r="W43240">
        <v>41</v>
      </c>
      <c r="X43240">
        <v>41</v>
      </c>
      <c r="Y43240">
        <v>42</v>
      </c>
      <c r="Z43240">
        <v>43</v>
      </c>
      <c r="AA43240">
        <v>43</v>
      </c>
      <c r="AB43240">
        <v>44</v>
      </c>
      <c r="AC43240">
        <v>45</v>
      </c>
      <c r="AD43240">
        <v>45</v>
      </c>
      <c r="AE43240">
        <v>46</v>
      </c>
      <c r="AF43240">
        <v>46</v>
      </c>
      <c r="AG43240">
        <v>46</v>
      </c>
      <c r="AH43240">
        <v>46</v>
      </c>
      <c r="AI43240">
        <v>47</v>
      </c>
      <c r="AJ43240">
        <v>47</v>
      </c>
      <c r="AK43240">
        <v>47</v>
      </c>
      <c r="AL43240">
        <v>47</v>
      </c>
      <c r="AM43240">
        <v>47</v>
      </c>
      <c r="AN43240">
        <v>48</v>
      </c>
      <c r="AO43240">
        <v>48</v>
      </c>
      <c r="AP43240">
        <v>48</v>
      </c>
      <c r="AQ43240">
        <v>48</v>
      </c>
    </row>
    <row r="43241" spans="1:43">
      <c r="A43241" t="s">
        <v>26439</v>
      </c>
      <c r="B43241" t="s">
        <v>26440</v>
      </c>
      <c r="C43241" t="s">
        <v>24411</v>
      </c>
      <c r="D43241" t="s">
        <v>24412</v>
      </c>
      <c r="E43241" t="s">
        <v>24327</v>
      </c>
      <c r="F43241" t="s">
        <v>24328</v>
      </c>
      <c r="G43241" t="s">
        <v>11612</v>
      </c>
      <c r="H43241" t="s">
        <v>11613</v>
      </c>
      <c r="I43241" s="2">
        <v>0</v>
      </c>
      <c r="J43241" s="2">
        <v>0</v>
      </c>
      <c r="K43241" s="2">
        <v>1</v>
      </c>
      <c r="L43241" t="s">
        <v>995</v>
      </c>
      <c r="M43241" t="s">
        <v>83</v>
      </c>
      <c r="N43241" t="s">
        <v>91</v>
      </c>
      <c r="O43241" t="s">
        <v>85</v>
      </c>
      <c r="P43241" t="s">
        <v>86</v>
      </c>
      <c r="Q43241">
        <v>36</v>
      </c>
      <c r="R43241">
        <v>37</v>
      </c>
      <c r="S43241">
        <v>37</v>
      </c>
      <c r="T43241">
        <v>38</v>
      </c>
      <c r="U43241">
        <v>39</v>
      </c>
      <c r="V43241">
        <v>39</v>
      </c>
      <c r="W43241">
        <v>40</v>
      </c>
      <c r="X43241">
        <v>40</v>
      </c>
      <c r="Y43241">
        <v>41</v>
      </c>
      <c r="Z43241">
        <v>41</v>
      </c>
      <c r="AA43241">
        <v>42</v>
      </c>
      <c r="AB43241">
        <v>42</v>
      </c>
      <c r="AC43241">
        <v>43</v>
      </c>
      <c r="AD43241">
        <v>43</v>
      </c>
      <c r="AE43241">
        <v>44</v>
      </c>
      <c r="AF43241">
        <v>44</v>
      </c>
      <c r="AG43241">
        <v>45</v>
      </c>
      <c r="AH43241">
        <v>46</v>
      </c>
      <c r="AI43241">
        <v>46</v>
      </c>
      <c r="AJ43241">
        <v>47</v>
      </c>
      <c r="AK43241">
        <v>47</v>
      </c>
      <c r="AL43241">
        <v>48</v>
      </c>
      <c r="AM43241">
        <v>48</v>
      </c>
      <c r="AN43241">
        <v>48</v>
      </c>
      <c r="AO43241">
        <v>48</v>
      </c>
      <c r="AP43241">
        <v>49</v>
      </c>
      <c r="AQ43241">
        <v>49</v>
      </c>
    </row>
    <row r="43242" spans="1:43">
      <c r="A43242" t="s">
        <v>26441</v>
      </c>
      <c r="B43242" t="s">
        <v>26442</v>
      </c>
      <c r="C43242" t="s">
        <v>24411</v>
      </c>
      <c r="D43242" t="s">
        <v>24412</v>
      </c>
      <c r="E43242" t="s">
        <v>24327</v>
      </c>
      <c r="F43242" t="s">
        <v>24328</v>
      </c>
      <c r="G43242" t="s">
        <v>11612</v>
      </c>
      <c r="H43242" t="s">
        <v>11613</v>
      </c>
      <c r="I43242" s="2">
        <v>0</v>
      </c>
      <c r="J43242" s="2">
        <v>0</v>
      </c>
      <c r="K43242" s="2">
        <v>1</v>
      </c>
      <c r="L43242" t="s">
        <v>995</v>
      </c>
      <c r="M43242" t="s">
        <v>83</v>
      </c>
      <c r="N43242" t="s">
        <v>84</v>
      </c>
      <c r="O43242" t="s">
        <v>85</v>
      </c>
      <c r="P43242" t="s">
        <v>86</v>
      </c>
      <c r="Q43242">
        <v>4</v>
      </c>
      <c r="R43242">
        <v>4</v>
      </c>
      <c r="S43242">
        <v>4</v>
      </c>
      <c r="T43242">
        <v>4</v>
      </c>
      <c r="U43242">
        <v>4</v>
      </c>
      <c r="V43242">
        <v>5</v>
      </c>
      <c r="W43242">
        <v>5</v>
      </c>
      <c r="X43242">
        <v>5</v>
      </c>
      <c r="Y43242">
        <v>5</v>
      </c>
      <c r="Z43242">
        <v>5</v>
      </c>
      <c r="AA43242">
        <v>5</v>
      </c>
      <c r="AB43242">
        <v>5</v>
      </c>
      <c r="AC43242">
        <v>5</v>
      </c>
      <c r="AD43242">
        <v>5</v>
      </c>
      <c r="AE43242">
        <v>5</v>
      </c>
      <c r="AF43242">
        <v>5</v>
      </c>
      <c r="AG43242">
        <v>5</v>
      </c>
      <c r="AH43242">
        <v>5</v>
      </c>
      <c r="AI43242">
        <v>5</v>
      </c>
      <c r="AJ43242">
        <v>5</v>
      </c>
      <c r="AK43242">
        <v>5</v>
      </c>
      <c r="AL43242">
        <v>6</v>
      </c>
      <c r="AM43242">
        <v>6</v>
      </c>
      <c r="AN43242">
        <v>6</v>
      </c>
      <c r="AO43242">
        <v>6</v>
      </c>
      <c r="AP43242">
        <v>6</v>
      </c>
      <c r="AQ43242">
        <v>6</v>
      </c>
    </row>
    <row r="43243" spans="1:43">
      <c r="A43243" t="s">
        <v>26441</v>
      </c>
      <c r="B43243" t="s">
        <v>26442</v>
      </c>
      <c r="C43243" t="s">
        <v>24411</v>
      </c>
      <c r="D43243" t="s">
        <v>24412</v>
      </c>
      <c r="E43243" t="s">
        <v>24327</v>
      </c>
      <c r="F43243" t="s">
        <v>24328</v>
      </c>
      <c r="G43243" t="s">
        <v>11612</v>
      </c>
      <c r="H43243" t="s">
        <v>11613</v>
      </c>
      <c r="I43243" s="2">
        <v>0</v>
      </c>
      <c r="J43243" s="2">
        <v>0</v>
      </c>
      <c r="K43243" s="2">
        <v>1</v>
      </c>
      <c r="L43243" t="s">
        <v>995</v>
      </c>
      <c r="M43243" t="s">
        <v>87</v>
      </c>
      <c r="N43243" t="s">
        <v>88</v>
      </c>
      <c r="O43243" t="s">
        <v>85</v>
      </c>
      <c r="P43243" t="s">
        <v>86</v>
      </c>
      <c r="Q43243">
        <v>4</v>
      </c>
      <c r="R43243">
        <v>4</v>
      </c>
      <c r="S43243">
        <v>4</v>
      </c>
      <c r="T43243">
        <v>4</v>
      </c>
      <c r="U43243">
        <v>4</v>
      </c>
      <c r="V43243">
        <v>4</v>
      </c>
      <c r="W43243">
        <v>4</v>
      </c>
      <c r="X43243">
        <v>4</v>
      </c>
      <c r="Y43243">
        <v>4</v>
      </c>
      <c r="Z43243">
        <v>4</v>
      </c>
      <c r="AA43243">
        <v>4</v>
      </c>
      <c r="AB43243">
        <v>4</v>
      </c>
      <c r="AC43243">
        <v>4</v>
      </c>
      <c r="AD43243">
        <v>4</v>
      </c>
      <c r="AE43243">
        <v>5</v>
      </c>
      <c r="AF43243">
        <v>5</v>
      </c>
      <c r="AG43243">
        <v>5</v>
      </c>
      <c r="AH43243">
        <v>5</v>
      </c>
      <c r="AI43243">
        <v>5</v>
      </c>
      <c r="AJ43243">
        <v>5</v>
      </c>
      <c r="AK43243">
        <v>5</v>
      </c>
      <c r="AL43243">
        <v>5</v>
      </c>
      <c r="AM43243">
        <v>5</v>
      </c>
      <c r="AN43243">
        <v>5</v>
      </c>
      <c r="AO43243">
        <v>5</v>
      </c>
      <c r="AP43243">
        <v>5</v>
      </c>
      <c r="AQ43243">
        <v>5</v>
      </c>
    </row>
    <row r="43244" spans="1:43">
      <c r="A43244" t="s">
        <v>26441</v>
      </c>
      <c r="B43244" t="s">
        <v>26442</v>
      </c>
      <c r="C43244" t="s">
        <v>24411</v>
      </c>
      <c r="D43244" t="s">
        <v>24412</v>
      </c>
      <c r="E43244" t="s">
        <v>24327</v>
      </c>
      <c r="F43244" t="s">
        <v>24328</v>
      </c>
      <c r="G43244" t="s">
        <v>11612</v>
      </c>
      <c r="H43244" t="s">
        <v>11613</v>
      </c>
      <c r="I43244" s="2">
        <v>0</v>
      </c>
      <c r="J43244" s="2">
        <v>0</v>
      </c>
      <c r="K43244" s="2">
        <v>1</v>
      </c>
      <c r="L43244" t="s">
        <v>995</v>
      </c>
      <c r="M43244" t="s">
        <v>89</v>
      </c>
      <c r="N43244" t="s">
        <v>90</v>
      </c>
      <c r="O43244" t="s">
        <v>85</v>
      </c>
      <c r="P43244" t="s">
        <v>86</v>
      </c>
      <c r="Q43244">
        <v>4</v>
      </c>
      <c r="R43244">
        <v>4</v>
      </c>
      <c r="S43244">
        <v>4</v>
      </c>
      <c r="T43244">
        <v>5</v>
      </c>
      <c r="U43244">
        <v>5</v>
      </c>
      <c r="V43244">
        <v>5</v>
      </c>
      <c r="W43244">
        <v>5</v>
      </c>
      <c r="X43244">
        <v>5</v>
      </c>
      <c r="Y43244">
        <v>5</v>
      </c>
      <c r="Z43244">
        <v>5</v>
      </c>
      <c r="AA43244">
        <v>5</v>
      </c>
      <c r="AB43244">
        <v>5</v>
      </c>
      <c r="AC43244">
        <v>5</v>
      </c>
      <c r="AD43244">
        <v>5</v>
      </c>
      <c r="AE43244">
        <v>5</v>
      </c>
      <c r="AF43244">
        <v>5</v>
      </c>
      <c r="AG43244">
        <v>5</v>
      </c>
      <c r="AH43244">
        <v>6</v>
      </c>
      <c r="AI43244">
        <v>6</v>
      </c>
      <c r="AJ43244">
        <v>6</v>
      </c>
      <c r="AK43244">
        <v>6</v>
      </c>
      <c r="AL43244">
        <v>6</v>
      </c>
      <c r="AM43244">
        <v>6</v>
      </c>
      <c r="AN43244">
        <v>6</v>
      </c>
      <c r="AO43244">
        <v>6</v>
      </c>
      <c r="AP43244">
        <v>6</v>
      </c>
      <c r="AQ43244">
        <v>6</v>
      </c>
    </row>
    <row r="43245" spans="1:43">
      <c r="A43245" t="s">
        <v>26441</v>
      </c>
      <c r="B43245" t="s">
        <v>26442</v>
      </c>
      <c r="C43245" t="s">
        <v>24411</v>
      </c>
      <c r="D43245" t="s">
        <v>24412</v>
      </c>
      <c r="E43245" t="s">
        <v>24327</v>
      </c>
      <c r="F43245" t="s">
        <v>24328</v>
      </c>
      <c r="G43245" t="s">
        <v>11612</v>
      </c>
      <c r="H43245" t="s">
        <v>11613</v>
      </c>
      <c r="I43245" s="2">
        <v>0</v>
      </c>
      <c r="J43245" s="2">
        <v>0</v>
      </c>
      <c r="K43245" s="2">
        <v>1</v>
      </c>
      <c r="L43245" t="s">
        <v>995</v>
      </c>
      <c r="M43245" t="s">
        <v>83</v>
      </c>
      <c r="N43245" t="s">
        <v>91</v>
      </c>
      <c r="O43245" t="s">
        <v>85</v>
      </c>
      <c r="P43245" t="s">
        <v>86</v>
      </c>
      <c r="Q43245">
        <v>4</v>
      </c>
      <c r="R43245">
        <v>4</v>
      </c>
      <c r="S43245">
        <v>4</v>
      </c>
      <c r="T43245">
        <v>4</v>
      </c>
      <c r="U43245">
        <v>4</v>
      </c>
      <c r="V43245">
        <v>5</v>
      </c>
      <c r="W43245">
        <v>5</v>
      </c>
      <c r="X43245">
        <v>5</v>
      </c>
      <c r="Y43245">
        <v>5</v>
      </c>
      <c r="Z43245">
        <v>5</v>
      </c>
      <c r="AA43245">
        <v>5</v>
      </c>
      <c r="AB43245">
        <v>5</v>
      </c>
      <c r="AC43245">
        <v>5</v>
      </c>
      <c r="AD43245">
        <v>5</v>
      </c>
      <c r="AE43245">
        <v>5</v>
      </c>
      <c r="AF43245">
        <v>5</v>
      </c>
      <c r="AG43245">
        <v>5</v>
      </c>
      <c r="AH43245">
        <v>5</v>
      </c>
      <c r="AI43245">
        <v>5</v>
      </c>
      <c r="AJ43245">
        <v>5</v>
      </c>
      <c r="AK43245">
        <v>5</v>
      </c>
      <c r="AL43245">
        <v>6</v>
      </c>
      <c r="AM43245">
        <v>6</v>
      </c>
      <c r="AN43245">
        <v>6</v>
      </c>
      <c r="AO43245">
        <v>6</v>
      </c>
      <c r="AP43245">
        <v>6</v>
      </c>
      <c r="AQ43245">
        <v>6</v>
      </c>
    </row>
    <row r="43246" spans="1:43">
      <c r="A43246" t="s">
        <v>26443</v>
      </c>
      <c r="B43246" t="s">
        <v>26444</v>
      </c>
      <c r="C43246" t="s">
        <v>24411</v>
      </c>
      <c r="D43246" t="s">
        <v>24412</v>
      </c>
      <c r="E43246" t="s">
        <v>24327</v>
      </c>
      <c r="F43246" t="s">
        <v>24328</v>
      </c>
      <c r="G43246" t="s">
        <v>11612</v>
      </c>
      <c r="H43246" t="s">
        <v>11613</v>
      </c>
      <c r="I43246" s="2">
        <v>0</v>
      </c>
      <c r="J43246" s="2">
        <v>0</v>
      </c>
      <c r="K43246" s="2">
        <v>1</v>
      </c>
      <c r="L43246" t="s">
        <v>995</v>
      </c>
      <c r="M43246" t="s">
        <v>83</v>
      </c>
      <c r="N43246" t="s">
        <v>84</v>
      </c>
      <c r="O43246" t="s">
        <v>85</v>
      </c>
      <c r="P43246" t="s">
        <v>86</v>
      </c>
      <c r="Q43246">
        <v>13</v>
      </c>
      <c r="R43246">
        <v>13</v>
      </c>
      <c r="S43246">
        <v>14</v>
      </c>
      <c r="T43246">
        <v>14</v>
      </c>
      <c r="U43246">
        <v>14</v>
      </c>
      <c r="V43246">
        <v>14</v>
      </c>
      <c r="W43246">
        <v>14</v>
      </c>
      <c r="X43246">
        <v>15</v>
      </c>
      <c r="Y43246">
        <v>15</v>
      </c>
      <c r="Z43246">
        <v>15</v>
      </c>
      <c r="AA43246">
        <v>15</v>
      </c>
      <c r="AB43246">
        <v>15</v>
      </c>
      <c r="AC43246">
        <v>16</v>
      </c>
      <c r="AD43246">
        <v>16</v>
      </c>
      <c r="AE43246">
        <v>16</v>
      </c>
      <c r="AF43246">
        <v>16</v>
      </c>
      <c r="AG43246">
        <v>16</v>
      </c>
      <c r="AH43246">
        <v>17</v>
      </c>
      <c r="AI43246">
        <v>17</v>
      </c>
      <c r="AJ43246">
        <v>17</v>
      </c>
      <c r="AK43246">
        <v>17</v>
      </c>
      <c r="AL43246">
        <v>17</v>
      </c>
      <c r="AM43246">
        <v>17</v>
      </c>
      <c r="AN43246">
        <v>18</v>
      </c>
      <c r="AO43246">
        <v>18</v>
      </c>
      <c r="AP43246">
        <v>18</v>
      </c>
      <c r="AQ43246">
        <v>18</v>
      </c>
    </row>
    <row r="43247" spans="1:43">
      <c r="A43247" t="s">
        <v>26443</v>
      </c>
      <c r="B43247" t="s">
        <v>26444</v>
      </c>
      <c r="C43247" t="s">
        <v>24411</v>
      </c>
      <c r="D43247" t="s">
        <v>24412</v>
      </c>
      <c r="E43247" t="s">
        <v>24327</v>
      </c>
      <c r="F43247" t="s">
        <v>24328</v>
      </c>
      <c r="G43247" t="s">
        <v>11612</v>
      </c>
      <c r="H43247" t="s">
        <v>11613</v>
      </c>
      <c r="I43247" s="2">
        <v>0</v>
      </c>
      <c r="J43247" s="2">
        <v>0</v>
      </c>
      <c r="K43247" s="2">
        <v>1</v>
      </c>
      <c r="L43247" t="s">
        <v>995</v>
      </c>
      <c r="M43247" t="s">
        <v>87</v>
      </c>
      <c r="N43247" t="s">
        <v>88</v>
      </c>
      <c r="O43247" t="s">
        <v>85</v>
      </c>
      <c r="P43247" t="s">
        <v>86</v>
      </c>
      <c r="Q43247">
        <v>13</v>
      </c>
      <c r="R43247">
        <v>13</v>
      </c>
      <c r="S43247">
        <v>13</v>
      </c>
      <c r="T43247">
        <v>13</v>
      </c>
      <c r="U43247">
        <v>13</v>
      </c>
      <c r="V43247">
        <v>14</v>
      </c>
      <c r="W43247">
        <v>14</v>
      </c>
      <c r="X43247">
        <v>14</v>
      </c>
      <c r="Y43247">
        <v>14</v>
      </c>
      <c r="Z43247">
        <v>14</v>
      </c>
      <c r="AA43247">
        <v>14</v>
      </c>
      <c r="AB43247">
        <v>14</v>
      </c>
      <c r="AC43247">
        <v>14</v>
      </c>
      <c r="AD43247">
        <v>14</v>
      </c>
      <c r="AE43247">
        <v>14</v>
      </c>
      <c r="AF43247">
        <v>14</v>
      </c>
      <c r="AG43247">
        <v>14</v>
      </c>
      <c r="AH43247">
        <v>14</v>
      </c>
      <c r="AI43247">
        <v>15</v>
      </c>
      <c r="AJ43247">
        <v>15</v>
      </c>
      <c r="AK43247">
        <v>15</v>
      </c>
      <c r="AL43247">
        <v>15</v>
      </c>
      <c r="AM43247">
        <v>15</v>
      </c>
      <c r="AN43247">
        <v>15</v>
      </c>
      <c r="AO43247">
        <v>15</v>
      </c>
      <c r="AP43247">
        <v>15</v>
      </c>
      <c r="AQ43247">
        <v>15</v>
      </c>
    </row>
    <row r="43248" spans="1:43">
      <c r="A43248" t="s">
        <v>26443</v>
      </c>
      <c r="B43248" t="s">
        <v>26444</v>
      </c>
      <c r="C43248" t="s">
        <v>24411</v>
      </c>
      <c r="D43248" t="s">
        <v>24412</v>
      </c>
      <c r="E43248" t="s">
        <v>24327</v>
      </c>
      <c r="F43248" t="s">
        <v>24328</v>
      </c>
      <c r="G43248" t="s">
        <v>11612</v>
      </c>
      <c r="H43248" t="s">
        <v>11613</v>
      </c>
      <c r="I43248" s="2">
        <v>0</v>
      </c>
      <c r="J43248" s="2">
        <v>0</v>
      </c>
      <c r="K43248" s="2">
        <v>1</v>
      </c>
      <c r="L43248" t="s">
        <v>995</v>
      </c>
      <c r="M43248" t="s">
        <v>89</v>
      </c>
      <c r="N43248" t="s">
        <v>90</v>
      </c>
      <c r="O43248" t="s">
        <v>85</v>
      </c>
      <c r="P43248" t="s">
        <v>86</v>
      </c>
      <c r="Q43248">
        <v>13</v>
      </c>
      <c r="R43248">
        <v>14</v>
      </c>
      <c r="S43248">
        <v>14</v>
      </c>
      <c r="T43248">
        <v>14</v>
      </c>
      <c r="U43248">
        <v>15</v>
      </c>
      <c r="V43248">
        <v>15</v>
      </c>
      <c r="W43248">
        <v>15</v>
      </c>
      <c r="X43248">
        <v>15</v>
      </c>
      <c r="Y43248">
        <v>16</v>
      </c>
      <c r="Z43248">
        <v>16</v>
      </c>
      <c r="AA43248">
        <v>16</v>
      </c>
      <c r="AB43248">
        <v>16</v>
      </c>
      <c r="AC43248">
        <v>17</v>
      </c>
      <c r="AD43248">
        <v>17</v>
      </c>
      <c r="AE43248">
        <v>17</v>
      </c>
      <c r="AF43248">
        <v>17</v>
      </c>
      <c r="AG43248">
        <v>17</v>
      </c>
      <c r="AH43248">
        <v>17</v>
      </c>
      <c r="AI43248">
        <v>17</v>
      </c>
      <c r="AJ43248">
        <v>17</v>
      </c>
      <c r="AK43248">
        <v>18</v>
      </c>
      <c r="AL43248">
        <v>18</v>
      </c>
      <c r="AM43248">
        <v>18</v>
      </c>
      <c r="AN43248">
        <v>18</v>
      </c>
      <c r="AO43248">
        <v>18</v>
      </c>
      <c r="AP43248">
        <v>18</v>
      </c>
      <c r="AQ43248">
        <v>18</v>
      </c>
    </row>
    <row r="43249" spans="1:43">
      <c r="A43249" t="s">
        <v>26443</v>
      </c>
      <c r="B43249" t="s">
        <v>26444</v>
      </c>
      <c r="C43249" t="s">
        <v>24411</v>
      </c>
      <c r="D43249" t="s">
        <v>24412</v>
      </c>
      <c r="E43249" t="s">
        <v>24327</v>
      </c>
      <c r="F43249" t="s">
        <v>24328</v>
      </c>
      <c r="G43249" t="s">
        <v>11612</v>
      </c>
      <c r="H43249" t="s">
        <v>11613</v>
      </c>
      <c r="I43249" s="2">
        <v>0</v>
      </c>
      <c r="J43249" s="2">
        <v>0</v>
      </c>
      <c r="K43249" s="2">
        <v>1</v>
      </c>
      <c r="L43249" t="s">
        <v>995</v>
      </c>
      <c r="M43249" t="s">
        <v>83</v>
      </c>
      <c r="N43249" t="s">
        <v>91</v>
      </c>
      <c r="O43249" t="s">
        <v>85</v>
      </c>
      <c r="P43249" t="s">
        <v>86</v>
      </c>
      <c r="Q43249">
        <v>13</v>
      </c>
      <c r="R43249">
        <v>13</v>
      </c>
      <c r="S43249">
        <v>14</v>
      </c>
      <c r="T43249">
        <v>14</v>
      </c>
      <c r="U43249">
        <v>14</v>
      </c>
      <c r="V43249">
        <v>14</v>
      </c>
      <c r="W43249">
        <v>14</v>
      </c>
      <c r="X43249">
        <v>15</v>
      </c>
      <c r="Y43249">
        <v>15</v>
      </c>
      <c r="Z43249">
        <v>15</v>
      </c>
      <c r="AA43249">
        <v>15</v>
      </c>
      <c r="AB43249">
        <v>15</v>
      </c>
      <c r="AC43249">
        <v>16</v>
      </c>
      <c r="AD43249">
        <v>16</v>
      </c>
      <c r="AE43249">
        <v>16</v>
      </c>
      <c r="AF43249">
        <v>16</v>
      </c>
      <c r="AG43249">
        <v>16</v>
      </c>
      <c r="AH43249">
        <v>17</v>
      </c>
      <c r="AI43249">
        <v>17</v>
      </c>
      <c r="AJ43249">
        <v>17</v>
      </c>
      <c r="AK43249">
        <v>17</v>
      </c>
      <c r="AL43249">
        <v>17</v>
      </c>
      <c r="AM43249">
        <v>17</v>
      </c>
      <c r="AN43249">
        <v>18</v>
      </c>
      <c r="AO43249">
        <v>18</v>
      </c>
      <c r="AP43249">
        <v>18</v>
      </c>
      <c r="AQ43249">
        <v>18</v>
      </c>
    </row>
    <row r="43250" spans="1:43">
      <c r="A43250" t="s">
        <v>26445</v>
      </c>
      <c r="B43250" t="s">
        <v>26446</v>
      </c>
      <c r="C43250" t="s">
        <v>24411</v>
      </c>
      <c r="D43250" t="s">
        <v>24412</v>
      </c>
      <c r="E43250" t="s">
        <v>24327</v>
      </c>
      <c r="F43250" t="s">
        <v>24328</v>
      </c>
      <c r="G43250" t="s">
        <v>11612</v>
      </c>
      <c r="H43250" t="s">
        <v>11613</v>
      </c>
      <c r="I43250" s="2">
        <v>0</v>
      </c>
      <c r="J43250" s="2">
        <v>0</v>
      </c>
      <c r="K43250" s="2">
        <v>1</v>
      </c>
      <c r="L43250" t="s">
        <v>995</v>
      </c>
      <c r="M43250" t="s">
        <v>83</v>
      </c>
      <c r="N43250" t="s">
        <v>84</v>
      </c>
      <c r="O43250" t="s">
        <v>85</v>
      </c>
      <c r="P43250" t="s">
        <v>86</v>
      </c>
      <c r="Q43250">
        <v>26</v>
      </c>
      <c r="R43250">
        <v>26</v>
      </c>
      <c r="S43250">
        <v>26</v>
      </c>
      <c r="T43250">
        <v>27</v>
      </c>
      <c r="U43250">
        <v>27</v>
      </c>
      <c r="V43250">
        <v>28</v>
      </c>
      <c r="W43250">
        <v>28</v>
      </c>
      <c r="X43250">
        <v>28</v>
      </c>
      <c r="Y43250">
        <v>29</v>
      </c>
      <c r="Z43250">
        <v>29</v>
      </c>
      <c r="AA43250">
        <v>29</v>
      </c>
      <c r="AB43250">
        <v>30</v>
      </c>
      <c r="AC43250">
        <v>30</v>
      </c>
      <c r="AD43250">
        <v>31</v>
      </c>
      <c r="AE43250">
        <v>31</v>
      </c>
      <c r="AF43250">
        <v>31</v>
      </c>
      <c r="AG43250">
        <v>32</v>
      </c>
      <c r="AH43250">
        <v>32</v>
      </c>
      <c r="AI43250">
        <v>33</v>
      </c>
      <c r="AJ43250">
        <v>33</v>
      </c>
      <c r="AK43250">
        <v>33</v>
      </c>
      <c r="AL43250">
        <v>34</v>
      </c>
      <c r="AM43250">
        <v>34</v>
      </c>
      <c r="AN43250">
        <v>34</v>
      </c>
      <c r="AO43250">
        <v>34</v>
      </c>
      <c r="AP43250">
        <v>34</v>
      </c>
      <c r="AQ43250">
        <v>34</v>
      </c>
    </row>
    <row r="43251" spans="1:43">
      <c r="A43251" t="s">
        <v>26445</v>
      </c>
      <c r="B43251" t="s">
        <v>26446</v>
      </c>
      <c r="C43251" t="s">
        <v>24411</v>
      </c>
      <c r="D43251" t="s">
        <v>24412</v>
      </c>
      <c r="E43251" t="s">
        <v>24327</v>
      </c>
      <c r="F43251" t="s">
        <v>24328</v>
      </c>
      <c r="G43251" t="s">
        <v>11612</v>
      </c>
      <c r="H43251" t="s">
        <v>11613</v>
      </c>
      <c r="I43251" s="2">
        <v>0</v>
      </c>
      <c r="J43251" s="2">
        <v>0</v>
      </c>
      <c r="K43251" s="2">
        <v>1</v>
      </c>
      <c r="L43251" t="s">
        <v>995</v>
      </c>
      <c r="M43251" t="s">
        <v>87</v>
      </c>
      <c r="N43251" t="s">
        <v>88</v>
      </c>
      <c r="O43251" t="s">
        <v>85</v>
      </c>
      <c r="P43251" t="s">
        <v>86</v>
      </c>
      <c r="Q43251">
        <v>26</v>
      </c>
      <c r="R43251">
        <v>27</v>
      </c>
      <c r="S43251">
        <v>27</v>
      </c>
      <c r="T43251">
        <v>27</v>
      </c>
      <c r="U43251">
        <v>27</v>
      </c>
      <c r="V43251">
        <v>27</v>
      </c>
      <c r="W43251">
        <v>27</v>
      </c>
      <c r="X43251">
        <v>27</v>
      </c>
      <c r="Y43251">
        <v>28</v>
      </c>
      <c r="Z43251">
        <v>28</v>
      </c>
      <c r="AA43251">
        <v>28</v>
      </c>
      <c r="AB43251">
        <v>28</v>
      </c>
      <c r="AC43251">
        <v>28</v>
      </c>
      <c r="AD43251">
        <v>28</v>
      </c>
      <c r="AE43251">
        <v>28</v>
      </c>
      <c r="AF43251">
        <v>29</v>
      </c>
      <c r="AG43251">
        <v>29</v>
      </c>
      <c r="AH43251">
        <v>29</v>
      </c>
      <c r="AI43251">
        <v>29</v>
      </c>
      <c r="AJ43251">
        <v>29</v>
      </c>
      <c r="AK43251">
        <v>30</v>
      </c>
      <c r="AL43251">
        <v>30</v>
      </c>
      <c r="AM43251">
        <v>30</v>
      </c>
      <c r="AN43251">
        <v>30</v>
      </c>
      <c r="AO43251">
        <v>30</v>
      </c>
      <c r="AP43251">
        <v>31</v>
      </c>
      <c r="AQ43251">
        <v>31</v>
      </c>
    </row>
    <row r="43252" spans="1:43">
      <c r="A43252" t="s">
        <v>26445</v>
      </c>
      <c r="B43252" t="s">
        <v>26446</v>
      </c>
      <c r="C43252" t="s">
        <v>24411</v>
      </c>
      <c r="D43252" t="s">
        <v>24412</v>
      </c>
      <c r="E43252" t="s">
        <v>24327</v>
      </c>
      <c r="F43252" t="s">
        <v>24328</v>
      </c>
      <c r="G43252" t="s">
        <v>11612</v>
      </c>
      <c r="H43252" t="s">
        <v>11613</v>
      </c>
      <c r="I43252" s="2">
        <v>0</v>
      </c>
      <c r="J43252" s="2">
        <v>0</v>
      </c>
      <c r="K43252" s="2">
        <v>1</v>
      </c>
      <c r="L43252" t="s">
        <v>995</v>
      </c>
      <c r="M43252" t="s">
        <v>89</v>
      </c>
      <c r="N43252" t="s">
        <v>90</v>
      </c>
      <c r="O43252" t="s">
        <v>85</v>
      </c>
      <c r="P43252" t="s">
        <v>86</v>
      </c>
      <c r="Q43252">
        <v>26</v>
      </c>
      <c r="R43252">
        <v>26</v>
      </c>
      <c r="S43252">
        <v>27</v>
      </c>
      <c r="T43252">
        <v>28</v>
      </c>
      <c r="U43252">
        <v>28</v>
      </c>
      <c r="V43252">
        <v>29</v>
      </c>
      <c r="W43252">
        <v>29</v>
      </c>
      <c r="X43252">
        <v>30</v>
      </c>
      <c r="Y43252">
        <v>30</v>
      </c>
      <c r="Z43252">
        <v>31</v>
      </c>
      <c r="AA43252">
        <v>31</v>
      </c>
      <c r="AB43252">
        <v>32</v>
      </c>
      <c r="AC43252">
        <v>32</v>
      </c>
      <c r="AD43252">
        <v>33</v>
      </c>
      <c r="AE43252">
        <v>33</v>
      </c>
      <c r="AF43252">
        <v>33</v>
      </c>
      <c r="AG43252">
        <v>33</v>
      </c>
      <c r="AH43252">
        <v>33</v>
      </c>
      <c r="AI43252">
        <v>34</v>
      </c>
      <c r="AJ43252">
        <v>34</v>
      </c>
      <c r="AK43252">
        <v>34</v>
      </c>
      <c r="AL43252">
        <v>34</v>
      </c>
      <c r="AM43252">
        <v>34</v>
      </c>
      <c r="AN43252">
        <v>34</v>
      </c>
      <c r="AO43252">
        <v>35</v>
      </c>
      <c r="AP43252">
        <v>35</v>
      </c>
      <c r="AQ43252">
        <v>35</v>
      </c>
    </row>
    <row r="43253" spans="1:43">
      <c r="A43253" t="s">
        <v>26445</v>
      </c>
      <c r="B43253" t="s">
        <v>26446</v>
      </c>
      <c r="C43253" t="s">
        <v>24411</v>
      </c>
      <c r="D43253" t="s">
        <v>24412</v>
      </c>
      <c r="E43253" t="s">
        <v>24327</v>
      </c>
      <c r="F43253" t="s">
        <v>24328</v>
      </c>
      <c r="G43253" t="s">
        <v>11612</v>
      </c>
      <c r="H43253" t="s">
        <v>11613</v>
      </c>
      <c r="I43253" s="2">
        <v>0</v>
      </c>
      <c r="J43253" s="2">
        <v>0</v>
      </c>
      <c r="K43253" s="2">
        <v>1</v>
      </c>
      <c r="L43253" t="s">
        <v>995</v>
      </c>
      <c r="M43253" t="s">
        <v>83</v>
      </c>
      <c r="N43253" t="s">
        <v>91</v>
      </c>
      <c r="O43253" t="s">
        <v>85</v>
      </c>
      <c r="P43253" t="s">
        <v>86</v>
      </c>
      <c r="Q43253">
        <v>26</v>
      </c>
      <c r="R43253">
        <v>26</v>
      </c>
      <c r="S43253">
        <v>26</v>
      </c>
      <c r="T43253">
        <v>27</v>
      </c>
      <c r="U43253">
        <v>27</v>
      </c>
      <c r="V43253">
        <v>28</v>
      </c>
      <c r="W43253">
        <v>28</v>
      </c>
      <c r="X43253">
        <v>28</v>
      </c>
      <c r="Y43253">
        <v>29</v>
      </c>
      <c r="Z43253">
        <v>29</v>
      </c>
      <c r="AA43253">
        <v>29</v>
      </c>
      <c r="AB43253">
        <v>30</v>
      </c>
      <c r="AC43253">
        <v>30</v>
      </c>
      <c r="AD43253">
        <v>31</v>
      </c>
      <c r="AE43253">
        <v>31</v>
      </c>
      <c r="AF43253">
        <v>31</v>
      </c>
      <c r="AG43253">
        <v>32</v>
      </c>
      <c r="AH43253">
        <v>32</v>
      </c>
      <c r="AI43253">
        <v>33</v>
      </c>
      <c r="AJ43253">
        <v>33</v>
      </c>
      <c r="AK43253">
        <v>33</v>
      </c>
      <c r="AL43253">
        <v>34</v>
      </c>
      <c r="AM43253">
        <v>34</v>
      </c>
      <c r="AN43253">
        <v>34</v>
      </c>
      <c r="AO43253">
        <v>34</v>
      </c>
      <c r="AP43253">
        <v>34</v>
      </c>
      <c r="AQ43253">
        <v>34</v>
      </c>
    </row>
    <row r="43254" spans="1:43">
      <c r="A43254" t="s">
        <v>26447</v>
      </c>
      <c r="B43254" t="s">
        <v>26448</v>
      </c>
      <c r="C43254" t="s">
        <v>24361</v>
      </c>
      <c r="D43254" t="s">
        <v>24362</v>
      </c>
      <c r="E43254" t="s">
        <v>24327</v>
      </c>
      <c r="F43254" t="s">
        <v>24328</v>
      </c>
      <c r="G43254" t="s">
        <v>11612</v>
      </c>
      <c r="H43254" t="s">
        <v>11613</v>
      </c>
      <c r="I43254" s="2">
        <v>0</v>
      </c>
      <c r="J43254" s="2">
        <v>0</v>
      </c>
      <c r="K43254" s="2">
        <v>1</v>
      </c>
      <c r="L43254" t="s">
        <v>995</v>
      </c>
      <c r="M43254" t="s">
        <v>83</v>
      </c>
      <c r="N43254" t="s">
        <v>84</v>
      </c>
      <c r="O43254" t="s">
        <v>85</v>
      </c>
      <c r="P43254" t="s">
        <v>86</v>
      </c>
      <c r="Q43254">
        <v>17</v>
      </c>
      <c r="R43254">
        <v>17</v>
      </c>
      <c r="S43254">
        <v>18</v>
      </c>
      <c r="T43254">
        <v>18</v>
      </c>
      <c r="U43254">
        <v>18</v>
      </c>
      <c r="V43254">
        <v>18</v>
      </c>
      <c r="W43254">
        <v>19</v>
      </c>
      <c r="X43254">
        <v>19</v>
      </c>
      <c r="Y43254">
        <v>19</v>
      </c>
      <c r="Z43254">
        <v>19</v>
      </c>
      <c r="AA43254">
        <v>20</v>
      </c>
      <c r="AB43254">
        <v>20</v>
      </c>
      <c r="AC43254">
        <v>20</v>
      </c>
      <c r="AD43254">
        <v>20</v>
      </c>
      <c r="AE43254">
        <v>21</v>
      </c>
      <c r="AF43254">
        <v>21</v>
      </c>
      <c r="AG43254">
        <v>21</v>
      </c>
      <c r="AH43254">
        <v>21</v>
      </c>
      <c r="AI43254">
        <v>22</v>
      </c>
      <c r="AJ43254">
        <v>22</v>
      </c>
      <c r="AK43254">
        <v>22</v>
      </c>
      <c r="AL43254">
        <v>22</v>
      </c>
      <c r="AM43254">
        <v>22</v>
      </c>
      <c r="AN43254">
        <v>22</v>
      </c>
      <c r="AO43254">
        <v>22</v>
      </c>
      <c r="AP43254">
        <v>22</v>
      </c>
      <c r="AQ43254">
        <v>23</v>
      </c>
    </row>
    <row r="43255" spans="1:43">
      <c r="A43255" t="s">
        <v>26447</v>
      </c>
      <c r="B43255" t="s">
        <v>26448</v>
      </c>
      <c r="C43255" t="s">
        <v>24361</v>
      </c>
      <c r="D43255" t="s">
        <v>24362</v>
      </c>
      <c r="E43255" t="s">
        <v>24327</v>
      </c>
      <c r="F43255" t="s">
        <v>24328</v>
      </c>
      <c r="G43255" t="s">
        <v>11612</v>
      </c>
      <c r="H43255" t="s">
        <v>11613</v>
      </c>
      <c r="I43255" s="2">
        <v>0</v>
      </c>
      <c r="J43255" s="2">
        <v>0</v>
      </c>
      <c r="K43255" s="2">
        <v>1</v>
      </c>
      <c r="L43255" t="s">
        <v>995</v>
      </c>
      <c r="M43255" t="s">
        <v>87</v>
      </c>
      <c r="N43255" t="s">
        <v>88</v>
      </c>
      <c r="O43255" t="s">
        <v>85</v>
      </c>
      <c r="P43255" t="s">
        <v>86</v>
      </c>
      <c r="Q43255">
        <v>17</v>
      </c>
      <c r="R43255">
        <v>17</v>
      </c>
      <c r="S43255">
        <v>17</v>
      </c>
      <c r="T43255">
        <v>17</v>
      </c>
      <c r="U43255">
        <v>17</v>
      </c>
      <c r="V43255">
        <v>17</v>
      </c>
      <c r="W43255">
        <v>17</v>
      </c>
      <c r="X43255">
        <v>18</v>
      </c>
      <c r="Y43255">
        <v>18</v>
      </c>
      <c r="Z43255">
        <v>18</v>
      </c>
      <c r="AA43255">
        <v>18</v>
      </c>
      <c r="AB43255">
        <v>18</v>
      </c>
      <c r="AC43255">
        <v>18</v>
      </c>
      <c r="AD43255">
        <v>18</v>
      </c>
      <c r="AE43255">
        <v>18</v>
      </c>
      <c r="AF43255">
        <v>18</v>
      </c>
      <c r="AG43255">
        <v>18</v>
      </c>
      <c r="AH43255">
        <v>18</v>
      </c>
      <c r="AI43255">
        <v>19</v>
      </c>
      <c r="AJ43255">
        <v>19</v>
      </c>
      <c r="AK43255">
        <v>19</v>
      </c>
      <c r="AL43255">
        <v>19</v>
      </c>
      <c r="AM43255">
        <v>19</v>
      </c>
      <c r="AN43255">
        <v>19</v>
      </c>
      <c r="AO43255">
        <v>19</v>
      </c>
      <c r="AP43255">
        <v>19</v>
      </c>
      <c r="AQ43255">
        <v>20</v>
      </c>
    </row>
    <row r="43256" spans="1:43">
      <c r="A43256" t="s">
        <v>26447</v>
      </c>
      <c r="B43256" t="s">
        <v>26448</v>
      </c>
      <c r="C43256" t="s">
        <v>24361</v>
      </c>
      <c r="D43256" t="s">
        <v>24362</v>
      </c>
      <c r="E43256" t="s">
        <v>24327</v>
      </c>
      <c r="F43256" t="s">
        <v>24328</v>
      </c>
      <c r="G43256" t="s">
        <v>11612</v>
      </c>
      <c r="H43256" t="s">
        <v>11613</v>
      </c>
      <c r="I43256" s="2">
        <v>0</v>
      </c>
      <c r="J43256" s="2">
        <v>0</v>
      </c>
      <c r="K43256" s="2">
        <v>1</v>
      </c>
      <c r="L43256" t="s">
        <v>995</v>
      </c>
      <c r="M43256" t="s">
        <v>89</v>
      </c>
      <c r="N43256" t="s">
        <v>90</v>
      </c>
      <c r="O43256" t="s">
        <v>85</v>
      </c>
      <c r="P43256" t="s">
        <v>86</v>
      </c>
      <c r="Q43256">
        <v>17</v>
      </c>
      <c r="R43256">
        <v>18</v>
      </c>
      <c r="S43256">
        <v>18</v>
      </c>
      <c r="T43256">
        <v>18</v>
      </c>
      <c r="U43256">
        <v>19</v>
      </c>
      <c r="V43256">
        <v>19</v>
      </c>
      <c r="W43256">
        <v>20</v>
      </c>
      <c r="X43256">
        <v>20</v>
      </c>
      <c r="Y43256">
        <v>20</v>
      </c>
      <c r="Z43256">
        <v>21</v>
      </c>
      <c r="AA43256">
        <v>21</v>
      </c>
      <c r="AB43256">
        <v>21</v>
      </c>
      <c r="AC43256">
        <v>21</v>
      </c>
      <c r="AD43256">
        <v>22</v>
      </c>
      <c r="AE43256">
        <v>22</v>
      </c>
      <c r="AF43256">
        <v>22</v>
      </c>
      <c r="AG43256">
        <v>22</v>
      </c>
      <c r="AH43256">
        <v>22</v>
      </c>
      <c r="AI43256">
        <v>22</v>
      </c>
      <c r="AJ43256">
        <v>22</v>
      </c>
      <c r="AK43256">
        <v>22</v>
      </c>
      <c r="AL43256">
        <v>22</v>
      </c>
      <c r="AM43256">
        <v>22</v>
      </c>
      <c r="AN43256">
        <v>23</v>
      </c>
      <c r="AO43256">
        <v>23</v>
      </c>
      <c r="AP43256">
        <v>23</v>
      </c>
      <c r="AQ43256">
        <v>23</v>
      </c>
    </row>
    <row r="43257" spans="1:43">
      <c r="A43257" t="s">
        <v>26447</v>
      </c>
      <c r="B43257" t="s">
        <v>26448</v>
      </c>
      <c r="C43257" t="s">
        <v>24361</v>
      </c>
      <c r="D43257" t="s">
        <v>24362</v>
      </c>
      <c r="E43257" t="s">
        <v>24327</v>
      </c>
      <c r="F43257" t="s">
        <v>24328</v>
      </c>
      <c r="G43257" t="s">
        <v>11612</v>
      </c>
      <c r="H43257" t="s">
        <v>11613</v>
      </c>
      <c r="I43257" s="2">
        <v>0</v>
      </c>
      <c r="J43257" s="2">
        <v>0</v>
      </c>
      <c r="K43257" s="2">
        <v>1</v>
      </c>
      <c r="L43257" t="s">
        <v>995</v>
      </c>
      <c r="M43257" t="s">
        <v>83</v>
      </c>
      <c r="N43257" t="s">
        <v>91</v>
      </c>
      <c r="O43257" t="s">
        <v>85</v>
      </c>
      <c r="P43257" t="s">
        <v>86</v>
      </c>
      <c r="Q43257">
        <v>17</v>
      </c>
      <c r="R43257">
        <v>17</v>
      </c>
      <c r="S43257">
        <v>18</v>
      </c>
      <c r="T43257">
        <v>18</v>
      </c>
      <c r="U43257">
        <v>18</v>
      </c>
      <c r="V43257">
        <v>18</v>
      </c>
      <c r="W43257">
        <v>19</v>
      </c>
      <c r="X43257">
        <v>19</v>
      </c>
      <c r="Y43257">
        <v>19</v>
      </c>
      <c r="Z43257">
        <v>19</v>
      </c>
      <c r="AA43257">
        <v>20</v>
      </c>
      <c r="AB43257">
        <v>20</v>
      </c>
      <c r="AC43257">
        <v>20</v>
      </c>
      <c r="AD43257">
        <v>20</v>
      </c>
      <c r="AE43257">
        <v>21</v>
      </c>
      <c r="AF43257">
        <v>21</v>
      </c>
      <c r="AG43257">
        <v>21</v>
      </c>
      <c r="AH43257">
        <v>21</v>
      </c>
      <c r="AI43257">
        <v>22</v>
      </c>
      <c r="AJ43257">
        <v>22</v>
      </c>
      <c r="AK43257">
        <v>22</v>
      </c>
      <c r="AL43257">
        <v>22</v>
      </c>
      <c r="AM43257">
        <v>22</v>
      </c>
      <c r="AN43257">
        <v>22</v>
      </c>
      <c r="AO43257">
        <v>22</v>
      </c>
      <c r="AP43257">
        <v>22</v>
      </c>
      <c r="AQ43257">
        <v>23</v>
      </c>
    </row>
    <row r="43258" spans="1:43">
      <c r="A43258" t="s">
        <v>26449</v>
      </c>
      <c r="B43258" t="s">
        <v>26450</v>
      </c>
      <c r="C43258" t="s">
        <v>24361</v>
      </c>
      <c r="D43258" t="s">
        <v>24362</v>
      </c>
      <c r="E43258" t="s">
        <v>24327</v>
      </c>
      <c r="F43258" t="s">
        <v>24328</v>
      </c>
      <c r="G43258" t="s">
        <v>11612</v>
      </c>
      <c r="H43258" t="s">
        <v>11613</v>
      </c>
      <c r="I43258" s="2">
        <v>0</v>
      </c>
      <c r="J43258" s="2">
        <v>0</v>
      </c>
      <c r="K43258" s="2">
        <v>1</v>
      </c>
      <c r="L43258" t="s">
        <v>995</v>
      </c>
      <c r="M43258" t="s">
        <v>83</v>
      </c>
      <c r="N43258" t="s">
        <v>84</v>
      </c>
      <c r="O43258" t="s">
        <v>85</v>
      </c>
      <c r="P43258" t="s">
        <v>86</v>
      </c>
      <c r="Q43258">
        <v>3</v>
      </c>
      <c r="R43258">
        <v>3</v>
      </c>
      <c r="S43258">
        <v>3</v>
      </c>
      <c r="T43258">
        <v>3</v>
      </c>
      <c r="U43258">
        <v>3</v>
      </c>
      <c r="V43258">
        <v>3</v>
      </c>
      <c r="W43258">
        <v>3</v>
      </c>
      <c r="X43258">
        <v>4</v>
      </c>
      <c r="Y43258">
        <v>4</v>
      </c>
      <c r="Z43258">
        <v>4</v>
      </c>
      <c r="AA43258">
        <v>4</v>
      </c>
      <c r="AB43258">
        <v>4</v>
      </c>
      <c r="AC43258">
        <v>4</v>
      </c>
      <c r="AD43258">
        <v>4</v>
      </c>
      <c r="AE43258">
        <v>4</v>
      </c>
      <c r="AF43258">
        <v>4</v>
      </c>
      <c r="AG43258">
        <v>4</v>
      </c>
      <c r="AH43258">
        <v>4</v>
      </c>
      <c r="AI43258">
        <v>4</v>
      </c>
      <c r="AJ43258">
        <v>4</v>
      </c>
      <c r="AK43258">
        <v>4</v>
      </c>
      <c r="AL43258">
        <v>4</v>
      </c>
      <c r="AM43258">
        <v>4</v>
      </c>
      <c r="AN43258">
        <v>4</v>
      </c>
      <c r="AO43258">
        <v>4</v>
      </c>
      <c r="AP43258">
        <v>4</v>
      </c>
      <c r="AQ43258">
        <v>4</v>
      </c>
    </row>
    <row r="43259" spans="1:43">
      <c r="A43259" t="s">
        <v>26449</v>
      </c>
      <c r="B43259" t="s">
        <v>26450</v>
      </c>
      <c r="C43259" t="s">
        <v>24361</v>
      </c>
      <c r="D43259" t="s">
        <v>24362</v>
      </c>
      <c r="E43259" t="s">
        <v>24327</v>
      </c>
      <c r="F43259" t="s">
        <v>24328</v>
      </c>
      <c r="G43259" t="s">
        <v>11612</v>
      </c>
      <c r="H43259" t="s">
        <v>11613</v>
      </c>
      <c r="I43259" s="2">
        <v>0</v>
      </c>
      <c r="J43259" s="2">
        <v>0</v>
      </c>
      <c r="K43259" s="2">
        <v>1</v>
      </c>
      <c r="L43259" t="s">
        <v>995</v>
      </c>
      <c r="M43259" t="s">
        <v>87</v>
      </c>
      <c r="N43259" t="s">
        <v>88</v>
      </c>
      <c r="O43259" t="s">
        <v>85</v>
      </c>
      <c r="P43259" t="s">
        <v>86</v>
      </c>
      <c r="Q43259">
        <v>3</v>
      </c>
      <c r="R43259">
        <v>3</v>
      </c>
      <c r="S43259">
        <v>3</v>
      </c>
      <c r="T43259">
        <v>3</v>
      </c>
      <c r="U43259">
        <v>3</v>
      </c>
      <c r="V43259">
        <v>3</v>
      </c>
      <c r="W43259">
        <v>3</v>
      </c>
      <c r="X43259">
        <v>3</v>
      </c>
      <c r="Y43259">
        <v>3</v>
      </c>
      <c r="Z43259">
        <v>3</v>
      </c>
      <c r="AA43259">
        <v>3</v>
      </c>
      <c r="AB43259">
        <v>3</v>
      </c>
      <c r="AC43259">
        <v>3</v>
      </c>
      <c r="AD43259">
        <v>3</v>
      </c>
      <c r="AE43259">
        <v>3</v>
      </c>
      <c r="AF43259">
        <v>3</v>
      </c>
      <c r="AG43259">
        <v>3</v>
      </c>
      <c r="AH43259">
        <v>3</v>
      </c>
      <c r="AI43259">
        <v>3</v>
      </c>
      <c r="AJ43259">
        <v>3</v>
      </c>
      <c r="AK43259">
        <v>4</v>
      </c>
      <c r="AL43259">
        <v>4</v>
      </c>
      <c r="AM43259">
        <v>4</v>
      </c>
      <c r="AN43259">
        <v>4</v>
      </c>
      <c r="AO43259">
        <v>4</v>
      </c>
      <c r="AP43259">
        <v>4</v>
      </c>
      <c r="AQ43259">
        <v>4</v>
      </c>
    </row>
    <row r="43260" spans="1:43">
      <c r="A43260" t="s">
        <v>26449</v>
      </c>
      <c r="B43260" t="s">
        <v>26450</v>
      </c>
      <c r="C43260" t="s">
        <v>24361</v>
      </c>
      <c r="D43260" t="s">
        <v>24362</v>
      </c>
      <c r="E43260" t="s">
        <v>24327</v>
      </c>
      <c r="F43260" t="s">
        <v>24328</v>
      </c>
      <c r="G43260" t="s">
        <v>11612</v>
      </c>
      <c r="H43260" t="s">
        <v>11613</v>
      </c>
      <c r="I43260" s="2">
        <v>0</v>
      </c>
      <c r="J43260" s="2">
        <v>0</v>
      </c>
      <c r="K43260" s="2">
        <v>1</v>
      </c>
      <c r="L43260" t="s">
        <v>995</v>
      </c>
      <c r="M43260" t="s">
        <v>89</v>
      </c>
      <c r="N43260" t="s">
        <v>90</v>
      </c>
      <c r="O43260" t="s">
        <v>85</v>
      </c>
      <c r="P43260" t="s">
        <v>86</v>
      </c>
      <c r="Q43260">
        <v>3</v>
      </c>
      <c r="R43260">
        <v>3</v>
      </c>
      <c r="S43260">
        <v>3</v>
      </c>
      <c r="T43260">
        <v>3</v>
      </c>
      <c r="U43260">
        <v>4</v>
      </c>
      <c r="V43260">
        <v>4</v>
      </c>
      <c r="W43260">
        <v>4</v>
      </c>
      <c r="X43260">
        <v>4</v>
      </c>
      <c r="Y43260">
        <v>4</v>
      </c>
      <c r="Z43260">
        <v>4</v>
      </c>
      <c r="AA43260">
        <v>4</v>
      </c>
      <c r="AB43260">
        <v>4</v>
      </c>
      <c r="AC43260">
        <v>4</v>
      </c>
      <c r="AD43260">
        <v>4</v>
      </c>
      <c r="AE43260">
        <v>4</v>
      </c>
      <c r="AF43260">
        <v>4</v>
      </c>
      <c r="AG43260">
        <v>4</v>
      </c>
      <c r="AH43260">
        <v>4</v>
      </c>
      <c r="AI43260">
        <v>4</v>
      </c>
      <c r="AJ43260">
        <v>4</v>
      </c>
      <c r="AK43260">
        <v>4</v>
      </c>
      <c r="AL43260">
        <v>4</v>
      </c>
      <c r="AM43260">
        <v>4</v>
      </c>
      <c r="AN43260">
        <v>4</v>
      </c>
      <c r="AO43260">
        <v>4</v>
      </c>
      <c r="AP43260">
        <v>4</v>
      </c>
      <c r="AQ43260">
        <v>4</v>
      </c>
    </row>
    <row r="43261" spans="1:43">
      <c r="A43261" t="s">
        <v>26449</v>
      </c>
      <c r="B43261" t="s">
        <v>26450</v>
      </c>
      <c r="C43261" t="s">
        <v>24361</v>
      </c>
      <c r="D43261" t="s">
        <v>24362</v>
      </c>
      <c r="E43261" t="s">
        <v>24327</v>
      </c>
      <c r="F43261" t="s">
        <v>24328</v>
      </c>
      <c r="G43261" t="s">
        <v>11612</v>
      </c>
      <c r="H43261" t="s">
        <v>11613</v>
      </c>
      <c r="I43261" s="2">
        <v>0</v>
      </c>
      <c r="J43261" s="2">
        <v>0</v>
      </c>
      <c r="K43261" s="2">
        <v>1</v>
      </c>
      <c r="L43261" t="s">
        <v>995</v>
      </c>
      <c r="M43261" t="s">
        <v>83</v>
      </c>
      <c r="N43261" t="s">
        <v>91</v>
      </c>
      <c r="O43261" t="s">
        <v>85</v>
      </c>
      <c r="P43261" t="s">
        <v>86</v>
      </c>
      <c r="Q43261">
        <v>3</v>
      </c>
      <c r="R43261">
        <v>3</v>
      </c>
      <c r="S43261">
        <v>3</v>
      </c>
      <c r="T43261">
        <v>3</v>
      </c>
      <c r="U43261">
        <v>3</v>
      </c>
      <c r="V43261">
        <v>3</v>
      </c>
      <c r="W43261">
        <v>3</v>
      </c>
      <c r="X43261">
        <v>4</v>
      </c>
      <c r="Y43261">
        <v>4</v>
      </c>
      <c r="Z43261">
        <v>4</v>
      </c>
      <c r="AA43261">
        <v>4</v>
      </c>
      <c r="AB43261">
        <v>4</v>
      </c>
      <c r="AC43261">
        <v>4</v>
      </c>
      <c r="AD43261">
        <v>4</v>
      </c>
      <c r="AE43261">
        <v>4</v>
      </c>
      <c r="AF43261">
        <v>4</v>
      </c>
      <c r="AG43261">
        <v>4</v>
      </c>
      <c r="AH43261">
        <v>4</v>
      </c>
      <c r="AI43261">
        <v>4</v>
      </c>
      <c r="AJ43261">
        <v>4</v>
      </c>
      <c r="AK43261">
        <v>4</v>
      </c>
      <c r="AL43261">
        <v>4</v>
      </c>
      <c r="AM43261">
        <v>4</v>
      </c>
      <c r="AN43261">
        <v>4</v>
      </c>
      <c r="AO43261">
        <v>4</v>
      </c>
      <c r="AP43261">
        <v>4</v>
      </c>
      <c r="AQ43261">
        <v>4</v>
      </c>
    </row>
    <row r="43262" spans="1:43">
      <c r="A43262" t="s">
        <v>26451</v>
      </c>
      <c r="B43262" t="s">
        <v>26452</v>
      </c>
      <c r="C43262" t="s">
        <v>23271</v>
      </c>
      <c r="D43262" t="s">
        <v>23272</v>
      </c>
      <c r="E43262" t="s">
        <v>23145</v>
      </c>
      <c r="F43262" t="s">
        <v>23146</v>
      </c>
      <c r="G43262" t="s">
        <v>11612</v>
      </c>
      <c r="H43262" t="s">
        <v>11613</v>
      </c>
      <c r="I43262" s="2">
        <v>0</v>
      </c>
      <c r="J43262" s="2">
        <v>0</v>
      </c>
      <c r="K43262" s="2">
        <v>1</v>
      </c>
      <c r="L43262" t="s">
        <v>995</v>
      </c>
      <c r="M43262" t="s">
        <v>83</v>
      </c>
      <c r="N43262" t="s">
        <v>84</v>
      </c>
      <c r="O43262" t="s">
        <v>85</v>
      </c>
      <c r="P43262" t="s">
        <v>86</v>
      </c>
      <c r="Q43262">
        <v>39</v>
      </c>
      <c r="R43262">
        <v>39</v>
      </c>
      <c r="S43262">
        <v>40</v>
      </c>
      <c r="T43262">
        <v>40</v>
      </c>
      <c r="U43262">
        <v>40</v>
      </c>
      <c r="V43262">
        <v>41</v>
      </c>
      <c r="W43262">
        <v>41</v>
      </c>
      <c r="X43262">
        <v>41</v>
      </c>
      <c r="Y43262">
        <v>42</v>
      </c>
      <c r="Z43262">
        <v>42</v>
      </c>
      <c r="AA43262">
        <v>42</v>
      </c>
      <c r="AB43262">
        <v>43</v>
      </c>
      <c r="AC43262">
        <v>43</v>
      </c>
      <c r="AD43262">
        <v>43</v>
      </c>
      <c r="AE43262">
        <v>44</v>
      </c>
      <c r="AF43262">
        <v>44</v>
      </c>
      <c r="AG43262">
        <v>44</v>
      </c>
      <c r="AH43262">
        <v>44</v>
      </c>
      <c r="AI43262">
        <v>45</v>
      </c>
      <c r="AJ43262">
        <v>45</v>
      </c>
      <c r="AK43262">
        <v>45</v>
      </c>
      <c r="AL43262">
        <v>45</v>
      </c>
      <c r="AM43262">
        <v>45</v>
      </c>
      <c r="AN43262">
        <v>45</v>
      </c>
      <c r="AO43262">
        <v>45</v>
      </c>
      <c r="AP43262">
        <v>44</v>
      </c>
      <c r="AQ43262">
        <v>44</v>
      </c>
    </row>
    <row r="43263" spans="1:43">
      <c r="A43263" t="s">
        <v>26451</v>
      </c>
      <c r="B43263" t="s">
        <v>26452</v>
      </c>
      <c r="C43263" t="s">
        <v>23271</v>
      </c>
      <c r="D43263" t="s">
        <v>23272</v>
      </c>
      <c r="E43263" t="s">
        <v>23145</v>
      </c>
      <c r="F43263" t="s">
        <v>23146</v>
      </c>
      <c r="G43263" t="s">
        <v>11612</v>
      </c>
      <c r="H43263" t="s">
        <v>11613</v>
      </c>
      <c r="I43263" s="2">
        <v>0</v>
      </c>
      <c r="J43263" s="2">
        <v>0</v>
      </c>
      <c r="K43263" s="2">
        <v>1</v>
      </c>
      <c r="L43263" t="s">
        <v>995</v>
      </c>
      <c r="M43263" t="s">
        <v>87</v>
      </c>
      <c r="N43263" t="s">
        <v>88</v>
      </c>
      <c r="O43263" t="s">
        <v>85</v>
      </c>
      <c r="P43263" t="s">
        <v>86</v>
      </c>
      <c r="Q43263">
        <v>39</v>
      </c>
      <c r="R43263">
        <v>39</v>
      </c>
      <c r="S43263">
        <v>40</v>
      </c>
      <c r="T43263">
        <v>40</v>
      </c>
      <c r="U43263">
        <v>40</v>
      </c>
      <c r="V43263">
        <v>40</v>
      </c>
      <c r="W43263">
        <v>40</v>
      </c>
      <c r="X43263">
        <v>40</v>
      </c>
      <c r="Y43263">
        <v>40</v>
      </c>
      <c r="Z43263">
        <v>40</v>
      </c>
      <c r="AA43263">
        <v>40</v>
      </c>
      <c r="AB43263">
        <v>40</v>
      </c>
      <c r="AC43263">
        <v>40</v>
      </c>
      <c r="AD43263">
        <v>40</v>
      </c>
      <c r="AE43263">
        <v>40</v>
      </c>
      <c r="AF43263">
        <v>40</v>
      </c>
      <c r="AG43263">
        <v>40</v>
      </c>
      <c r="AH43263">
        <v>40</v>
      </c>
      <c r="AI43263">
        <v>40</v>
      </c>
      <c r="AJ43263">
        <v>40</v>
      </c>
      <c r="AK43263">
        <v>40</v>
      </c>
      <c r="AL43263">
        <v>40</v>
      </c>
      <c r="AM43263">
        <v>39</v>
      </c>
      <c r="AN43263">
        <v>39</v>
      </c>
      <c r="AO43263">
        <v>39</v>
      </c>
      <c r="AP43263">
        <v>39</v>
      </c>
      <c r="AQ43263">
        <v>39</v>
      </c>
    </row>
    <row r="43264" spans="1:43">
      <c r="A43264" t="s">
        <v>26451</v>
      </c>
      <c r="B43264" t="s">
        <v>26452</v>
      </c>
      <c r="C43264" t="s">
        <v>23271</v>
      </c>
      <c r="D43264" t="s">
        <v>23272</v>
      </c>
      <c r="E43264" t="s">
        <v>23145</v>
      </c>
      <c r="F43264" t="s">
        <v>23146</v>
      </c>
      <c r="G43264" t="s">
        <v>11612</v>
      </c>
      <c r="H43264" t="s">
        <v>11613</v>
      </c>
      <c r="I43264" s="2">
        <v>0</v>
      </c>
      <c r="J43264" s="2">
        <v>0</v>
      </c>
      <c r="K43264" s="2">
        <v>1</v>
      </c>
      <c r="L43264" t="s">
        <v>995</v>
      </c>
      <c r="M43264" t="s">
        <v>89</v>
      </c>
      <c r="N43264" t="s">
        <v>90</v>
      </c>
      <c r="O43264" t="s">
        <v>85</v>
      </c>
      <c r="P43264" t="s">
        <v>86</v>
      </c>
      <c r="Q43264">
        <v>39</v>
      </c>
      <c r="R43264">
        <v>40</v>
      </c>
      <c r="S43264">
        <v>41</v>
      </c>
      <c r="T43264">
        <v>41</v>
      </c>
      <c r="U43264">
        <v>42</v>
      </c>
      <c r="V43264">
        <v>43</v>
      </c>
      <c r="W43264">
        <v>43</v>
      </c>
      <c r="X43264">
        <v>44</v>
      </c>
      <c r="Y43264">
        <v>44</v>
      </c>
      <c r="Z43264">
        <v>45</v>
      </c>
      <c r="AA43264">
        <v>45</v>
      </c>
      <c r="AB43264">
        <v>46</v>
      </c>
      <c r="AC43264">
        <v>46</v>
      </c>
      <c r="AD43264">
        <v>47</v>
      </c>
      <c r="AE43264">
        <v>47</v>
      </c>
      <c r="AF43264">
        <v>47</v>
      </c>
      <c r="AG43264">
        <v>46</v>
      </c>
      <c r="AH43264">
        <v>46</v>
      </c>
      <c r="AI43264">
        <v>46</v>
      </c>
      <c r="AJ43264">
        <v>46</v>
      </c>
      <c r="AK43264">
        <v>46</v>
      </c>
      <c r="AL43264">
        <v>46</v>
      </c>
      <c r="AM43264">
        <v>45</v>
      </c>
      <c r="AN43264">
        <v>45</v>
      </c>
      <c r="AO43264">
        <v>45</v>
      </c>
      <c r="AP43264">
        <v>45</v>
      </c>
      <c r="AQ43264">
        <v>45</v>
      </c>
    </row>
    <row r="43265" spans="1:43">
      <c r="A43265" t="s">
        <v>26451</v>
      </c>
      <c r="B43265" t="s">
        <v>26452</v>
      </c>
      <c r="C43265" t="s">
        <v>23271</v>
      </c>
      <c r="D43265" t="s">
        <v>23272</v>
      </c>
      <c r="E43265" t="s">
        <v>23145</v>
      </c>
      <c r="F43265" t="s">
        <v>23146</v>
      </c>
      <c r="G43265" t="s">
        <v>11612</v>
      </c>
      <c r="H43265" t="s">
        <v>11613</v>
      </c>
      <c r="I43265" s="2">
        <v>0</v>
      </c>
      <c r="J43265" s="2">
        <v>0</v>
      </c>
      <c r="K43265" s="2">
        <v>1</v>
      </c>
      <c r="L43265" t="s">
        <v>995</v>
      </c>
      <c r="M43265" t="s">
        <v>83</v>
      </c>
      <c r="N43265" t="s">
        <v>91</v>
      </c>
      <c r="O43265" t="s">
        <v>85</v>
      </c>
      <c r="P43265" t="s">
        <v>86</v>
      </c>
      <c r="Q43265">
        <v>39</v>
      </c>
      <c r="R43265">
        <v>39</v>
      </c>
      <c r="S43265">
        <v>40</v>
      </c>
      <c r="T43265">
        <v>40</v>
      </c>
      <c r="U43265">
        <v>40</v>
      </c>
      <c r="V43265">
        <v>41</v>
      </c>
      <c r="W43265">
        <v>41</v>
      </c>
      <c r="X43265">
        <v>41</v>
      </c>
      <c r="Y43265">
        <v>42</v>
      </c>
      <c r="Z43265">
        <v>42</v>
      </c>
      <c r="AA43265">
        <v>42</v>
      </c>
      <c r="AB43265">
        <v>43</v>
      </c>
      <c r="AC43265">
        <v>43</v>
      </c>
      <c r="AD43265">
        <v>43</v>
      </c>
      <c r="AE43265">
        <v>44</v>
      </c>
      <c r="AF43265">
        <v>44</v>
      </c>
      <c r="AG43265">
        <v>44</v>
      </c>
      <c r="AH43265">
        <v>44</v>
      </c>
      <c r="AI43265">
        <v>45</v>
      </c>
      <c r="AJ43265">
        <v>45</v>
      </c>
      <c r="AK43265">
        <v>45</v>
      </c>
      <c r="AL43265">
        <v>45</v>
      </c>
      <c r="AM43265">
        <v>45</v>
      </c>
      <c r="AN43265">
        <v>45</v>
      </c>
      <c r="AO43265">
        <v>45</v>
      </c>
      <c r="AP43265">
        <v>44</v>
      </c>
      <c r="AQ43265">
        <v>44</v>
      </c>
    </row>
    <row r="43266" spans="1:43">
      <c r="A43266" t="s">
        <v>26453</v>
      </c>
      <c r="B43266" t="s">
        <v>26454</v>
      </c>
      <c r="C43266" t="s">
        <v>23271</v>
      </c>
      <c r="D43266" t="s">
        <v>23272</v>
      </c>
      <c r="E43266" t="s">
        <v>23145</v>
      </c>
      <c r="F43266" t="s">
        <v>23146</v>
      </c>
      <c r="G43266" t="s">
        <v>11612</v>
      </c>
      <c r="H43266" t="s">
        <v>11613</v>
      </c>
      <c r="I43266" s="2">
        <v>0</v>
      </c>
      <c r="J43266" s="2">
        <v>0</v>
      </c>
      <c r="K43266" s="2">
        <v>1</v>
      </c>
      <c r="L43266" t="s">
        <v>995</v>
      </c>
      <c r="M43266" t="s">
        <v>83</v>
      </c>
      <c r="N43266" t="s">
        <v>84</v>
      </c>
      <c r="O43266" t="s">
        <v>85</v>
      </c>
      <c r="P43266" t="s">
        <v>86</v>
      </c>
      <c r="Q43266">
        <v>25</v>
      </c>
      <c r="R43266">
        <v>25</v>
      </c>
      <c r="S43266">
        <v>25</v>
      </c>
      <c r="T43266">
        <v>25</v>
      </c>
      <c r="U43266">
        <v>26</v>
      </c>
      <c r="V43266">
        <v>26</v>
      </c>
      <c r="W43266">
        <v>26</v>
      </c>
      <c r="X43266">
        <v>26</v>
      </c>
      <c r="Y43266">
        <v>27</v>
      </c>
      <c r="Z43266">
        <v>27</v>
      </c>
      <c r="AA43266">
        <v>27</v>
      </c>
      <c r="AB43266">
        <v>27</v>
      </c>
      <c r="AC43266">
        <v>27</v>
      </c>
      <c r="AD43266">
        <v>28</v>
      </c>
      <c r="AE43266">
        <v>28</v>
      </c>
      <c r="AF43266">
        <v>28</v>
      </c>
      <c r="AG43266">
        <v>28</v>
      </c>
      <c r="AH43266">
        <v>28</v>
      </c>
      <c r="AI43266">
        <v>28</v>
      </c>
      <c r="AJ43266">
        <v>29</v>
      </c>
      <c r="AK43266">
        <v>29</v>
      </c>
      <c r="AL43266">
        <v>29</v>
      </c>
      <c r="AM43266">
        <v>29</v>
      </c>
      <c r="AN43266">
        <v>29</v>
      </c>
      <c r="AO43266">
        <v>28</v>
      </c>
      <c r="AP43266">
        <v>28</v>
      </c>
      <c r="AQ43266">
        <v>28</v>
      </c>
    </row>
    <row r="43267" spans="1:43">
      <c r="A43267" t="s">
        <v>26453</v>
      </c>
      <c r="B43267" t="s">
        <v>26454</v>
      </c>
      <c r="C43267" t="s">
        <v>23271</v>
      </c>
      <c r="D43267" t="s">
        <v>23272</v>
      </c>
      <c r="E43267" t="s">
        <v>23145</v>
      </c>
      <c r="F43267" t="s">
        <v>23146</v>
      </c>
      <c r="G43267" t="s">
        <v>11612</v>
      </c>
      <c r="H43267" t="s">
        <v>11613</v>
      </c>
      <c r="I43267" s="2">
        <v>0</v>
      </c>
      <c r="J43267" s="2">
        <v>0</v>
      </c>
      <c r="K43267" s="2">
        <v>1</v>
      </c>
      <c r="L43267" t="s">
        <v>995</v>
      </c>
      <c r="M43267" t="s">
        <v>87</v>
      </c>
      <c r="N43267" t="s">
        <v>88</v>
      </c>
      <c r="O43267" t="s">
        <v>85</v>
      </c>
      <c r="P43267" t="s">
        <v>86</v>
      </c>
      <c r="Q43267">
        <v>25</v>
      </c>
      <c r="R43267">
        <v>25</v>
      </c>
      <c r="S43267">
        <v>25</v>
      </c>
      <c r="T43267">
        <v>25</v>
      </c>
      <c r="U43267">
        <v>25</v>
      </c>
      <c r="V43267">
        <v>25</v>
      </c>
      <c r="W43267">
        <v>25</v>
      </c>
      <c r="X43267">
        <v>25</v>
      </c>
      <c r="Y43267">
        <v>25</v>
      </c>
      <c r="Z43267">
        <v>25</v>
      </c>
      <c r="AA43267">
        <v>25</v>
      </c>
      <c r="AB43267">
        <v>25</v>
      </c>
      <c r="AC43267">
        <v>25</v>
      </c>
      <c r="AD43267">
        <v>25</v>
      </c>
      <c r="AE43267">
        <v>25</v>
      </c>
      <c r="AF43267">
        <v>25</v>
      </c>
      <c r="AG43267">
        <v>25</v>
      </c>
      <c r="AH43267">
        <v>25</v>
      </c>
      <c r="AI43267">
        <v>25</v>
      </c>
      <c r="AJ43267">
        <v>25</v>
      </c>
      <c r="AK43267">
        <v>25</v>
      </c>
      <c r="AL43267">
        <v>25</v>
      </c>
      <c r="AM43267">
        <v>25</v>
      </c>
      <c r="AN43267">
        <v>25</v>
      </c>
      <c r="AO43267">
        <v>24</v>
      </c>
      <c r="AP43267">
        <v>24</v>
      </c>
      <c r="AQ43267">
        <v>24</v>
      </c>
    </row>
    <row r="43268" spans="1:43">
      <c r="A43268" t="s">
        <v>26453</v>
      </c>
      <c r="B43268" t="s">
        <v>26454</v>
      </c>
      <c r="C43268" t="s">
        <v>23271</v>
      </c>
      <c r="D43268" t="s">
        <v>23272</v>
      </c>
      <c r="E43268" t="s">
        <v>23145</v>
      </c>
      <c r="F43268" t="s">
        <v>23146</v>
      </c>
      <c r="G43268" t="s">
        <v>11612</v>
      </c>
      <c r="H43268" t="s">
        <v>11613</v>
      </c>
      <c r="I43268" s="2">
        <v>0</v>
      </c>
      <c r="J43268" s="2">
        <v>0</v>
      </c>
      <c r="K43268" s="2">
        <v>1</v>
      </c>
      <c r="L43268" t="s">
        <v>995</v>
      </c>
      <c r="M43268" t="s">
        <v>89</v>
      </c>
      <c r="N43268" t="s">
        <v>90</v>
      </c>
      <c r="O43268" t="s">
        <v>85</v>
      </c>
      <c r="P43268" t="s">
        <v>86</v>
      </c>
      <c r="Q43268">
        <v>25</v>
      </c>
      <c r="R43268">
        <v>25</v>
      </c>
      <c r="S43268">
        <v>26</v>
      </c>
      <c r="T43268">
        <v>26</v>
      </c>
      <c r="U43268">
        <v>27</v>
      </c>
      <c r="V43268">
        <v>27</v>
      </c>
      <c r="W43268">
        <v>28</v>
      </c>
      <c r="X43268">
        <v>28</v>
      </c>
      <c r="Y43268">
        <v>28</v>
      </c>
      <c r="Z43268">
        <v>29</v>
      </c>
      <c r="AA43268">
        <v>29</v>
      </c>
      <c r="AB43268">
        <v>29</v>
      </c>
      <c r="AC43268">
        <v>29</v>
      </c>
      <c r="AD43268">
        <v>30</v>
      </c>
      <c r="AE43268">
        <v>30</v>
      </c>
      <c r="AF43268">
        <v>30</v>
      </c>
      <c r="AG43268">
        <v>30</v>
      </c>
      <c r="AH43268">
        <v>30</v>
      </c>
      <c r="AI43268">
        <v>29</v>
      </c>
      <c r="AJ43268">
        <v>29</v>
      </c>
      <c r="AK43268">
        <v>29</v>
      </c>
      <c r="AL43268">
        <v>29</v>
      </c>
      <c r="AM43268">
        <v>29</v>
      </c>
      <c r="AN43268">
        <v>29</v>
      </c>
      <c r="AO43268">
        <v>29</v>
      </c>
      <c r="AP43268">
        <v>29</v>
      </c>
      <c r="AQ43268">
        <v>29</v>
      </c>
    </row>
    <row r="43269" spans="1:43">
      <c r="A43269" t="s">
        <v>26453</v>
      </c>
      <c r="B43269" t="s">
        <v>26454</v>
      </c>
      <c r="C43269" t="s">
        <v>23271</v>
      </c>
      <c r="D43269" t="s">
        <v>23272</v>
      </c>
      <c r="E43269" t="s">
        <v>23145</v>
      </c>
      <c r="F43269" t="s">
        <v>23146</v>
      </c>
      <c r="G43269" t="s">
        <v>11612</v>
      </c>
      <c r="H43269" t="s">
        <v>11613</v>
      </c>
      <c r="I43269" s="2">
        <v>0</v>
      </c>
      <c r="J43269" s="2">
        <v>0</v>
      </c>
      <c r="K43269" s="2">
        <v>1</v>
      </c>
      <c r="L43269" t="s">
        <v>995</v>
      </c>
      <c r="M43269" t="s">
        <v>83</v>
      </c>
      <c r="N43269" t="s">
        <v>91</v>
      </c>
      <c r="O43269" t="s">
        <v>85</v>
      </c>
      <c r="P43269" t="s">
        <v>86</v>
      </c>
      <c r="Q43269">
        <v>25</v>
      </c>
      <c r="R43269">
        <v>25</v>
      </c>
      <c r="S43269">
        <v>25</v>
      </c>
      <c r="T43269">
        <v>25</v>
      </c>
      <c r="U43269">
        <v>26</v>
      </c>
      <c r="V43269">
        <v>26</v>
      </c>
      <c r="W43269">
        <v>26</v>
      </c>
      <c r="X43269">
        <v>26</v>
      </c>
      <c r="Y43269">
        <v>27</v>
      </c>
      <c r="Z43269">
        <v>27</v>
      </c>
      <c r="AA43269">
        <v>27</v>
      </c>
      <c r="AB43269">
        <v>27</v>
      </c>
      <c r="AC43269">
        <v>27</v>
      </c>
      <c r="AD43269">
        <v>28</v>
      </c>
      <c r="AE43269">
        <v>28</v>
      </c>
      <c r="AF43269">
        <v>28</v>
      </c>
      <c r="AG43269">
        <v>28</v>
      </c>
      <c r="AH43269">
        <v>28</v>
      </c>
      <c r="AI43269">
        <v>28</v>
      </c>
      <c r="AJ43269">
        <v>29</v>
      </c>
      <c r="AK43269">
        <v>29</v>
      </c>
      <c r="AL43269">
        <v>29</v>
      </c>
      <c r="AM43269">
        <v>29</v>
      </c>
      <c r="AN43269">
        <v>29</v>
      </c>
      <c r="AO43269">
        <v>28</v>
      </c>
      <c r="AP43269">
        <v>28</v>
      </c>
      <c r="AQ43269">
        <v>28</v>
      </c>
    </row>
    <row r="43270" spans="1:43">
      <c r="A43270" t="s">
        <v>26455</v>
      </c>
      <c r="B43270" t="s">
        <v>26456</v>
      </c>
      <c r="C43270" t="s">
        <v>23271</v>
      </c>
      <c r="D43270" t="s">
        <v>23272</v>
      </c>
      <c r="E43270" t="s">
        <v>23145</v>
      </c>
      <c r="F43270" t="s">
        <v>23146</v>
      </c>
      <c r="G43270" t="s">
        <v>11612</v>
      </c>
      <c r="H43270" t="s">
        <v>11613</v>
      </c>
      <c r="I43270" s="2">
        <v>0</v>
      </c>
      <c r="J43270" s="2">
        <v>0</v>
      </c>
      <c r="K43270" s="2">
        <v>1</v>
      </c>
      <c r="L43270" t="s">
        <v>995</v>
      </c>
      <c r="M43270" t="s">
        <v>83</v>
      </c>
      <c r="N43270" t="s">
        <v>84</v>
      </c>
      <c r="O43270" t="s">
        <v>85</v>
      </c>
      <c r="P43270" t="s">
        <v>86</v>
      </c>
      <c r="Q43270">
        <v>24</v>
      </c>
      <c r="R43270">
        <v>25</v>
      </c>
      <c r="S43270">
        <v>25</v>
      </c>
      <c r="T43270">
        <v>25</v>
      </c>
      <c r="U43270">
        <v>26</v>
      </c>
      <c r="V43270">
        <v>26</v>
      </c>
      <c r="W43270">
        <v>26</v>
      </c>
      <c r="X43270">
        <v>26</v>
      </c>
      <c r="Y43270">
        <v>26</v>
      </c>
      <c r="Z43270">
        <v>27</v>
      </c>
      <c r="AA43270">
        <v>27</v>
      </c>
      <c r="AB43270">
        <v>27</v>
      </c>
      <c r="AC43270">
        <v>27</v>
      </c>
      <c r="AD43270">
        <v>28</v>
      </c>
      <c r="AE43270">
        <v>28</v>
      </c>
      <c r="AF43270">
        <v>28</v>
      </c>
      <c r="AG43270">
        <v>28</v>
      </c>
      <c r="AH43270">
        <v>28</v>
      </c>
      <c r="AI43270">
        <v>29</v>
      </c>
      <c r="AJ43270">
        <v>29</v>
      </c>
      <c r="AK43270">
        <v>29</v>
      </c>
      <c r="AL43270">
        <v>29</v>
      </c>
      <c r="AM43270">
        <v>29</v>
      </c>
      <c r="AN43270">
        <v>29</v>
      </c>
      <c r="AO43270">
        <v>29</v>
      </c>
      <c r="AP43270">
        <v>29</v>
      </c>
      <c r="AQ43270">
        <v>29</v>
      </c>
    </row>
    <row r="43271" spans="1:43">
      <c r="A43271" t="s">
        <v>26455</v>
      </c>
      <c r="B43271" t="s">
        <v>26456</v>
      </c>
      <c r="C43271" t="s">
        <v>23271</v>
      </c>
      <c r="D43271" t="s">
        <v>23272</v>
      </c>
      <c r="E43271" t="s">
        <v>23145</v>
      </c>
      <c r="F43271" t="s">
        <v>23146</v>
      </c>
      <c r="G43271" t="s">
        <v>11612</v>
      </c>
      <c r="H43271" t="s">
        <v>11613</v>
      </c>
      <c r="I43271" s="2">
        <v>0</v>
      </c>
      <c r="J43271" s="2">
        <v>0</v>
      </c>
      <c r="K43271" s="2">
        <v>1</v>
      </c>
      <c r="L43271" t="s">
        <v>995</v>
      </c>
      <c r="M43271" t="s">
        <v>87</v>
      </c>
      <c r="N43271" t="s">
        <v>88</v>
      </c>
      <c r="O43271" t="s">
        <v>85</v>
      </c>
      <c r="P43271" t="s">
        <v>86</v>
      </c>
      <c r="Q43271">
        <v>24</v>
      </c>
      <c r="R43271">
        <v>24</v>
      </c>
      <c r="S43271">
        <v>24</v>
      </c>
      <c r="T43271">
        <v>24</v>
      </c>
      <c r="U43271">
        <v>24</v>
      </c>
      <c r="V43271">
        <v>24</v>
      </c>
      <c r="W43271">
        <v>24</v>
      </c>
      <c r="X43271">
        <v>24</v>
      </c>
      <c r="Y43271">
        <v>24</v>
      </c>
      <c r="Z43271">
        <v>25</v>
      </c>
      <c r="AA43271">
        <v>25</v>
      </c>
      <c r="AB43271">
        <v>25</v>
      </c>
      <c r="AC43271">
        <v>25</v>
      </c>
      <c r="AD43271">
        <v>25</v>
      </c>
      <c r="AE43271">
        <v>25</v>
      </c>
      <c r="AF43271">
        <v>25</v>
      </c>
      <c r="AG43271">
        <v>25</v>
      </c>
      <c r="AH43271">
        <v>25</v>
      </c>
      <c r="AI43271">
        <v>25</v>
      </c>
      <c r="AJ43271">
        <v>25</v>
      </c>
      <c r="AK43271">
        <v>25</v>
      </c>
      <c r="AL43271">
        <v>25</v>
      </c>
      <c r="AM43271">
        <v>25</v>
      </c>
      <c r="AN43271">
        <v>25</v>
      </c>
      <c r="AO43271">
        <v>25</v>
      </c>
      <c r="AP43271">
        <v>25</v>
      </c>
      <c r="AQ43271">
        <v>25</v>
      </c>
    </row>
    <row r="43272" spans="1:43">
      <c r="A43272" t="s">
        <v>26455</v>
      </c>
      <c r="B43272" t="s">
        <v>26456</v>
      </c>
      <c r="C43272" t="s">
        <v>23271</v>
      </c>
      <c r="D43272" t="s">
        <v>23272</v>
      </c>
      <c r="E43272" t="s">
        <v>23145</v>
      </c>
      <c r="F43272" t="s">
        <v>23146</v>
      </c>
      <c r="G43272" t="s">
        <v>11612</v>
      </c>
      <c r="H43272" t="s">
        <v>11613</v>
      </c>
      <c r="I43272" s="2">
        <v>0</v>
      </c>
      <c r="J43272" s="2">
        <v>0</v>
      </c>
      <c r="K43272" s="2">
        <v>1</v>
      </c>
      <c r="L43272" t="s">
        <v>995</v>
      </c>
      <c r="M43272" t="s">
        <v>89</v>
      </c>
      <c r="N43272" t="s">
        <v>90</v>
      </c>
      <c r="O43272" t="s">
        <v>85</v>
      </c>
      <c r="P43272" t="s">
        <v>86</v>
      </c>
      <c r="Q43272">
        <v>24</v>
      </c>
      <c r="R43272">
        <v>24</v>
      </c>
      <c r="S43272">
        <v>25</v>
      </c>
      <c r="T43272">
        <v>25</v>
      </c>
      <c r="U43272">
        <v>26</v>
      </c>
      <c r="V43272">
        <v>26</v>
      </c>
      <c r="W43272">
        <v>26</v>
      </c>
      <c r="X43272">
        <v>27</v>
      </c>
      <c r="Y43272">
        <v>27</v>
      </c>
      <c r="Z43272">
        <v>27</v>
      </c>
      <c r="AA43272">
        <v>28</v>
      </c>
      <c r="AB43272">
        <v>28</v>
      </c>
      <c r="AC43272">
        <v>28</v>
      </c>
      <c r="AD43272">
        <v>29</v>
      </c>
      <c r="AE43272">
        <v>29</v>
      </c>
      <c r="AF43272">
        <v>29</v>
      </c>
      <c r="AG43272">
        <v>29</v>
      </c>
      <c r="AH43272">
        <v>29</v>
      </c>
      <c r="AI43272">
        <v>29</v>
      </c>
      <c r="AJ43272">
        <v>29</v>
      </c>
      <c r="AK43272">
        <v>28</v>
      </c>
      <c r="AL43272">
        <v>28</v>
      </c>
      <c r="AM43272">
        <v>28</v>
      </c>
      <c r="AN43272">
        <v>28</v>
      </c>
      <c r="AO43272">
        <v>28</v>
      </c>
      <c r="AP43272">
        <v>28</v>
      </c>
      <c r="AQ43272">
        <v>28</v>
      </c>
    </row>
    <row r="43273" spans="1:43">
      <c r="A43273" t="s">
        <v>26455</v>
      </c>
      <c r="B43273" t="s">
        <v>26456</v>
      </c>
      <c r="C43273" t="s">
        <v>23271</v>
      </c>
      <c r="D43273" t="s">
        <v>23272</v>
      </c>
      <c r="E43273" t="s">
        <v>23145</v>
      </c>
      <c r="F43273" t="s">
        <v>23146</v>
      </c>
      <c r="G43273" t="s">
        <v>11612</v>
      </c>
      <c r="H43273" t="s">
        <v>11613</v>
      </c>
      <c r="I43273" s="2">
        <v>0</v>
      </c>
      <c r="J43273" s="2">
        <v>0</v>
      </c>
      <c r="K43273" s="2">
        <v>1</v>
      </c>
      <c r="L43273" t="s">
        <v>995</v>
      </c>
      <c r="M43273" t="s">
        <v>83</v>
      </c>
      <c r="N43273" t="s">
        <v>91</v>
      </c>
      <c r="O43273" t="s">
        <v>85</v>
      </c>
      <c r="P43273" t="s">
        <v>86</v>
      </c>
      <c r="Q43273">
        <v>24</v>
      </c>
      <c r="R43273">
        <v>25</v>
      </c>
      <c r="S43273">
        <v>25</v>
      </c>
      <c r="T43273">
        <v>25</v>
      </c>
      <c r="U43273">
        <v>26</v>
      </c>
      <c r="V43273">
        <v>26</v>
      </c>
      <c r="W43273">
        <v>26</v>
      </c>
      <c r="X43273">
        <v>26</v>
      </c>
      <c r="Y43273">
        <v>26</v>
      </c>
      <c r="Z43273">
        <v>27</v>
      </c>
      <c r="AA43273">
        <v>27</v>
      </c>
      <c r="AB43273">
        <v>27</v>
      </c>
      <c r="AC43273">
        <v>27</v>
      </c>
      <c r="AD43273">
        <v>28</v>
      </c>
      <c r="AE43273">
        <v>28</v>
      </c>
      <c r="AF43273">
        <v>28</v>
      </c>
      <c r="AG43273">
        <v>28</v>
      </c>
      <c r="AH43273">
        <v>28</v>
      </c>
      <c r="AI43273">
        <v>29</v>
      </c>
      <c r="AJ43273">
        <v>29</v>
      </c>
      <c r="AK43273">
        <v>29</v>
      </c>
      <c r="AL43273">
        <v>29</v>
      </c>
      <c r="AM43273">
        <v>29</v>
      </c>
      <c r="AN43273">
        <v>29</v>
      </c>
      <c r="AO43273">
        <v>29</v>
      </c>
      <c r="AP43273">
        <v>29</v>
      </c>
      <c r="AQ43273">
        <v>29</v>
      </c>
    </row>
    <row r="43274" spans="1:43">
      <c r="A43274" t="s">
        <v>26457</v>
      </c>
      <c r="B43274" t="s">
        <v>26458</v>
      </c>
      <c r="C43274" t="s">
        <v>23271</v>
      </c>
      <c r="D43274" t="s">
        <v>23272</v>
      </c>
      <c r="E43274" t="s">
        <v>23145</v>
      </c>
      <c r="F43274" t="s">
        <v>23146</v>
      </c>
      <c r="G43274" t="s">
        <v>11612</v>
      </c>
      <c r="H43274" t="s">
        <v>11613</v>
      </c>
      <c r="I43274" s="2">
        <v>0</v>
      </c>
      <c r="J43274" s="2">
        <v>0</v>
      </c>
      <c r="K43274" s="2">
        <v>1</v>
      </c>
      <c r="L43274" t="s">
        <v>995</v>
      </c>
      <c r="M43274" t="s">
        <v>83</v>
      </c>
      <c r="N43274" t="s">
        <v>84</v>
      </c>
      <c r="O43274" t="s">
        <v>85</v>
      </c>
      <c r="P43274" t="s">
        <v>86</v>
      </c>
      <c r="Q43274">
        <v>44</v>
      </c>
      <c r="R43274">
        <v>45</v>
      </c>
      <c r="S43274">
        <v>45</v>
      </c>
      <c r="T43274">
        <v>46</v>
      </c>
      <c r="U43274">
        <v>46</v>
      </c>
      <c r="V43274">
        <v>47</v>
      </c>
      <c r="W43274">
        <v>47</v>
      </c>
      <c r="X43274">
        <v>48</v>
      </c>
      <c r="Y43274">
        <v>48</v>
      </c>
      <c r="Z43274">
        <v>49</v>
      </c>
      <c r="AA43274">
        <v>49</v>
      </c>
      <c r="AB43274">
        <v>49</v>
      </c>
      <c r="AC43274">
        <v>50</v>
      </c>
      <c r="AD43274">
        <v>50</v>
      </c>
      <c r="AE43274">
        <v>51</v>
      </c>
      <c r="AF43274">
        <v>51</v>
      </c>
      <c r="AG43274">
        <v>51</v>
      </c>
      <c r="AH43274">
        <v>52</v>
      </c>
      <c r="AI43274">
        <v>52</v>
      </c>
      <c r="AJ43274">
        <v>52</v>
      </c>
      <c r="AK43274">
        <v>53</v>
      </c>
      <c r="AL43274">
        <v>53</v>
      </c>
      <c r="AM43274">
        <v>53</v>
      </c>
      <c r="AN43274">
        <v>53</v>
      </c>
      <c r="AO43274">
        <v>52</v>
      </c>
      <c r="AP43274">
        <v>52</v>
      </c>
      <c r="AQ43274">
        <v>52</v>
      </c>
    </row>
    <row r="43275" spans="1:43">
      <c r="A43275" t="s">
        <v>26457</v>
      </c>
      <c r="B43275" t="s">
        <v>26458</v>
      </c>
      <c r="C43275" t="s">
        <v>23271</v>
      </c>
      <c r="D43275" t="s">
        <v>23272</v>
      </c>
      <c r="E43275" t="s">
        <v>23145</v>
      </c>
      <c r="F43275" t="s">
        <v>23146</v>
      </c>
      <c r="G43275" t="s">
        <v>11612</v>
      </c>
      <c r="H43275" t="s">
        <v>11613</v>
      </c>
      <c r="I43275" s="2">
        <v>0</v>
      </c>
      <c r="J43275" s="2">
        <v>0</v>
      </c>
      <c r="K43275" s="2">
        <v>1</v>
      </c>
      <c r="L43275" t="s">
        <v>995</v>
      </c>
      <c r="M43275" t="s">
        <v>87</v>
      </c>
      <c r="N43275" t="s">
        <v>88</v>
      </c>
      <c r="O43275" t="s">
        <v>85</v>
      </c>
      <c r="P43275" t="s">
        <v>86</v>
      </c>
      <c r="Q43275">
        <v>44</v>
      </c>
      <c r="R43275">
        <v>44</v>
      </c>
      <c r="S43275">
        <v>44</v>
      </c>
      <c r="T43275">
        <v>44</v>
      </c>
      <c r="U43275">
        <v>44</v>
      </c>
      <c r="V43275">
        <v>44</v>
      </c>
      <c r="W43275">
        <v>44</v>
      </c>
      <c r="X43275">
        <v>44</v>
      </c>
      <c r="Y43275">
        <v>44</v>
      </c>
      <c r="Z43275">
        <v>45</v>
      </c>
      <c r="AA43275">
        <v>45</v>
      </c>
      <c r="AB43275">
        <v>45</v>
      </c>
      <c r="AC43275">
        <v>45</v>
      </c>
      <c r="AD43275">
        <v>45</v>
      </c>
      <c r="AE43275">
        <v>45</v>
      </c>
      <c r="AF43275">
        <v>45</v>
      </c>
      <c r="AG43275">
        <v>45</v>
      </c>
      <c r="AH43275">
        <v>45</v>
      </c>
      <c r="AI43275">
        <v>45</v>
      </c>
      <c r="AJ43275">
        <v>45</v>
      </c>
      <c r="AK43275">
        <v>45</v>
      </c>
      <c r="AL43275">
        <v>45</v>
      </c>
      <c r="AM43275">
        <v>45</v>
      </c>
      <c r="AN43275">
        <v>45</v>
      </c>
      <c r="AO43275">
        <v>45</v>
      </c>
      <c r="AP43275">
        <v>45</v>
      </c>
      <c r="AQ43275">
        <v>45</v>
      </c>
    </row>
    <row r="43276" spans="1:43">
      <c r="A43276" t="s">
        <v>26457</v>
      </c>
      <c r="B43276" t="s">
        <v>26458</v>
      </c>
      <c r="C43276" t="s">
        <v>23271</v>
      </c>
      <c r="D43276" t="s">
        <v>23272</v>
      </c>
      <c r="E43276" t="s">
        <v>23145</v>
      </c>
      <c r="F43276" t="s">
        <v>23146</v>
      </c>
      <c r="G43276" t="s">
        <v>11612</v>
      </c>
      <c r="H43276" t="s">
        <v>11613</v>
      </c>
      <c r="I43276" s="2">
        <v>0</v>
      </c>
      <c r="J43276" s="2">
        <v>0</v>
      </c>
      <c r="K43276" s="2">
        <v>1</v>
      </c>
      <c r="L43276" t="s">
        <v>995</v>
      </c>
      <c r="M43276" t="s">
        <v>89</v>
      </c>
      <c r="N43276" t="s">
        <v>90</v>
      </c>
      <c r="O43276" t="s">
        <v>85</v>
      </c>
      <c r="P43276" t="s">
        <v>86</v>
      </c>
      <c r="Q43276">
        <v>44</v>
      </c>
      <c r="R43276">
        <v>45</v>
      </c>
      <c r="S43276">
        <v>46</v>
      </c>
      <c r="T43276">
        <v>46</v>
      </c>
      <c r="U43276">
        <v>47</v>
      </c>
      <c r="V43276">
        <v>48</v>
      </c>
      <c r="W43276">
        <v>49</v>
      </c>
      <c r="X43276">
        <v>49</v>
      </c>
      <c r="Y43276">
        <v>50</v>
      </c>
      <c r="Z43276">
        <v>51</v>
      </c>
      <c r="AA43276">
        <v>51</v>
      </c>
      <c r="AB43276">
        <v>52</v>
      </c>
      <c r="AC43276">
        <v>52</v>
      </c>
      <c r="AD43276">
        <v>53</v>
      </c>
      <c r="AE43276">
        <v>53</v>
      </c>
      <c r="AF43276">
        <v>53</v>
      </c>
      <c r="AG43276">
        <v>53</v>
      </c>
      <c r="AH43276">
        <v>53</v>
      </c>
      <c r="AI43276">
        <v>53</v>
      </c>
      <c r="AJ43276">
        <v>53</v>
      </c>
      <c r="AK43276">
        <v>53</v>
      </c>
      <c r="AL43276">
        <v>52</v>
      </c>
      <c r="AM43276">
        <v>52</v>
      </c>
      <c r="AN43276">
        <v>52</v>
      </c>
      <c r="AO43276">
        <v>52</v>
      </c>
      <c r="AP43276">
        <v>52</v>
      </c>
      <c r="AQ43276">
        <v>52</v>
      </c>
    </row>
    <row r="43277" spans="1:43">
      <c r="A43277" t="s">
        <v>26457</v>
      </c>
      <c r="B43277" t="s">
        <v>26458</v>
      </c>
      <c r="C43277" t="s">
        <v>23271</v>
      </c>
      <c r="D43277" t="s">
        <v>23272</v>
      </c>
      <c r="E43277" t="s">
        <v>23145</v>
      </c>
      <c r="F43277" t="s">
        <v>23146</v>
      </c>
      <c r="G43277" t="s">
        <v>11612</v>
      </c>
      <c r="H43277" t="s">
        <v>11613</v>
      </c>
      <c r="I43277" s="2">
        <v>0</v>
      </c>
      <c r="J43277" s="2">
        <v>0</v>
      </c>
      <c r="K43277" s="2">
        <v>1</v>
      </c>
      <c r="L43277" t="s">
        <v>995</v>
      </c>
      <c r="M43277" t="s">
        <v>83</v>
      </c>
      <c r="N43277" t="s">
        <v>91</v>
      </c>
      <c r="O43277" t="s">
        <v>85</v>
      </c>
      <c r="P43277" t="s">
        <v>86</v>
      </c>
      <c r="Q43277">
        <v>44</v>
      </c>
      <c r="R43277">
        <v>45</v>
      </c>
      <c r="S43277">
        <v>45</v>
      </c>
      <c r="T43277">
        <v>46</v>
      </c>
      <c r="U43277">
        <v>46</v>
      </c>
      <c r="V43277">
        <v>47</v>
      </c>
      <c r="W43277">
        <v>47</v>
      </c>
      <c r="X43277">
        <v>48</v>
      </c>
      <c r="Y43277">
        <v>48</v>
      </c>
      <c r="Z43277">
        <v>49</v>
      </c>
      <c r="AA43277">
        <v>49</v>
      </c>
      <c r="AB43277">
        <v>49</v>
      </c>
      <c r="AC43277">
        <v>50</v>
      </c>
      <c r="AD43277">
        <v>50</v>
      </c>
      <c r="AE43277">
        <v>51</v>
      </c>
      <c r="AF43277">
        <v>51</v>
      </c>
      <c r="AG43277">
        <v>51</v>
      </c>
      <c r="AH43277">
        <v>52</v>
      </c>
      <c r="AI43277">
        <v>52</v>
      </c>
      <c r="AJ43277">
        <v>52</v>
      </c>
      <c r="AK43277">
        <v>53</v>
      </c>
      <c r="AL43277">
        <v>53</v>
      </c>
      <c r="AM43277">
        <v>53</v>
      </c>
      <c r="AN43277">
        <v>53</v>
      </c>
      <c r="AO43277">
        <v>52</v>
      </c>
      <c r="AP43277">
        <v>52</v>
      </c>
      <c r="AQ43277">
        <v>52</v>
      </c>
    </row>
    <row r="43278" spans="1:43">
      <c r="A43278" t="s">
        <v>26459</v>
      </c>
      <c r="B43278" t="s">
        <v>26460</v>
      </c>
      <c r="C43278" t="s">
        <v>23203</v>
      </c>
      <c r="D43278" t="s">
        <v>23204</v>
      </c>
      <c r="E43278" t="s">
        <v>23145</v>
      </c>
      <c r="F43278" t="s">
        <v>23146</v>
      </c>
      <c r="G43278" t="s">
        <v>11612</v>
      </c>
      <c r="H43278" t="s">
        <v>11613</v>
      </c>
      <c r="I43278" s="2">
        <v>0</v>
      </c>
      <c r="J43278" s="2">
        <v>0</v>
      </c>
      <c r="K43278" s="2">
        <v>1</v>
      </c>
      <c r="L43278" t="s">
        <v>995</v>
      </c>
      <c r="M43278" t="s">
        <v>83</v>
      </c>
      <c r="N43278" t="s">
        <v>84</v>
      </c>
      <c r="O43278" t="s">
        <v>85</v>
      </c>
      <c r="P43278" t="s">
        <v>86</v>
      </c>
      <c r="Q43278">
        <v>0</v>
      </c>
      <c r="R43278">
        <v>0</v>
      </c>
      <c r="S43278">
        <v>0</v>
      </c>
      <c r="T43278">
        <v>0</v>
      </c>
      <c r="U43278">
        <v>0</v>
      </c>
      <c r="V43278">
        <v>0</v>
      </c>
      <c r="W43278">
        <v>0</v>
      </c>
      <c r="X43278">
        <v>0</v>
      </c>
      <c r="Y43278">
        <v>0</v>
      </c>
      <c r="Z43278">
        <v>0</v>
      </c>
      <c r="AA43278">
        <v>0</v>
      </c>
      <c r="AB43278">
        <v>0</v>
      </c>
      <c r="AC43278">
        <v>0</v>
      </c>
      <c r="AD43278">
        <v>0</v>
      </c>
      <c r="AE43278">
        <v>0</v>
      </c>
      <c r="AF43278">
        <v>0</v>
      </c>
      <c r="AG43278">
        <v>0</v>
      </c>
      <c r="AH43278">
        <v>0</v>
      </c>
      <c r="AI43278">
        <v>0</v>
      </c>
      <c r="AJ43278">
        <v>0</v>
      </c>
      <c r="AK43278">
        <v>0</v>
      </c>
      <c r="AL43278">
        <v>0</v>
      </c>
      <c r="AM43278">
        <v>0</v>
      </c>
      <c r="AN43278">
        <v>0</v>
      </c>
      <c r="AO43278">
        <v>0</v>
      </c>
      <c r="AP43278">
        <v>0</v>
      </c>
      <c r="AQ43278">
        <v>0</v>
      </c>
    </row>
    <row r="43279" spans="1:43">
      <c r="A43279" t="s">
        <v>26459</v>
      </c>
      <c r="B43279" t="s">
        <v>26460</v>
      </c>
      <c r="C43279" t="s">
        <v>23203</v>
      </c>
      <c r="D43279" t="s">
        <v>23204</v>
      </c>
      <c r="E43279" t="s">
        <v>23145</v>
      </c>
      <c r="F43279" t="s">
        <v>23146</v>
      </c>
      <c r="G43279" t="s">
        <v>11612</v>
      </c>
      <c r="H43279" t="s">
        <v>11613</v>
      </c>
      <c r="I43279" s="2">
        <v>0</v>
      </c>
      <c r="J43279" s="2">
        <v>0</v>
      </c>
      <c r="K43279" s="2">
        <v>1</v>
      </c>
      <c r="L43279" t="s">
        <v>995</v>
      </c>
      <c r="M43279" t="s">
        <v>87</v>
      </c>
      <c r="N43279" t="s">
        <v>88</v>
      </c>
      <c r="O43279" t="s">
        <v>85</v>
      </c>
      <c r="P43279" t="s">
        <v>86</v>
      </c>
      <c r="Q43279">
        <v>0</v>
      </c>
      <c r="R43279">
        <v>0</v>
      </c>
      <c r="S43279">
        <v>0</v>
      </c>
      <c r="T43279">
        <v>0</v>
      </c>
      <c r="U43279">
        <v>0</v>
      </c>
      <c r="V43279">
        <v>0</v>
      </c>
      <c r="W43279">
        <v>0</v>
      </c>
      <c r="X43279">
        <v>0</v>
      </c>
      <c r="Y43279">
        <v>0</v>
      </c>
      <c r="Z43279">
        <v>0</v>
      </c>
      <c r="AA43279">
        <v>0</v>
      </c>
      <c r="AB43279">
        <v>0</v>
      </c>
      <c r="AC43279">
        <v>0</v>
      </c>
      <c r="AD43279">
        <v>0</v>
      </c>
      <c r="AE43279">
        <v>0</v>
      </c>
      <c r="AF43279">
        <v>0</v>
      </c>
      <c r="AG43279">
        <v>0</v>
      </c>
      <c r="AH43279">
        <v>0</v>
      </c>
      <c r="AI43279">
        <v>0</v>
      </c>
      <c r="AJ43279">
        <v>0</v>
      </c>
      <c r="AK43279">
        <v>0</v>
      </c>
      <c r="AL43279">
        <v>0</v>
      </c>
      <c r="AM43279">
        <v>0</v>
      </c>
      <c r="AN43279">
        <v>0</v>
      </c>
      <c r="AO43279">
        <v>0</v>
      </c>
      <c r="AP43279">
        <v>0</v>
      </c>
      <c r="AQ43279">
        <v>0</v>
      </c>
    </row>
    <row r="43280" spans="1:43">
      <c r="A43280" t="s">
        <v>26459</v>
      </c>
      <c r="B43280" t="s">
        <v>26460</v>
      </c>
      <c r="C43280" t="s">
        <v>23203</v>
      </c>
      <c r="D43280" t="s">
        <v>23204</v>
      </c>
      <c r="E43280" t="s">
        <v>23145</v>
      </c>
      <c r="F43280" t="s">
        <v>23146</v>
      </c>
      <c r="G43280" t="s">
        <v>11612</v>
      </c>
      <c r="H43280" t="s">
        <v>11613</v>
      </c>
      <c r="I43280" s="2">
        <v>0</v>
      </c>
      <c r="J43280" s="2">
        <v>0</v>
      </c>
      <c r="K43280" s="2">
        <v>1</v>
      </c>
      <c r="L43280" t="s">
        <v>995</v>
      </c>
      <c r="M43280" t="s">
        <v>89</v>
      </c>
      <c r="N43280" t="s">
        <v>90</v>
      </c>
      <c r="O43280" t="s">
        <v>85</v>
      </c>
      <c r="P43280" t="s">
        <v>86</v>
      </c>
      <c r="Q43280">
        <v>0</v>
      </c>
      <c r="R43280">
        <v>0</v>
      </c>
      <c r="S43280">
        <v>0</v>
      </c>
      <c r="T43280">
        <v>0</v>
      </c>
      <c r="U43280">
        <v>0</v>
      </c>
      <c r="V43280">
        <v>0</v>
      </c>
      <c r="W43280">
        <v>0</v>
      </c>
      <c r="X43280">
        <v>0</v>
      </c>
      <c r="Y43280">
        <v>0</v>
      </c>
      <c r="Z43280">
        <v>0</v>
      </c>
      <c r="AA43280">
        <v>0</v>
      </c>
      <c r="AB43280">
        <v>0</v>
      </c>
      <c r="AC43280">
        <v>0</v>
      </c>
      <c r="AD43280">
        <v>0</v>
      </c>
      <c r="AE43280">
        <v>0</v>
      </c>
      <c r="AF43280">
        <v>0</v>
      </c>
      <c r="AG43280">
        <v>0</v>
      </c>
      <c r="AH43280">
        <v>0</v>
      </c>
      <c r="AI43280">
        <v>0</v>
      </c>
      <c r="AJ43280">
        <v>0</v>
      </c>
      <c r="AK43280">
        <v>0</v>
      </c>
      <c r="AL43280">
        <v>0</v>
      </c>
      <c r="AM43280">
        <v>0</v>
      </c>
      <c r="AN43280">
        <v>0</v>
      </c>
      <c r="AO43280">
        <v>0</v>
      </c>
      <c r="AP43280">
        <v>0</v>
      </c>
      <c r="AQ43280">
        <v>0</v>
      </c>
    </row>
    <row r="43281" spans="1:43">
      <c r="A43281" t="s">
        <v>26459</v>
      </c>
      <c r="B43281" t="s">
        <v>26460</v>
      </c>
      <c r="C43281" t="s">
        <v>23203</v>
      </c>
      <c r="D43281" t="s">
        <v>23204</v>
      </c>
      <c r="E43281" t="s">
        <v>23145</v>
      </c>
      <c r="F43281" t="s">
        <v>23146</v>
      </c>
      <c r="G43281" t="s">
        <v>11612</v>
      </c>
      <c r="H43281" t="s">
        <v>11613</v>
      </c>
      <c r="I43281" s="2">
        <v>0</v>
      </c>
      <c r="J43281" s="2">
        <v>0</v>
      </c>
      <c r="K43281" s="2">
        <v>1</v>
      </c>
      <c r="L43281" t="s">
        <v>995</v>
      </c>
      <c r="M43281" t="s">
        <v>83</v>
      </c>
      <c r="N43281" t="s">
        <v>91</v>
      </c>
      <c r="O43281" t="s">
        <v>85</v>
      </c>
      <c r="P43281" t="s">
        <v>86</v>
      </c>
      <c r="Q43281">
        <v>0</v>
      </c>
      <c r="R43281">
        <v>0</v>
      </c>
      <c r="S43281">
        <v>0</v>
      </c>
      <c r="T43281">
        <v>0</v>
      </c>
      <c r="U43281">
        <v>0</v>
      </c>
      <c r="V43281">
        <v>0</v>
      </c>
      <c r="W43281">
        <v>0</v>
      </c>
      <c r="X43281">
        <v>0</v>
      </c>
      <c r="Y43281">
        <v>0</v>
      </c>
      <c r="Z43281">
        <v>0</v>
      </c>
      <c r="AA43281">
        <v>0</v>
      </c>
      <c r="AB43281">
        <v>0</v>
      </c>
      <c r="AC43281">
        <v>0</v>
      </c>
      <c r="AD43281">
        <v>0</v>
      </c>
      <c r="AE43281">
        <v>0</v>
      </c>
      <c r="AF43281">
        <v>0</v>
      </c>
      <c r="AG43281">
        <v>0</v>
      </c>
      <c r="AH43281">
        <v>0</v>
      </c>
      <c r="AI43281">
        <v>0</v>
      </c>
      <c r="AJ43281">
        <v>0</v>
      </c>
      <c r="AK43281">
        <v>0</v>
      </c>
      <c r="AL43281">
        <v>0</v>
      </c>
      <c r="AM43281">
        <v>0</v>
      </c>
      <c r="AN43281">
        <v>0</v>
      </c>
      <c r="AO43281">
        <v>0</v>
      </c>
      <c r="AP43281">
        <v>0</v>
      </c>
      <c r="AQ43281">
        <v>0</v>
      </c>
    </row>
    <row r="43282" spans="1:43">
      <c r="A43282" t="s">
        <v>26461</v>
      </c>
      <c r="B43282" t="s">
        <v>26462</v>
      </c>
      <c r="C43282" t="s">
        <v>23203</v>
      </c>
      <c r="D43282" t="s">
        <v>23204</v>
      </c>
      <c r="E43282" t="s">
        <v>23145</v>
      </c>
      <c r="F43282" t="s">
        <v>23146</v>
      </c>
      <c r="G43282" t="s">
        <v>11612</v>
      </c>
      <c r="H43282" t="s">
        <v>11613</v>
      </c>
      <c r="I43282" s="2">
        <v>0</v>
      </c>
      <c r="J43282" s="2">
        <v>0</v>
      </c>
      <c r="K43282" s="2">
        <v>1</v>
      </c>
      <c r="L43282" t="s">
        <v>995</v>
      </c>
      <c r="M43282" t="s">
        <v>83</v>
      </c>
      <c r="N43282" t="s">
        <v>84</v>
      </c>
      <c r="O43282" t="s">
        <v>85</v>
      </c>
      <c r="P43282" t="s">
        <v>86</v>
      </c>
      <c r="Q43282">
        <v>14</v>
      </c>
      <c r="R43282">
        <v>15</v>
      </c>
      <c r="S43282">
        <v>15</v>
      </c>
      <c r="T43282">
        <v>15</v>
      </c>
      <c r="U43282">
        <v>15</v>
      </c>
      <c r="V43282">
        <v>15</v>
      </c>
      <c r="W43282">
        <v>15</v>
      </c>
      <c r="X43282">
        <v>15</v>
      </c>
      <c r="Y43282">
        <v>15</v>
      </c>
      <c r="Z43282">
        <v>16</v>
      </c>
      <c r="AA43282">
        <v>16</v>
      </c>
      <c r="AB43282">
        <v>16</v>
      </c>
      <c r="AC43282">
        <v>16</v>
      </c>
      <c r="AD43282">
        <v>16</v>
      </c>
      <c r="AE43282">
        <v>16</v>
      </c>
      <c r="AF43282">
        <v>16</v>
      </c>
      <c r="AG43282">
        <v>16</v>
      </c>
      <c r="AH43282">
        <v>16</v>
      </c>
      <c r="AI43282">
        <v>17</v>
      </c>
      <c r="AJ43282">
        <v>17</v>
      </c>
      <c r="AK43282">
        <v>17</v>
      </c>
      <c r="AL43282">
        <v>17</v>
      </c>
      <c r="AM43282">
        <v>17</v>
      </c>
      <c r="AN43282">
        <v>17</v>
      </c>
      <c r="AO43282">
        <v>17</v>
      </c>
      <c r="AP43282">
        <v>16</v>
      </c>
      <c r="AQ43282">
        <v>16</v>
      </c>
    </row>
    <row r="43283" spans="1:43">
      <c r="A43283" t="s">
        <v>26461</v>
      </c>
      <c r="B43283" t="s">
        <v>26462</v>
      </c>
      <c r="C43283" t="s">
        <v>23203</v>
      </c>
      <c r="D43283" t="s">
        <v>23204</v>
      </c>
      <c r="E43283" t="s">
        <v>23145</v>
      </c>
      <c r="F43283" t="s">
        <v>23146</v>
      </c>
      <c r="G43283" t="s">
        <v>11612</v>
      </c>
      <c r="H43283" t="s">
        <v>11613</v>
      </c>
      <c r="I43283" s="2">
        <v>0</v>
      </c>
      <c r="J43283" s="2">
        <v>0</v>
      </c>
      <c r="K43283" s="2">
        <v>1</v>
      </c>
      <c r="L43283" t="s">
        <v>995</v>
      </c>
      <c r="M43283" t="s">
        <v>87</v>
      </c>
      <c r="N43283" t="s">
        <v>88</v>
      </c>
      <c r="O43283" t="s">
        <v>85</v>
      </c>
      <c r="P43283" t="s">
        <v>86</v>
      </c>
      <c r="Q43283">
        <v>14</v>
      </c>
      <c r="R43283">
        <v>14</v>
      </c>
      <c r="S43283">
        <v>14</v>
      </c>
      <c r="T43283">
        <v>14</v>
      </c>
      <c r="U43283">
        <v>14</v>
      </c>
      <c r="V43283">
        <v>14</v>
      </c>
      <c r="W43283">
        <v>14</v>
      </c>
      <c r="X43283">
        <v>14</v>
      </c>
      <c r="Y43283">
        <v>14</v>
      </c>
      <c r="Z43283">
        <v>14</v>
      </c>
      <c r="AA43283">
        <v>14</v>
      </c>
      <c r="AB43283">
        <v>14</v>
      </c>
      <c r="AC43283">
        <v>14</v>
      </c>
      <c r="AD43283">
        <v>14</v>
      </c>
      <c r="AE43283">
        <v>14</v>
      </c>
      <c r="AF43283">
        <v>14</v>
      </c>
      <c r="AG43283">
        <v>14</v>
      </c>
      <c r="AH43283">
        <v>14</v>
      </c>
      <c r="AI43283">
        <v>14</v>
      </c>
      <c r="AJ43283">
        <v>14</v>
      </c>
      <c r="AK43283">
        <v>14</v>
      </c>
      <c r="AL43283">
        <v>14</v>
      </c>
      <c r="AM43283">
        <v>14</v>
      </c>
      <c r="AN43283">
        <v>14</v>
      </c>
      <c r="AO43283">
        <v>14</v>
      </c>
      <c r="AP43283">
        <v>14</v>
      </c>
      <c r="AQ43283">
        <v>14</v>
      </c>
    </row>
    <row r="43284" spans="1:43">
      <c r="A43284" t="s">
        <v>26461</v>
      </c>
      <c r="B43284" t="s">
        <v>26462</v>
      </c>
      <c r="C43284" t="s">
        <v>23203</v>
      </c>
      <c r="D43284" t="s">
        <v>23204</v>
      </c>
      <c r="E43284" t="s">
        <v>23145</v>
      </c>
      <c r="F43284" t="s">
        <v>23146</v>
      </c>
      <c r="G43284" t="s">
        <v>11612</v>
      </c>
      <c r="H43284" t="s">
        <v>11613</v>
      </c>
      <c r="I43284" s="2">
        <v>0</v>
      </c>
      <c r="J43284" s="2">
        <v>0</v>
      </c>
      <c r="K43284" s="2">
        <v>1</v>
      </c>
      <c r="L43284" t="s">
        <v>995</v>
      </c>
      <c r="M43284" t="s">
        <v>89</v>
      </c>
      <c r="N43284" t="s">
        <v>90</v>
      </c>
      <c r="O43284" t="s">
        <v>85</v>
      </c>
      <c r="P43284" t="s">
        <v>86</v>
      </c>
      <c r="Q43284">
        <v>14</v>
      </c>
      <c r="R43284">
        <v>14</v>
      </c>
      <c r="S43284">
        <v>14</v>
      </c>
      <c r="T43284">
        <v>14</v>
      </c>
      <c r="U43284">
        <v>15</v>
      </c>
      <c r="V43284">
        <v>15</v>
      </c>
      <c r="W43284">
        <v>15</v>
      </c>
      <c r="X43284">
        <v>15</v>
      </c>
      <c r="Y43284">
        <v>15</v>
      </c>
      <c r="Z43284">
        <v>16</v>
      </c>
      <c r="AA43284">
        <v>16</v>
      </c>
      <c r="AB43284">
        <v>16</v>
      </c>
      <c r="AC43284">
        <v>16</v>
      </c>
      <c r="AD43284">
        <v>16</v>
      </c>
      <c r="AE43284">
        <v>16</v>
      </c>
      <c r="AF43284">
        <v>16</v>
      </c>
      <c r="AG43284">
        <v>16</v>
      </c>
      <c r="AH43284">
        <v>16</v>
      </c>
      <c r="AI43284">
        <v>16</v>
      </c>
      <c r="AJ43284">
        <v>16</v>
      </c>
      <c r="AK43284">
        <v>16</v>
      </c>
      <c r="AL43284">
        <v>16</v>
      </c>
      <c r="AM43284">
        <v>16</v>
      </c>
      <c r="AN43284">
        <v>16</v>
      </c>
      <c r="AO43284">
        <v>16</v>
      </c>
      <c r="AP43284">
        <v>16</v>
      </c>
      <c r="AQ43284">
        <v>16</v>
      </c>
    </row>
    <row r="43285" spans="1:43">
      <c r="A43285" t="s">
        <v>26461</v>
      </c>
      <c r="B43285" t="s">
        <v>26462</v>
      </c>
      <c r="C43285" t="s">
        <v>23203</v>
      </c>
      <c r="D43285" t="s">
        <v>23204</v>
      </c>
      <c r="E43285" t="s">
        <v>23145</v>
      </c>
      <c r="F43285" t="s">
        <v>23146</v>
      </c>
      <c r="G43285" t="s">
        <v>11612</v>
      </c>
      <c r="H43285" t="s">
        <v>11613</v>
      </c>
      <c r="I43285" s="2">
        <v>0</v>
      </c>
      <c r="J43285" s="2">
        <v>0</v>
      </c>
      <c r="K43285" s="2">
        <v>1</v>
      </c>
      <c r="L43285" t="s">
        <v>995</v>
      </c>
      <c r="M43285" t="s">
        <v>83</v>
      </c>
      <c r="N43285" t="s">
        <v>91</v>
      </c>
      <c r="O43285" t="s">
        <v>85</v>
      </c>
      <c r="P43285" t="s">
        <v>86</v>
      </c>
      <c r="Q43285">
        <v>14</v>
      </c>
      <c r="R43285">
        <v>15</v>
      </c>
      <c r="S43285">
        <v>15</v>
      </c>
      <c r="T43285">
        <v>15</v>
      </c>
      <c r="U43285">
        <v>15</v>
      </c>
      <c r="V43285">
        <v>15</v>
      </c>
      <c r="W43285">
        <v>15</v>
      </c>
      <c r="X43285">
        <v>15</v>
      </c>
      <c r="Y43285">
        <v>15</v>
      </c>
      <c r="Z43285">
        <v>16</v>
      </c>
      <c r="AA43285">
        <v>16</v>
      </c>
      <c r="AB43285">
        <v>16</v>
      </c>
      <c r="AC43285">
        <v>16</v>
      </c>
      <c r="AD43285">
        <v>16</v>
      </c>
      <c r="AE43285">
        <v>16</v>
      </c>
      <c r="AF43285">
        <v>16</v>
      </c>
      <c r="AG43285">
        <v>16</v>
      </c>
      <c r="AH43285">
        <v>16</v>
      </c>
      <c r="AI43285">
        <v>17</v>
      </c>
      <c r="AJ43285">
        <v>17</v>
      </c>
      <c r="AK43285">
        <v>17</v>
      </c>
      <c r="AL43285">
        <v>17</v>
      </c>
      <c r="AM43285">
        <v>17</v>
      </c>
      <c r="AN43285">
        <v>17</v>
      </c>
      <c r="AO43285">
        <v>17</v>
      </c>
      <c r="AP43285">
        <v>16</v>
      </c>
      <c r="AQ43285">
        <v>16</v>
      </c>
    </row>
    <row r="43286" spans="1:43">
      <c r="A43286" t="s">
        <v>26463</v>
      </c>
      <c r="B43286" t="s">
        <v>26464</v>
      </c>
      <c r="C43286" t="s">
        <v>23183</v>
      </c>
      <c r="D43286" t="s">
        <v>23184</v>
      </c>
      <c r="E43286" t="s">
        <v>23145</v>
      </c>
      <c r="F43286" t="s">
        <v>23146</v>
      </c>
      <c r="G43286" t="s">
        <v>11612</v>
      </c>
      <c r="H43286" t="s">
        <v>11613</v>
      </c>
      <c r="I43286" s="2">
        <v>0</v>
      </c>
      <c r="J43286" s="2">
        <v>0</v>
      </c>
      <c r="K43286" s="2">
        <v>1</v>
      </c>
      <c r="L43286" t="s">
        <v>995</v>
      </c>
      <c r="M43286" t="s">
        <v>83</v>
      </c>
      <c r="N43286" t="s">
        <v>84</v>
      </c>
      <c r="O43286" t="s">
        <v>85</v>
      </c>
      <c r="P43286" t="s">
        <v>86</v>
      </c>
      <c r="Q43286">
        <v>45</v>
      </c>
      <c r="R43286">
        <v>46</v>
      </c>
      <c r="S43286">
        <v>46</v>
      </c>
      <c r="T43286">
        <v>47</v>
      </c>
      <c r="U43286">
        <v>47</v>
      </c>
      <c r="V43286">
        <v>48</v>
      </c>
      <c r="W43286">
        <v>48</v>
      </c>
      <c r="X43286">
        <v>49</v>
      </c>
      <c r="Y43286">
        <v>49</v>
      </c>
      <c r="Z43286">
        <v>50</v>
      </c>
      <c r="AA43286">
        <v>50</v>
      </c>
      <c r="AB43286">
        <v>51</v>
      </c>
      <c r="AC43286">
        <v>51</v>
      </c>
      <c r="AD43286">
        <v>51</v>
      </c>
      <c r="AE43286">
        <v>52</v>
      </c>
      <c r="AF43286">
        <v>52</v>
      </c>
      <c r="AG43286">
        <v>53</v>
      </c>
      <c r="AH43286">
        <v>53</v>
      </c>
      <c r="AI43286">
        <v>53</v>
      </c>
      <c r="AJ43286">
        <v>54</v>
      </c>
      <c r="AK43286">
        <v>54</v>
      </c>
      <c r="AL43286">
        <v>54</v>
      </c>
      <c r="AM43286">
        <v>54</v>
      </c>
      <c r="AN43286">
        <v>54</v>
      </c>
      <c r="AO43286">
        <v>54</v>
      </c>
      <c r="AP43286">
        <v>54</v>
      </c>
      <c r="AQ43286">
        <v>54</v>
      </c>
    </row>
    <row r="43287" spans="1:43">
      <c r="A43287" t="s">
        <v>26463</v>
      </c>
      <c r="B43287" t="s">
        <v>26464</v>
      </c>
      <c r="C43287" t="s">
        <v>23183</v>
      </c>
      <c r="D43287" t="s">
        <v>23184</v>
      </c>
      <c r="E43287" t="s">
        <v>23145</v>
      </c>
      <c r="F43287" t="s">
        <v>23146</v>
      </c>
      <c r="G43287" t="s">
        <v>11612</v>
      </c>
      <c r="H43287" t="s">
        <v>11613</v>
      </c>
      <c r="I43287" s="2">
        <v>0</v>
      </c>
      <c r="J43287" s="2">
        <v>0</v>
      </c>
      <c r="K43287" s="2">
        <v>1</v>
      </c>
      <c r="L43287" t="s">
        <v>995</v>
      </c>
      <c r="M43287" t="s">
        <v>87</v>
      </c>
      <c r="N43287" t="s">
        <v>88</v>
      </c>
      <c r="O43287" t="s">
        <v>85</v>
      </c>
      <c r="P43287" t="s">
        <v>86</v>
      </c>
      <c r="Q43287">
        <v>45</v>
      </c>
      <c r="R43287">
        <v>45</v>
      </c>
      <c r="S43287">
        <v>45</v>
      </c>
      <c r="T43287">
        <v>45</v>
      </c>
      <c r="U43287">
        <v>45</v>
      </c>
      <c r="V43287">
        <v>45</v>
      </c>
      <c r="W43287">
        <v>45</v>
      </c>
      <c r="X43287">
        <v>45</v>
      </c>
      <c r="Y43287">
        <v>46</v>
      </c>
      <c r="Z43287">
        <v>46</v>
      </c>
      <c r="AA43287">
        <v>46</v>
      </c>
      <c r="AB43287">
        <v>46</v>
      </c>
      <c r="AC43287">
        <v>46</v>
      </c>
      <c r="AD43287">
        <v>46</v>
      </c>
      <c r="AE43287">
        <v>46</v>
      </c>
      <c r="AF43287">
        <v>46</v>
      </c>
      <c r="AG43287">
        <v>46</v>
      </c>
      <c r="AH43287">
        <v>46</v>
      </c>
      <c r="AI43287">
        <v>46</v>
      </c>
      <c r="AJ43287">
        <v>46</v>
      </c>
      <c r="AK43287">
        <v>46</v>
      </c>
      <c r="AL43287">
        <v>47</v>
      </c>
      <c r="AM43287">
        <v>47</v>
      </c>
      <c r="AN43287">
        <v>47</v>
      </c>
      <c r="AO43287">
        <v>47</v>
      </c>
      <c r="AP43287">
        <v>47</v>
      </c>
      <c r="AQ43287">
        <v>47</v>
      </c>
    </row>
    <row r="43288" spans="1:43">
      <c r="A43288" t="s">
        <v>26463</v>
      </c>
      <c r="B43288" t="s">
        <v>26464</v>
      </c>
      <c r="C43288" t="s">
        <v>23183</v>
      </c>
      <c r="D43288" t="s">
        <v>23184</v>
      </c>
      <c r="E43288" t="s">
        <v>23145</v>
      </c>
      <c r="F43288" t="s">
        <v>23146</v>
      </c>
      <c r="G43288" t="s">
        <v>11612</v>
      </c>
      <c r="H43288" t="s">
        <v>11613</v>
      </c>
      <c r="I43288" s="2">
        <v>0</v>
      </c>
      <c r="J43288" s="2">
        <v>0</v>
      </c>
      <c r="K43288" s="2">
        <v>1</v>
      </c>
      <c r="L43288" t="s">
        <v>995</v>
      </c>
      <c r="M43288" t="s">
        <v>89</v>
      </c>
      <c r="N43288" t="s">
        <v>90</v>
      </c>
      <c r="O43288" t="s">
        <v>85</v>
      </c>
      <c r="P43288" t="s">
        <v>86</v>
      </c>
      <c r="Q43288">
        <v>45</v>
      </c>
      <c r="R43288">
        <v>45</v>
      </c>
      <c r="S43288">
        <v>46</v>
      </c>
      <c r="T43288">
        <v>47</v>
      </c>
      <c r="U43288">
        <v>48</v>
      </c>
      <c r="V43288">
        <v>49</v>
      </c>
      <c r="W43288">
        <v>50</v>
      </c>
      <c r="X43288">
        <v>50</v>
      </c>
      <c r="Y43288">
        <v>51</v>
      </c>
      <c r="Z43288">
        <v>52</v>
      </c>
      <c r="AA43288">
        <v>52</v>
      </c>
      <c r="AB43288">
        <v>53</v>
      </c>
      <c r="AC43288">
        <v>53</v>
      </c>
      <c r="AD43288">
        <v>54</v>
      </c>
      <c r="AE43288">
        <v>54</v>
      </c>
      <c r="AF43288">
        <v>54</v>
      </c>
      <c r="AG43288">
        <v>54</v>
      </c>
      <c r="AH43288">
        <v>54</v>
      </c>
      <c r="AI43288">
        <v>54</v>
      </c>
      <c r="AJ43288">
        <v>54</v>
      </c>
      <c r="AK43288">
        <v>54</v>
      </c>
      <c r="AL43288">
        <v>54</v>
      </c>
      <c r="AM43288">
        <v>54</v>
      </c>
      <c r="AN43288">
        <v>54</v>
      </c>
      <c r="AO43288">
        <v>54</v>
      </c>
      <c r="AP43288">
        <v>54</v>
      </c>
      <c r="AQ43288">
        <v>54</v>
      </c>
    </row>
    <row r="43289" spans="1:43">
      <c r="A43289" t="s">
        <v>26463</v>
      </c>
      <c r="B43289" t="s">
        <v>26464</v>
      </c>
      <c r="C43289" t="s">
        <v>23183</v>
      </c>
      <c r="D43289" t="s">
        <v>23184</v>
      </c>
      <c r="E43289" t="s">
        <v>23145</v>
      </c>
      <c r="F43289" t="s">
        <v>23146</v>
      </c>
      <c r="G43289" t="s">
        <v>11612</v>
      </c>
      <c r="H43289" t="s">
        <v>11613</v>
      </c>
      <c r="I43289" s="2">
        <v>0</v>
      </c>
      <c r="J43289" s="2">
        <v>0</v>
      </c>
      <c r="K43289" s="2">
        <v>1</v>
      </c>
      <c r="L43289" t="s">
        <v>995</v>
      </c>
      <c r="M43289" t="s">
        <v>83</v>
      </c>
      <c r="N43289" t="s">
        <v>91</v>
      </c>
      <c r="O43289" t="s">
        <v>85</v>
      </c>
      <c r="P43289" t="s">
        <v>86</v>
      </c>
      <c r="Q43289">
        <v>45</v>
      </c>
      <c r="R43289">
        <v>46</v>
      </c>
      <c r="S43289">
        <v>46</v>
      </c>
      <c r="T43289">
        <v>47</v>
      </c>
      <c r="U43289">
        <v>47</v>
      </c>
      <c r="V43289">
        <v>48</v>
      </c>
      <c r="W43289">
        <v>48</v>
      </c>
      <c r="X43289">
        <v>49</v>
      </c>
      <c r="Y43289">
        <v>49</v>
      </c>
      <c r="Z43289">
        <v>50</v>
      </c>
      <c r="AA43289">
        <v>50</v>
      </c>
      <c r="AB43289">
        <v>51</v>
      </c>
      <c r="AC43289">
        <v>51</v>
      </c>
      <c r="AD43289">
        <v>51</v>
      </c>
      <c r="AE43289">
        <v>52</v>
      </c>
      <c r="AF43289">
        <v>52</v>
      </c>
      <c r="AG43289">
        <v>53</v>
      </c>
      <c r="AH43289">
        <v>53</v>
      </c>
      <c r="AI43289">
        <v>53</v>
      </c>
      <c r="AJ43289">
        <v>54</v>
      </c>
      <c r="AK43289">
        <v>54</v>
      </c>
      <c r="AL43289">
        <v>54</v>
      </c>
      <c r="AM43289">
        <v>54</v>
      </c>
      <c r="AN43289">
        <v>54</v>
      </c>
      <c r="AO43289">
        <v>54</v>
      </c>
      <c r="AP43289">
        <v>54</v>
      </c>
      <c r="AQ43289">
        <v>54</v>
      </c>
    </row>
    <row r="43290" spans="1:43">
      <c r="A43290" t="s">
        <v>26465</v>
      </c>
      <c r="B43290" t="s">
        <v>26466</v>
      </c>
      <c r="C43290" t="s">
        <v>23183</v>
      </c>
      <c r="D43290" t="s">
        <v>23184</v>
      </c>
      <c r="E43290" t="s">
        <v>23145</v>
      </c>
      <c r="F43290" t="s">
        <v>23146</v>
      </c>
      <c r="G43290" t="s">
        <v>11612</v>
      </c>
      <c r="H43290" t="s">
        <v>11613</v>
      </c>
      <c r="I43290" s="2">
        <v>0</v>
      </c>
      <c r="J43290" s="2">
        <v>0</v>
      </c>
      <c r="K43290" s="2">
        <v>1</v>
      </c>
      <c r="L43290" t="s">
        <v>995</v>
      </c>
      <c r="M43290" t="s">
        <v>83</v>
      </c>
      <c r="N43290" t="s">
        <v>84</v>
      </c>
      <c r="O43290" t="s">
        <v>85</v>
      </c>
      <c r="P43290" t="s">
        <v>86</v>
      </c>
      <c r="Q43290">
        <v>140</v>
      </c>
      <c r="R43290">
        <v>142</v>
      </c>
      <c r="S43290">
        <v>143</v>
      </c>
      <c r="T43290">
        <v>145</v>
      </c>
      <c r="U43290">
        <v>147</v>
      </c>
      <c r="V43290">
        <v>148</v>
      </c>
      <c r="W43290">
        <v>150</v>
      </c>
      <c r="X43290">
        <v>151</v>
      </c>
      <c r="Y43290">
        <v>153</v>
      </c>
      <c r="Z43290">
        <v>154</v>
      </c>
      <c r="AA43290">
        <v>156</v>
      </c>
      <c r="AB43290">
        <v>157</v>
      </c>
      <c r="AC43290">
        <v>159</v>
      </c>
      <c r="AD43290">
        <v>160</v>
      </c>
      <c r="AE43290">
        <v>161</v>
      </c>
      <c r="AF43290">
        <v>162</v>
      </c>
      <c r="AG43290">
        <v>163</v>
      </c>
      <c r="AH43290">
        <v>165</v>
      </c>
      <c r="AI43290">
        <v>166</v>
      </c>
      <c r="AJ43290">
        <v>167</v>
      </c>
      <c r="AK43290">
        <v>168</v>
      </c>
      <c r="AL43290">
        <v>169</v>
      </c>
      <c r="AM43290">
        <v>169</v>
      </c>
      <c r="AN43290">
        <v>168</v>
      </c>
      <c r="AO43290">
        <v>168</v>
      </c>
      <c r="AP43290">
        <v>168</v>
      </c>
      <c r="AQ43290">
        <v>168</v>
      </c>
    </row>
    <row r="43291" spans="1:43">
      <c r="A43291" t="s">
        <v>26465</v>
      </c>
      <c r="B43291" t="s">
        <v>26466</v>
      </c>
      <c r="C43291" t="s">
        <v>23183</v>
      </c>
      <c r="D43291" t="s">
        <v>23184</v>
      </c>
      <c r="E43291" t="s">
        <v>23145</v>
      </c>
      <c r="F43291" t="s">
        <v>23146</v>
      </c>
      <c r="G43291" t="s">
        <v>11612</v>
      </c>
      <c r="H43291" t="s">
        <v>11613</v>
      </c>
      <c r="I43291" s="2">
        <v>0</v>
      </c>
      <c r="J43291" s="2">
        <v>0</v>
      </c>
      <c r="K43291" s="2">
        <v>1</v>
      </c>
      <c r="L43291" t="s">
        <v>995</v>
      </c>
      <c r="M43291" t="s">
        <v>87</v>
      </c>
      <c r="N43291" t="s">
        <v>88</v>
      </c>
      <c r="O43291" t="s">
        <v>85</v>
      </c>
      <c r="P43291" t="s">
        <v>86</v>
      </c>
      <c r="Q43291">
        <v>140</v>
      </c>
      <c r="R43291">
        <v>140</v>
      </c>
      <c r="S43291">
        <v>141</v>
      </c>
      <c r="T43291">
        <v>141</v>
      </c>
      <c r="U43291">
        <v>141</v>
      </c>
      <c r="V43291">
        <v>141</v>
      </c>
      <c r="W43291">
        <v>142</v>
      </c>
      <c r="X43291">
        <v>142</v>
      </c>
      <c r="Y43291">
        <v>142</v>
      </c>
      <c r="Z43291">
        <v>143</v>
      </c>
      <c r="AA43291">
        <v>143</v>
      </c>
      <c r="AB43291">
        <v>143</v>
      </c>
      <c r="AC43291">
        <v>143</v>
      </c>
      <c r="AD43291">
        <v>144</v>
      </c>
      <c r="AE43291">
        <v>144</v>
      </c>
      <c r="AF43291">
        <v>144</v>
      </c>
      <c r="AG43291">
        <v>144</v>
      </c>
      <c r="AH43291">
        <v>145</v>
      </c>
      <c r="AI43291">
        <v>145</v>
      </c>
      <c r="AJ43291">
        <v>145</v>
      </c>
      <c r="AK43291">
        <v>145</v>
      </c>
      <c r="AL43291">
        <v>146</v>
      </c>
      <c r="AM43291">
        <v>146</v>
      </c>
      <c r="AN43291">
        <v>146</v>
      </c>
      <c r="AO43291">
        <v>146</v>
      </c>
      <c r="AP43291">
        <v>146</v>
      </c>
      <c r="AQ43291">
        <v>147</v>
      </c>
    </row>
    <row r="43292" spans="1:43">
      <c r="A43292" t="s">
        <v>26465</v>
      </c>
      <c r="B43292" t="s">
        <v>26466</v>
      </c>
      <c r="C43292" t="s">
        <v>23183</v>
      </c>
      <c r="D43292" t="s">
        <v>23184</v>
      </c>
      <c r="E43292" t="s">
        <v>23145</v>
      </c>
      <c r="F43292" t="s">
        <v>23146</v>
      </c>
      <c r="G43292" t="s">
        <v>11612</v>
      </c>
      <c r="H43292" t="s">
        <v>11613</v>
      </c>
      <c r="I43292" s="2">
        <v>0</v>
      </c>
      <c r="J43292" s="2">
        <v>0</v>
      </c>
      <c r="K43292" s="2">
        <v>1</v>
      </c>
      <c r="L43292" t="s">
        <v>995</v>
      </c>
      <c r="M43292" t="s">
        <v>89</v>
      </c>
      <c r="N43292" t="s">
        <v>90</v>
      </c>
      <c r="O43292" t="s">
        <v>85</v>
      </c>
      <c r="P43292" t="s">
        <v>86</v>
      </c>
      <c r="Q43292">
        <v>140</v>
      </c>
      <c r="R43292">
        <v>142</v>
      </c>
      <c r="S43292">
        <v>145</v>
      </c>
      <c r="T43292">
        <v>148</v>
      </c>
      <c r="U43292">
        <v>150</v>
      </c>
      <c r="V43292">
        <v>153</v>
      </c>
      <c r="W43292">
        <v>156</v>
      </c>
      <c r="X43292">
        <v>158</v>
      </c>
      <c r="Y43292">
        <v>160</v>
      </c>
      <c r="Z43292">
        <v>162</v>
      </c>
      <c r="AA43292">
        <v>163</v>
      </c>
      <c r="AB43292">
        <v>165</v>
      </c>
      <c r="AC43292">
        <v>167</v>
      </c>
      <c r="AD43292">
        <v>169</v>
      </c>
      <c r="AE43292">
        <v>170</v>
      </c>
      <c r="AF43292">
        <v>170</v>
      </c>
      <c r="AG43292">
        <v>170</v>
      </c>
      <c r="AH43292">
        <v>170</v>
      </c>
      <c r="AI43292">
        <v>170</v>
      </c>
      <c r="AJ43292">
        <v>170</v>
      </c>
      <c r="AK43292">
        <v>170</v>
      </c>
      <c r="AL43292">
        <v>170</v>
      </c>
      <c r="AM43292">
        <v>169</v>
      </c>
      <c r="AN43292">
        <v>169</v>
      </c>
      <c r="AO43292">
        <v>169</v>
      </c>
      <c r="AP43292">
        <v>169</v>
      </c>
      <c r="AQ43292">
        <v>169</v>
      </c>
    </row>
    <row r="43293" spans="1:43">
      <c r="A43293" t="s">
        <v>26465</v>
      </c>
      <c r="B43293" t="s">
        <v>26466</v>
      </c>
      <c r="C43293" t="s">
        <v>23183</v>
      </c>
      <c r="D43293" t="s">
        <v>23184</v>
      </c>
      <c r="E43293" t="s">
        <v>23145</v>
      </c>
      <c r="F43293" t="s">
        <v>23146</v>
      </c>
      <c r="G43293" t="s">
        <v>11612</v>
      </c>
      <c r="H43293" t="s">
        <v>11613</v>
      </c>
      <c r="I43293" s="2">
        <v>0</v>
      </c>
      <c r="J43293" s="2">
        <v>0</v>
      </c>
      <c r="K43293" s="2">
        <v>1</v>
      </c>
      <c r="L43293" t="s">
        <v>995</v>
      </c>
      <c r="M43293" t="s">
        <v>83</v>
      </c>
      <c r="N43293" t="s">
        <v>91</v>
      </c>
      <c r="O43293" t="s">
        <v>85</v>
      </c>
      <c r="P43293" t="s">
        <v>86</v>
      </c>
      <c r="Q43293">
        <v>140</v>
      </c>
      <c r="R43293">
        <v>142</v>
      </c>
      <c r="S43293">
        <v>143</v>
      </c>
      <c r="T43293">
        <v>145</v>
      </c>
      <c r="U43293">
        <v>147</v>
      </c>
      <c r="V43293">
        <v>148</v>
      </c>
      <c r="W43293">
        <v>150</v>
      </c>
      <c r="X43293">
        <v>151</v>
      </c>
      <c r="Y43293">
        <v>153</v>
      </c>
      <c r="Z43293">
        <v>154</v>
      </c>
      <c r="AA43293">
        <v>156</v>
      </c>
      <c r="AB43293">
        <v>157</v>
      </c>
      <c r="AC43293">
        <v>159</v>
      </c>
      <c r="AD43293">
        <v>160</v>
      </c>
      <c r="AE43293">
        <v>161</v>
      </c>
      <c r="AF43293">
        <v>162</v>
      </c>
      <c r="AG43293">
        <v>163</v>
      </c>
      <c r="AH43293">
        <v>165</v>
      </c>
      <c r="AI43293">
        <v>166</v>
      </c>
      <c r="AJ43293">
        <v>167</v>
      </c>
      <c r="AK43293">
        <v>168</v>
      </c>
      <c r="AL43293">
        <v>169</v>
      </c>
      <c r="AM43293">
        <v>169</v>
      </c>
      <c r="AN43293">
        <v>168</v>
      </c>
      <c r="AO43293">
        <v>168</v>
      </c>
      <c r="AP43293">
        <v>168</v>
      </c>
      <c r="AQ43293">
        <v>168</v>
      </c>
    </row>
    <row r="43294" spans="1:43">
      <c r="A43294" t="s">
        <v>26467</v>
      </c>
      <c r="B43294" t="s">
        <v>26468</v>
      </c>
      <c r="C43294" t="s">
        <v>23585</v>
      </c>
      <c r="D43294" t="s">
        <v>23586</v>
      </c>
      <c r="E43294" t="s">
        <v>23481</v>
      </c>
      <c r="F43294" t="s">
        <v>23482</v>
      </c>
      <c r="G43294" t="s">
        <v>11612</v>
      </c>
      <c r="H43294" t="s">
        <v>11613</v>
      </c>
      <c r="I43294" s="2">
        <v>0</v>
      </c>
      <c r="J43294" s="2">
        <v>0</v>
      </c>
      <c r="K43294" s="2">
        <v>1</v>
      </c>
      <c r="L43294" t="s">
        <v>995</v>
      </c>
      <c r="M43294" t="s">
        <v>83</v>
      </c>
      <c r="N43294" t="s">
        <v>84</v>
      </c>
      <c r="O43294" t="s">
        <v>85</v>
      </c>
      <c r="P43294" t="s">
        <v>86</v>
      </c>
      <c r="Q43294">
        <v>53</v>
      </c>
      <c r="R43294">
        <v>54</v>
      </c>
      <c r="S43294">
        <v>55</v>
      </c>
      <c r="T43294">
        <v>57</v>
      </c>
      <c r="U43294">
        <v>58</v>
      </c>
      <c r="V43294">
        <v>60</v>
      </c>
      <c r="W43294">
        <v>61</v>
      </c>
      <c r="X43294">
        <v>63</v>
      </c>
      <c r="Y43294">
        <v>64</v>
      </c>
      <c r="Z43294">
        <v>66</v>
      </c>
      <c r="AA43294">
        <v>67</v>
      </c>
      <c r="AB43294">
        <v>69</v>
      </c>
      <c r="AC43294">
        <v>70</v>
      </c>
      <c r="AD43294">
        <v>72</v>
      </c>
      <c r="AE43294">
        <v>73</v>
      </c>
      <c r="AF43294">
        <v>75</v>
      </c>
      <c r="AG43294">
        <v>77</v>
      </c>
      <c r="AH43294">
        <v>78</v>
      </c>
      <c r="AI43294">
        <v>80</v>
      </c>
      <c r="AJ43294">
        <v>82</v>
      </c>
      <c r="AK43294">
        <v>84</v>
      </c>
      <c r="AL43294">
        <v>85</v>
      </c>
      <c r="AM43294">
        <v>86</v>
      </c>
      <c r="AN43294">
        <v>87</v>
      </c>
      <c r="AO43294">
        <v>88</v>
      </c>
      <c r="AP43294">
        <v>89</v>
      </c>
      <c r="AQ43294">
        <v>90</v>
      </c>
    </row>
    <row r="43295" spans="1:43">
      <c r="A43295" t="s">
        <v>26467</v>
      </c>
      <c r="B43295" t="s">
        <v>26468</v>
      </c>
      <c r="C43295" t="s">
        <v>23585</v>
      </c>
      <c r="D43295" t="s">
        <v>23586</v>
      </c>
      <c r="E43295" t="s">
        <v>23481</v>
      </c>
      <c r="F43295" t="s">
        <v>23482</v>
      </c>
      <c r="G43295" t="s">
        <v>11612</v>
      </c>
      <c r="H43295" t="s">
        <v>11613</v>
      </c>
      <c r="I43295" s="2">
        <v>0</v>
      </c>
      <c r="J43295" s="2">
        <v>0</v>
      </c>
      <c r="K43295" s="2">
        <v>1</v>
      </c>
      <c r="L43295" t="s">
        <v>995</v>
      </c>
      <c r="M43295" t="s">
        <v>87</v>
      </c>
      <c r="N43295" t="s">
        <v>88</v>
      </c>
      <c r="O43295" t="s">
        <v>85</v>
      </c>
      <c r="P43295" t="s">
        <v>86</v>
      </c>
      <c r="Q43295">
        <v>53</v>
      </c>
      <c r="R43295">
        <v>54</v>
      </c>
      <c r="S43295">
        <v>55</v>
      </c>
      <c r="T43295">
        <v>56</v>
      </c>
      <c r="U43295">
        <v>57</v>
      </c>
      <c r="V43295">
        <v>58</v>
      </c>
      <c r="W43295">
        <v>58</v>
      </c>
      <c r="X43295">
        <v>59</v>
      </c>
      <c r="Y43295">
        <v>60</v>
      </c>
      <c r="Z43295">
        <v>61</v>
      </c>
      <c r="AA43295">
        <v>62</v>
      </c>
      <c r="AB43295">
        <v>63</v>
      </c>
      <c r="AC43295">
        <v>64</v>
      </c>
      <c r="AD43295">
        <v>65</v>
      </c>
      <c r="AE43295">
        <v>66</v>
      </c>
      <c r="AF43295">
        <v>67</v>
      </c>
      <c r="AG43295">
        <v>68</v>
      </c>
      <c r="AH43295">
        <v>69</v>
      </c>
      <c r="AI43295">
        <v>70</v>
      </c>
      <c r="AJ43295">
        <v>71</v>
      </c>
      <c r="AK43295">
        <v>72</v>
      </c>
      <c r="AL43295">
        <v>73</v>
      </c>
      <c r="AM43295">
        <v>74</v>
      </c>
      <c r="AN43295">
        <v>75</v>
      </c>
      <c r="AO43295">
        <v>76</v>
      </c>
      <c r="AP43295">
        <v>77</v>
      </c>
      <c r="AQ43295">
        <v>79</v>
      </c>
    </row>
    <row r="43296" spans="1:43">
      <c r="A43296" t="s">
        <v>26467</v>
      </c>
      <c r="B43296" t="s">
        <v>26468</v>
      </c>
      <c r="C43296" t="s">
        <v>23585</v>
      </c>
      <c r="D43296" t="s">
        <v>23586</v>
      </c>
      <c r="E43296" t="s">
        <v>23481</v>
      </c>
      <c r="F43296" t="s">
        <v>23482</v>
      </c>
      <c r="G43296" t="s">
        <v>11612</v>
      </c>
      <c r="H43296" t="s">
        <v>11613</v>
      </c>
      <c r="I43296" s="2">
        <v>0</v>
      </c>
      <c r="J43296" s="2">
        <v>0</v>
      </c>
      <c r="K43296" s="2">
        <v>1</v>
      </c>
      <c r="L43296" t="s">
        <v>995</v>
      </c>
      <c r="M43296" t="s">
        <v>89</v>
      </c>
      <c r="N43296" t="s">
        <v>90</v>
      </c>
      <c r="O43296" t="s">
        <v>85</v>
      </c>
      <c r="P43296" t="s">
        <v>86</v>
      </c>
      <c r="Q43296">
        <v>53</v>
      </c>
      <c r="R43296">
        <v>55</v>
      </c>
      <c r="S43296">
        <v>57</v>
      </c>
      <c r="T43296">
        <v>59</v>
      </c>
      <c r="U43296">
        <v>61</v>
      </c>
      <c r="V43296">
        <v>62</v>
      </c>
      <c r="W43296">
        <v>64</v>
      </c>
      <c r="X43296">
        <v>66</v>
      </c>
      <c r="Y43296">
        <v>68</v>
      </c>
      <c r="Z43296">
        <v>70</v>
      </c>
      <c r="AA43296">
        <v>72</v>
      </c>
      <c r="AB43296">
        <v>73</v>
      </c>
      <c r="AC43296">
        <v>75</v>
      </c>
      <c r="AD43296">
        <v>77</v>
      </c>
      <c r="AE43296">
        <v>79</v>
      </c>
      <c r="AF43296">
        <v>80</v>
      </c>
      <c r="AG43296">
        <v>81</v>
      </c>
      <c r="AH43296">
        <v>82</v>
      </c>
      <c r="AI43296">
        <v>83</v>
      </c>
      <c r="AJ43296">
        <v>83</v>
      </c>
      <c r="AK43296">
        <v>84</v>
      </c>
      <c r="AL43296">
        <v>85</v>
      </c>
      <c r="AM43296">
        <v>86</v>
      </c>
      <c r="AN43296">
        <v>87</v>
      </c>
      <c r="AO43296">
        <v>88</v>
      </c>
      <c r="AP43296">
        <v>89</v>
      </c>
      <c r="AQ43296">
        <v>90</v>
      </c>
    </row>
    <row r="43297" spans="1:43">
      <c r="A43297" t="s">
        <v>26467</v>
      </c>
      <c r="B43297" t="s">
        <v>26468</v>
      </c>
      <c r="C43297" t="s">
        <v>23585</v>
      </c>
      <c r="D43297" t="s">
        <v>23586</v>
      </c>
      <c r="E43297" t="s">
        <v>23481</v>
      </c>
      <c r="F43297" t="s">
        <v>23482</v>
      </c>
      <c r="G43297" t="s">
        <v>11612</v>
      </c>
      <c r="H43297" t="s">
        <v>11613</v>
      </c>
      <c r="I43297" s="2">
        <v>0</v>
      </c>
      <c r="J43297" s="2">
        <v>0</v>
      </c>
      <c r="K43297" s="2">
        <v>1</v>
      </c>
      <c r="L43297" t="s">
        <v>995</v>
      </c>
      <c r="M43297" t="s">
        <v>83</v>
      </c>
      <c r="N43297" t="s">
        <v>91</v>
      </c>
      <c r="O43297" t="s">
        <v>85</v>
      </c>
      <c r="P43297" t="s">
        <v>86</v>
      </c>
      <c r="Q43297">
        <v>53</v>
      </c>
      <c r="R43297">
        <v>54</v>
      </c>
      <c r="S43297">
        <v>55</v>
      </c>
      <c r="T43297">
        <v>57</v>
      </c>
      <c r="U43297">
        <v>58</v>
      </c>
      <c r="V43297">
        <v>60</v>
      </c>
      <c r="W43297">
        <v>61</v>
      </c>
      <c r="X43297">
        <v>63</v>
      </c>
      <c r="Y43297">
        <v>64</v>
      </c>
      <c r="Z43297">
        <v>66</v>
      </c>
      <c r="AA43297">
        <v>67</v>
      </c>
      <c r="AB43297">
        <v>69</v>
      </c>
      <c r="AC43297">
        <v>70</v>
      </c>
      <c r="AD43297">
        <v>72</v>
      </c>
      <c r="AE43297">
        <v>73</v>
      </c>
      <c r="AF43297">
        <v>75</v>
      </c>
      <c r="AG43297">
        <v>77</v>
      </c>
      <c r="AH43297">
        <v>78</v>
      </c>
      <c r="AI43297">
        <v>80</v>
      </c>
      <c r="AJ43297">
        <v>82</v>
      </c>
      <c r="AK43297">
        <v>84</v>
      </c>
      <c r="AL43297">
        <v>85</v>
      </c>
      <c r="AM43297">
        <v>86</v>
      </c>
      <c r="AN43297">
        <v>87</v>
      </c>
      <c r="AO43297">
        <v>88</v>
      </c>
      <c r="AP43297">
        <v>89</v>
      </c>
      <c r="AQ43297">
        <v>90</v>
      </c>
    </row>
    <row r="43298" spans="1:43">
      <c r="A43298" t="s">
        <v>26469</v>
      </c>
      <c r="B43298" t="s">
        <v>26470</v>
      </c>
      <c r="C43298" t="s">
        <v>23585</v>
      </c>
      <c r="D43298" t="s">
        <v>23586</v>
      </c>
      <c r="E43298" t="s">
        <v>23481</v>
      </c>
      <c r="F43298" t="s">
        <v>23482</v>
      </c>
      <c r="G43298" t="s">
        <v>11612</v>
      </c>
      <c r="H43298" t="s">
        <v>11613</v>
      </c>
      <c r="I43298" s="2">
        <v>0</v>
      </c>
      <c r="J43298" s="2">
        <v>0</v>
      </c>
      <c r="K43298" s="2">
        <v>1</v>
      </c>
      <c r="L43298" t="s">
        <v>995</v>
      </c>
      <c r="M43298" t="s">
        <v>83</v>
      </c>
      <c r="N43298" t="s">
        <v>84</v>
      </c>
      <c r="O43298" t="s">
        <v>85</v>
      </c>
      <c r="P43298" t="s">
        <v>86</v>
      </c>
      <c r="Q43298">
        <v>26</v>
      </c>
      <c r="R43298">
        <v>27</v>
      </c>
      <c r="S43298">
        <v>27</v>
      </c>
      <c r="T43298">
        <v>28</v>
      </c>
      <c r="U43298">
        <v>29</v>
      </c>
      <c r="V43298">
        <v>29</v>
      </c>
      <c r="W43298">
        <v>30</v>
      </c>
      <c r="X43298">
        <v>31</v>
      </c>
      <c r="Y43298">
        <v>32</v>
      </c>
      <c r="Z43298">
        <v>32</v>
      </c>
      <c r="AA43298">
        <v>33</v>
      </c>
      <c r="AB43298">
        <v>34</v>
      </c>
      <c r="AC43298">
        <v>35</v>
      </c>
      <c r="AD43298">
        <v>35</v>
      </c>
      <c r="AE43298">
        <v>36</v>
      </c>
      <c r="AF43298">
        <v>37</v>
      </c>
      <c r="AG43298">
        <v>38</v>
      </c>
      <c r="AH43298">
        <v>39</v>
      </c>
      <c r="AI43298">
        <v>40</v>
      </c>
      <c r="AJ43298">
        <v>40</v>
      </c>
      <c r="AK43298">
        <v>41</v>
      </c>
      <c r="AL43298">
        <v>42</v>
      </c>
      <c r="AM43298">
        <v>42</v>
      </c>
      <c r="AN43298">
        <v>43</v>
      </c>
      <c r="AO43298">
        <v>43</v>
      </c>
      <c r="AP43298">
        <v>44</v>
      </c>
      <c r="AQ43298">
        <v>44</v>
      </c>
    </row>
    <row r="43299" spans="1:43">
      <c r="A43299" t="s">
        <v>26469</v>
      </c>
      <c r="B43299" t="s">
        <v>26470</v>
      </c>
      <c r="C43299" t="s">
        <v>23585</v>
      </c>
      <c r="D43299" t="s">
        <v>23586</v>
      </c>
      <c r="E43299" t="s">
        <v>23481</v>
      </c>
      <c r="F43299" t="s">
        <v>23482</v>
      </c>
      <c r="G43299" t="s">
        <v>11612</v>
      </c>
      <c r="H43299" t="s">
        <v>11613</v>
      </c>
      <c r="I43299" s="2">
        <v>0</v>
      </c>
      <c r="J43299" s="2">
        <v>0</v>
      </c>
      <c r="K43299" s="2">
        <v>1</v>
      </c>
      <c r="L43299" t="s">
        <v>995</v>
      </c>
      <c r="M43299" t="s">
        <v>87</v>
      </c>
      <c r="N43299" t="s">
        <v>88</v>
      </c>
      <c r="O43299" t="s">
        <v>85</v>
      </c>
      <c r="P43299" t="s">
        <v>86</v>
      </c>
      <c r="Q43299">
        <v>26</v>
      </c>
      <c r="R43299">
        <v>26</v>
      </c>
      <c r="S43299">
        <v>27</v>
      </c>
      <c r="T43299">
        <v>27</v>
      </c>
      <c r="U43299">
        <v>27</v>
      </c>
      <c r="V43299">
        <v>28</v>
      </c>
      <c r="W43299">
        <v>28</v>
      </c>
      <c r="X43299">
        <v>29</v>
      </c>
      <c r="Y43299">
        <v>29</v>
      </c>
      <c r="Z43299">
        <v>30</v>
      </c>
      <c r="AA43299">
        <v>30</v>
      </c>
      <c r="AB43299">
        <v>31</v>
      </c>
      <c r="AC43299">
        <v>31</v>
      </c>
      <c r="AD43299">
        <v>32</v>
      </c>
      <c r="AE43299">
        <v>32</v>
      </c>
      <c r="AF43299">
        <v>32</v>
      </c>
      <c r="AG43299">
        <v>33</v>
      </c>
      <c r="AH43299">
        <v>33</v>
      </c>
      <c r="AI43299">
        <v>34</v>
      </c>
      <c r="AJ43299">
        <v>35</v>
      </c>
      <c r="AK43299">
        <v>35</v>
      </c>
      <c r="AL43299">
        <v>36</v>
      </c>
      <c r="AM43299">
        <v>36</v>
      </c>
      <c r="AN43299">
        <v>37</v>
      </c>
      <c r="AO43299">
        <v>37</v>
      </c>
      <c r="AP43299">
        <v>38</v>
      </c>
      <c r="AQ43299">
        <v>38</v>
      </c>
    </row>
    <row r="43300" spans="1:43">
      <c r="A43300" t="s">
        <v>26469</v>
      </c>
      <c r="B43300" t="s">
        <v>26470</v>
      </c>
      <c r="C43300" t="s">
        <v>23585</v>
      </c>
      <c r="D43300" t="s">
        <v>23586</v>
      </c>
      <c r="E43300" t="s">
        <v>23481</v>
      </c>
      <c r="F43300" t="s">
        <v>23482</v>
      </c>
      <c r="G43300" t="s">
        <v>11612</v>
      </c>
      <c r="H43300" t="s">
        <v>11613</v>
      </c>
      <c r="I43300" s="2">
        <v>0</v>
      </c>
      <c r="J43300" s="2">
        <v>0</v>
      </c>
      <c r="K43300" s="2">
        <v>1</v>
      </c>
      <c r="L43300" t="s">
        <v>995</v>
      </c>
      <c r="M43300" t="s">
        <v>89</v>
      </c>
      <c r="N43300" t="s">
        <v>90</v>
      </c>
      <c r="O43300" t="s">
        <v>85</v>
      </c>
      <c r="P43300" t="s">
        <v>86</v>
      </c>
      <c r="Q43300">
        <v>26</v>
      </c>
      <c r="R43300">
        <v>27</v>
      </c>
      <c r="S43300">
        <v>28</v>
      </c>
      <c r="T43300">
        <v>29</v>
      </c>
      <c r="U43300">
        <v>30</v>
      </c>
      <c r="V43300">
        <v>31</v>
      </c>
      <c r="W43300">
        <v>32</v>
      </c>
      <c r="X43300">
        <v>33</v>
      </c>
      <c r="Y43300">
        <v>34</v>
      </c>
      <c r="Z43300">
        <v>34</v>
      </c>
      <c r="AA43300">
        <v>35</v>
      </c>
      <c r="AB43300">
        <v>36</v>
      </c>
      <c r="AC43300">
        <v>37</v>
      </c>
      <c r="AD43300">
        <v>38</v>
      </c>
      <c r="AE43300">
        <v>39</v>
      </c>
      <c r="AF43300">
        <v>39</v>
      </c>
      <c r="AG43300">
        <v>40</v>
      </c>
      <c r="AH43300">
        <v>40</v>
      </c>
      <c r="AI43300">
        <v>41</v>
      </c>
      <c r="AJ43300">
        <v>41</v>
      </c>
      <c r="AK43300">
        <v>42</v>
      </c>
      <c r="AL43300">
        <v>42</v>
      </c>
      <c r="AM43300">
        <v>43</v>
      </c>
      <c r="AN43300">
        <v>43</v>
      </c>
      <c r="AO43300">
        <v>44</v>
      </c>
      <c r="AP43300">
        <v>44</v>
      </c>
      <c r="AQ43300">
        <v>45</v>
      </c>
    </row>
    <row r="43301" spans="1:43">
      <c r="A43301" t="s">
        <v>26469</v>
      </c>
      <c r="B43301" t="s">
        <v>26470</v>
      </c>
      <c r="C43301" t="s">
        <v>23585</v>
      </c>
      <c r="D43301" t="s">
        <v>23586</v>
      </c>
      <c r="E43301" t="s">
        <v>23481</v>
      </c>
      <c r="F43301" t="s">
        <v>23482</v>
      </c>
      <c r="G43301" t="s">
        <v>11612</v>
      </c>
      <c r="H43301" t="s">
        <v>11613</v>
      </c>
      <c r="I43301" s="2">
        <v>0</v>
      </c>
      <c r="J43301" s="2">
        <v>0</v>
      </c>
      <c r="K43301" s="2">
        <v>1</v>
      </c>
      <c r="L43301" t="s">
        <v>995</v>
      </c>
      <c r="M43301" t="s">
        <v>83</v>
      </c>
      <c r="N43301" t="s">
        <v>91</v>
      </c>
      <c r="O43301" t="s">
        <v>85</v>
      </c>
      <c r="P43301" t="s">
        <v>86</v>
      </c>
      <c r="Q43301">
        <v>26</v>
      </c>
      <c r="R43301">
        <v>27</v>
      </c>
      <c r="S43301">
        <v>27</v>
      </c>
      <c r="T43301">
        <v>28</v>
      </c>
      <c r="U43301">
        <v>29</v>
      </c>
      <c r="V43301">
        <v>29</v>
      </c>
      <c r="W43301">
        <v>30</v>
      </c>
      <c r="X43301">
        <v>31</v>
      </c>
      <c r="Y43301">
        <v>32</v>
      </c>
      <c r="Z43301">
        <v>32</v>
      </c>
      <c r="AA43301">
        <v>33</v>
      </c>
      <c r="AB43301">
        <v>34</v>
      </c>
      <c r="AC43301">
        <v>35</v>
      </c>
      <c r="AD43301">
        <v>35</v>
      </c>
      <c r="AE43301">
        <v>36</v>
      </c>
      <c r="AF43301">
        <v>37</v>
      </c>
      <c r="AG43301">
        <v>38</v>
      </c>
      <c r="AH43301">
        <v>39</v>
      </c>
      <c r="AI43301">
        <v>40</v>
      </c>
      <c r="AJ43301">
        <v>40</v>
      </c>
      <c r="AK43301">
        <v>41</v>
      </c>
      <c r="AL43301">
        <v>42</v>
      </c>
      <c r="AM43301">
        <v>42</v>
      </c>
      <c r="AN43301">
        <v>43</v>
      </c>
      <c r="AO43301">
        <v>43</v>
      </c>
      <c r="AP43301">
        <v>44</v>
      </c>
      <c r="AQ43301">
        <v>44</v>
      </c>
    </row>
    <row r="43302" spans="1:43">
      <c r="A43302" t="s">
        <v>26471</v>
      </c>
      <c r="B43302" t="s">
        <v>26472</v>
      </c>
      <c r="C43302" t="s">
        <v>4026</v>
      </c>
      <c r="D43302" t="s">
        <v>4027</v>
      </c>
      <c r="E43302" t="s">
        <v>3968</v>
      </c>
      <c r="F43302" t="s">
        <v>3969</v>
      </c>
      <c r="G43302" t="s">
        <v>80</v>
      </c>
      <c r="H43302" t="s">
        <v>81</v>
      </c>
      <c r="I43302" s="2">
        <v>0</v>
      </c>
      <c r="J43302" s="2">
        <v>1</v>
      </c>
      <c r="K43302" s="2">
        <v>0</v>
      </c>
      <c r="L43302" t="s">
        <v>82</v>
      </c>
      <c r="M43302" t="s">
        <v>83</v>
      </c>
      <c r="N43302" t="s">
        <v>84</v>
      </c>
      <c r="O43302" t="s">
        <v>85</v>
      </c>
      <c r="P43302" t="s">
        <v>86</v>
      </c>
      <c r="Q43302">
        <v>83</v>
      </c>
      <c r="R43302">
        <v>84</v>
      </c>
      <c r="S43302">
        <v>85</v>
      </c>
      <c r="T43302">
        <v>86</v>
      </c>
      <c r="U43302">
        <v>87</v>
      </c>
      <c r="V43302">
        <v>88</v>
      </c>
      <c r="W43302">
        <v>88</v>
      </c>
      <c r="X43302">
        <v>89</v>
      </c>
      <c r="Y43302">
        <v>90</v>
      </c>
      <c r="Z43302">
        <v>91</v>
      </c>
      <c r="AA43302">
        <v>92</v>
      </c>
      <c r="AB43302">
        <v>93</v>
      </c>
      <c r="AC43302">
        <v>94</v>
      </c>
      <c r="AD43302">
        <v>94</v>
      </c>
      <c r="AE43302">
        <v>95</v>
      </c>
      <c r="AF43302">
        <v>96</v>
      </c>
      <c r="AG43302">
        <v>97</v>
      </c>
      <c r="AH43302">
        <v>97</v>
      </c>
      <c r="AI43302">
        <v>98</v>
      </c>
      <c r="AJ43302">
        <v>99</v>
      </c>
      <c r="AK43302">
        <v>99</v>
      </c>
      <c r="AL43302">
        <v>99</v>
      </c>
      <c r="AM43302">
        <v>99</v>
      </c>
      <c r="AN43302">
        <v>99</v>
      </c>
      <c r="AO43302">
        <v>99</v>
      </c>
      <c r="AP43302">
        <v>98</v>
      </c>
      <c r="AQ43302">
        <v>98</v>
      </c>
    </row>
    <row r="43303" spans="1:43">
      <c r="A43303" t="s">
        <v>26471</v>
      </c>
      <c r="B43303" t="s">
        <v>26472</v>
      </c>
      <c r="C43303" t="s">
        <v>4026</v>
      </c>
      <c r="D43303" t="s">
        <v>4027</v>
      </c>
      <c r="E43303" t="s">
        <v>3968</v>
      </c>
      <c r="F43303" t="s">
        <v>3969</v>
      </c>
      <c r="G43303" t="s">
        <v>80</v>
      </c>
      <c r="H43303" t="s">
        <v>81</v>
      </c>
      <c r="I43303" s="2">
        <v>0</v>
      </c>
      <c r="J43303" s="2">
        <v>1</v>
      </c>
      <c r="K43303" s="2">
        <v>0</v>
      </c>
      <c r="L43303" t="s">
        <v>82</v>
      </c>
      <c r="M43303" t="s">
        <v>87</v>
      </c>
      <c r="N43303" t="s">
        <v>88</v>
      </c>
      <c r="O43303" t="s">
        <v>85</v>
      </c>
      <c r="P43303" t="s">
        <v>86</v>
      </c>
      <c r="Q43303">
        <v>83</v>
      </c>
      <c r="R43303">
        <v>83</v>
      </c>
      <c r="S43303">
        <v>83</v>
      </c>
      <c r="T43303">
        <v>84</v>
      </c>
      <c r="U43303">
        <v>84</v>
      </c>
      <c r="V43303">
        <v>84</v>
      </c>
      <c r="W43303">
        <v>84</v>
      </c>
      <c r="X43303">
        <v>84</v>
      </c>
      <c r="Y43303">
        <v>84</v>
      </c>
      <c r="Z43303">
        <v>85</v>
      </c>
      <c r="AA43303">
        <v>85</v>
      </c>
      <c r="AB43303">
        <v>85</v>
      </c>
      <c r="AC43303">
        <v>85</v>
      </c>
      <c r="AD43303">
        <v>85</v>
      </c>
      <c r="AE43303">
        <v>85</v>
      </c>
      <c r="AF43303">
        <v>85</v>
      </c>
      <c r="AG43303">
        <v>85</v>
      </c>
      <c r="AH43303">
        <v>85</v>
      </c>
      <c r="AI43303">
        <v>86</v>
      </c>
      <c r="AJ43303">
        <v>86</v>
      </c>
      <c r="AK43303">
        <v>86</v>
      </c>
      <c r="AL43303">
        <v>86</v>
      </c>
      <c r="AM43303">
        <v>86</v>
      </c>
      <c r="AN43303">
        <v>86</v>
      </c>
      <c r="AO43303">
        <v>86</v>
      </c>
      <c r="AP43303">
        <v>86</v>
      </c>
      <c r="AQ43303">
        <v>86</v>
      </c>
    </row>
    <row r="43304" spans="1:43">
      <c r="A43304" t="s">
        <v>26471</v>
      </c>
      <c r="B43304" t="s">
        <v>26472</v>
      </c>
      <c r="C43304" t="s">
        <v>4026</v>
      </c>
      <c r="D43304" t="s">
        <v>4027</v>
      </c>
      <c r="E43304" t="s">
        <v>3968</v>
      </c>
      <c r="F43304" t="s">
        <v>3969</v>
      </c>
      <c r="G43304" t="s">
        <v>80</v>
      </c>
      <c r="H43304" t="s">
        <v>81</v>
      </c>
      <c r="I43304" s="2">
        <v>0</v>
      </c>
      <c r="J43304" s="2">
        <v>1</v>
      </c>
      <c r="K43304" s="2">
        <v>0</v>
      </c>
      <c r="L43304" t="s">
        <v>82</v>
      </c>
      <c r="M43304" t="s">
        <v>89</v>
      </c>
      <c r="N43304" t="s">
        <v>90</v>
      </c>
      <c r="O43304" t="s">
        <v>85</v>
      </c>
      <c r="P43304" t="s">
        <v>86</v>
      </c>
      <c r="Q43304">
        <v>83</v>
      </c>
      <c r="R43304">
        <v>85</v>
      </c>
      <c r="S43304">
        <v>87</v>
      </c>
      <c r="T43304">
        <v>88</v>
      </c>
      <c r="U43304">
        <v>90</v>
      </c>
      <c r="V43304">
        <v>92</v>
      </c>
      <c r="W43304">
        <v>93</v>
      </c>
      <c r="X43304">
        <v>94</v>
      </c>
      <c r="Y43304">
        <v>96</v>
      </c>
      <c r="Z43304">
        <v>97</v>
      </c>
      <c r="AA43304">
        <v>98</v>
      </c>
      <c r="AB43304">
        <v>99</v>
      </c>
      <c r="AC43304">
        <v>100</v>
      </c>
      <c r="AD43304">
        <v>101</v>
      </c>
      <c r="AE43304">
        <v>102</v>
      </c>
      <c r="AF43304">
        <v>102</v>
      </c>
      <c r="AG43304">
        <v>102</v>
      </c>
      <c r="AH43304">
        <v>101</v>
      </c>
      <c r="AI43304">
        <v>101</v>
      </c>
      <c r="AJ43304">
        <v>101</v>
      </c>
      <c r="AK43304">
        <v>101</v>
      </c>
      <c r="AL43304">
        <v>100</v>
      </c>
      <c r="AM43304">
        <v>100</v>
      </c>
      <c r="AN43304">
        <v>100</v>
      </c>
      <c r="AO43304">
        <v>100</v>
      </c>
      <c r="AP43304">
        <v>99</v>
      </c>
      <c r="AQ43304">
        <v>99</v>
      </c>
    </row>
    <row r="43305" spans="1:43">
      <c r="A43305" t="s">
        <v>26471</v>
      </c>
      <c r="B43305" t="s">
        <v>26472</v>
      </c>
      <c r="C43305" t="s">
        <v>4026</v>
      </c>
      <c r="D43305" t="s">
        <v>4027</v>
      </c>
      <c r="E43305" t="s">
        <v>3968</v>
      </c>
      <c r="F43305" t="s">
        <v>3969</v>
      </c>
      <c r="G43305" t="s">
        <v>80</v>
      </c>
      <c r="H43305" t="s">
        <v>81</v>
      </c>
      <c r="I43305" s="2">
        <v>0</v>
      </c>
      <c r="J43305" s="2">
        <v>1</v>
      </c>
      <c r="K43305" s="2">
        <v>0</v>
      </c>
      <c r="L43305" t="s">
        <v>82</v>
      </c>
      <c r="M43305" t="s">
        <v>83</v>
      </c>
      <c r="N43305" t="s">
        <v>91</v>
      </c>
      <c r="O43305" t="s">
        <v>85</v>
      </c>
      <c r="P43305" t="s">
        <v>86</v>
      </c>
      <c r="Q43305">
        <v>83</v>
      </c>
      <c r="R43305">
        <v>84</v>
      </c>
      <c r="S43305">
        <v>85</v>
      </c>
      <c r="T43305">
        <v>86</v>
      </c>
      <c r="U43305">
        <v>87</v>
      </c>
      <c r="V43305">
        <v>88</v>
      </c>
      <c r="W43305">
        <v>88</v>
      </c>
      <c r="X43305">
        <v>89</v>
      </c>
      <c r="Y43305">
        <v>90</v>
      </c>
      <c r="Z43305">
        <v>91</v>
      </c>
      <c r="AA43305">
        <v>92</v>
      </c>
      <c r="AB43305">
        <v>93</v>
      </c>
      <c r="AC43305">
        <v>94</v>
      </c>
      <c r="AD43305">
        <v>94</v>
      </c>
      <c r="AE43305">
        <v>95</v>
      </c>
      <c r="AF43305">
        <v>96</v>
      </c>
      <c r="AG43305">
        <v>97</v>
      </c>
      <c r="AH43305">
        <v>97</v>
      </c>
      <c r="AI43305">
        <v>98</v>
      </c>
      <c r="AJ43305">
        <v>99</v>
      </c>
      <c r="AK43305">
        <v>99</v>
      </c>
      <c r="AL43305">
        <v>99</v>
      </c>
      <c r="AM43305">
        <v>99</v>
      </c>
      <c r="AN43305">
        <v>99</v>
      </c>
      <c r="AO43305">
        <v>99</v>
      </c>
      <c r="AP43305">
        <v>98</v>
      </c>
      <c r="AQ43305">
        <v>98</v>
      </c>
    </row>
    <row r="43306" spans="1:43">
      <c r="A43306" t="s">
        <v>26473</v>
      </c>
      <c r="B43306" t="s">
        <v>26474</v>
      </c>
      <c r="C43306" t="s">
        <v>4026</v>
      </c>
      <c r="D43306" t="s">
        <v>4027</v>
      </c>
      <c r="E43306" t="s">
        <v>3968</v>
      </c>
      <c r="F43306" t="s">
        <v>3969</v>
      </c>
      <c r="G43306" t="s">
        <v>80</v>
      </c>
      <c r="H43306" t="s">
        <v>81</v>
      </c>
      <c r="I43306" s="2">
        <v>0</v>
      </c>
      <c r="J43306" s="2">
        <v>1</v>
      </c>
      <c r="K43306" s="2">
        <v>0</v>
      </c>
      <c r="L43306" t="s">
        <v>82</v>
      </c>
      <c r="M43306" t="s">
        <v>83</v>
      </c>
      <c r="N43306" t="s">
        <v>84</v>
      </c>
      <c r="O43306" t="s">
        <v>85</v>
      </c>
      <c r="P43306" t="s">
        <v>86</v>
      </c>
      <c r="Q43306">
        <v>9</v>
      </c>
      <c r="R43306">
        <v>9</v>
      </c>
      <c r="S43306">
        <v>9</v>
      </c>
      <c r="T43306">
        <v>10</v>
      </c>
      <c r="U43306">
        <v>10</v>
      </c>
      <c r="V43306">
        <v>10</v>
      </c>
      <c r="W43306">
        <v>10</v>
      </c>
      <c r="X43306">
        <v>10</v>
      </c>
      <c r="Y43306">
        <v>10</v>
      </c>
      <c r="Z43306">
        <v>10</v>
      </c>
      <c r="AA43306">
        <v>10</v>
      </c>
      <c r="AB43306">
        <v>10</v>
      </c>
      <c r="AC43306">
        <v>10</v>
      </c>
      <c r="AD43306">
        <v>10</v>
      </c>
      <c r="AE43306">
        <v>11</v>
      </c>
      <c r="AF43306">
        <v>11</v>
      </c>
      <c r="AG43306">
        <v>11</v>
      </c>
      <c r="AH43306">
        <v>11</v>
      </c>
      <c r="AI43306">
        <v>11</v>
      </c>
      <c r="AJ43306">
        <v>11</v>
      </c>
      <c r="AK43306">
        <v>11</v>
      </c>
      <c r="AL43306">
        <v>11</v>
      </c>
      <c r="AM43306">
        <v>11</v>
      </c>
      <c r="AN43306">
        <v>11</v>
      </c>
      <c r="AO43306">
        <v>11</v>
      </c>
      <c r="AP43306">
        <v>11</v>
      </c>
      <c r="AQ43306">
        <v>11</v>
      </c>
    </row>
    <row r="43307" spans="1:43">
      <c r="A43307" t="s">
        <v>26473</v>
      </c>
      <c r="B43307" t="s">
        <v>26474</v>
      </c>
      <c r="C43307" t="s">
        <v>4026</v>
      </c>
      <c r="D43307" t="s">
        <v>4027</v>
      </c>
      <c r="E43307" t="s">
        <v>3968</v>
      </c>
      <c r="F43307" t="s">
        <v>3969</v>
      </c>
      <c r="G43307" t="s">
        <v>80</v>
      </c>
      <c r="H43307" t="s">
        <v>81</v>
      </c>
      <c r="I43307" s="2">
        <v>0</v>
      </c>
      <c r="J43307" s="2">
        <v>1</v>
      </c>
      <c r="K43307" s="2">
        <v>0</v>
      </c>
      <c r="L43307" t="s">
        <v>82</v>
      </c>
      <c r="M43307" t="s">
        <v>87</v>
      </c>
      <c r="N43307" t="s">
        <v>88</v>
      </c>
      <c r="O43307" t="s">
        <v>85</v>
      </c>
      <c r="P43307" t="s">
        <v>86</v>
      </c>
      <c r="Q43307">
        <v>9</v>
      </c>
      <c r="R43307">
        <v>9</v>
      </c>
      <c r="S43307">
        <v>9</v>
      </c>
      <c r="T43307">
        <v>9</v>
      </c>
      <c r="U43307">
        <v>9</v>
      </c>
      <c r="V43307">
        <v>9</v>
      </c>
      <c r="W43307">
        <v>9</v>
      </c>
      <c r="X43307">
        <v>9</v>
      </c>
      <c r="Y43307">
        <v>9</v>
      </c>
      <c r="Z43307">
        <v>9</v>
      </c>
      <c r="AA43307">
        <v>9</v>
      </c>
      <c r="AB43307">
        <v>9</v>
      </c>
      <c r="AC43307">
        <v>9</v>
      </c>
      <c r="AD43307">
        <v>9</v>
      </c>
      <c r="AE43307">
        <v>9</v>
      </c>
      <c r="AF43307">
        <v>9</v>
      </c>
      <c r="AG43307">
        <v>9</v>
      </c>
      <c r="AH43307">
        <v>9</v>
      </c>
      <c r="AI43307">
        <v>9</v>
      </c>
      <c r="AJ43307">
        <v>9</v>
      </c>
      <c r="AK43307">
        <v>9</v>
      </c>
      <c r="AL43307">
        <v>9</v>
      </c>
      <c r="AM43307">
        <v>9</v>
      </c>
      <c r="AN43307">
        <v>9</v>
      </c>
      <c r="AO43307">
        <v>9</v>
      </c>
      <c r="AP43307">
        <v>9</v>
      </c>
      <c r="AQ43307">
        <v>9</v>
      </c>
    </row>
    <row r="43308" spans="1:43">
      <c r="A43308" t="s">
        <v>26473</v>
      </c>
      <c r="B43308" t="s">
        <v>26474</v>
      </c>
      <c r="C43308" t="s">
        <v>4026</v>
      </c>
      <c r="D43308" t="s">
        <v>4027</v>
      </c>
      <c r="E43308" t="s">
        <v>3968</v>
      </c>
      <c r="F43308" t="s">
        <v>3969</v>
      </c>
      <c r="G43308" t="s">
        <v>80</v>
      </c>
      <c r="H43308" t="s">
        <v>81</v>
      </c>
      <c r="I43308" s="2">
        <v>0</v>
      </c>
      <c r="J43308" s="2">
        <v>1</v>
      </c>
      <c r="K43308" s="2">
        <v>0</v>
      </c>
      <c r="L43308" t="s">
        <v>82</v>
      </c>
      <c r="M43308" t="s">
        <v>89</v>
      </c>
      <c r="N43308" t="s">
        <v>90</v>
      </c>
      <c r="O43308" t="s">
        <v>85</v>
      </c>
      <c r="P43308" t="s">
        <v>86</v>
      </c>
      <c r="Q43308">
        <v>9</v>
      </c>
      <c r="R43308">
        <v>9</v>
      </c>
      <c r="S43308">
        <v>10</v>
      </c>
      <c r="T43308">
        <v>10</v>
      </c>
      <c r="U43308">
        <v>10</v>
      </c>
      <c r="V43308">
        <v>10</v>
      </c>
      <c r="W43308">
        <v>10</v>
      </c>
      <c r="X43308">
        <v>10</v>
      </c>
      <c r="Y43308">
        <v>11</v>
      </c>
      <c r="Z43308">
        <v>11</v>
      </c>
      <c r="AA43308">
        <v>11</v>
      </c>
      <c r="AB43308">
        <v>11</v>
      </c>
      <c r="AC43308">
        <v>11</v>
      </c>
      <c r="AD43308">
        <v>11</v>
      </c>
      <c r="AE43308">
        <v>11</v>
      </c>
      <c r="AF43308">
        <v>11</v>
      </c>
      <c r="AG43308">
        <v>11</v>
      </c>
      <c r="AH43308">
        <v>11</v>
      </c>
      <c r="AI43308">
        <v>11</v>
      </c>
      <c r="AJ43308">
        <v>11</v>
      </c>
      <c r="AK43308">
        <v>11</v>
      </c>
      <c r="AL43308">
        <v>11</v>
      </c>
      <c r="AM43308">
        <v>11</v>
      </c>
      <c r="AN43308">
        <v>11</v>
      </c>
      <c r="AO43308">
        <v>11</v>
      </c>
      <c r="AP43308">
        <v>11</v>
      </c>
      <c r="AQ43308">
        <v>11</v>
      </c>
    </row>
    <row r="43309" spans="1:43">
      <c r="A43309" t="s">
        <v>26473</v>
      </c>
      <c r="B43309" t="s">
        <v>26474</v>
      </c>
      <c r="C43309" t="s">
        <v>4026</v>
      </c>
      <c r="D43309" t="s">
        <v>4027</v>
      </c>
      <c r="E43309" t="s">
        <v>3968</v>
      </c>
      <c r="F43309" t="s">
        <v>3969</v>
      </c>
      <c r="G43309" t="s">
        <v>80</v>
      </c>
      <c r="H43309" t="s">
        <v>81</v>
      </c>
      <c r="I43309" s="2">
        <v>0</v>
      </c>
      <c r="J43309" s="2">
        <v>1</v>
      </c>
      <c r="K43309" s="2">
        <v>0</v>
      </c>
      <c r="L43309" t="s">
        <v>82</v>
      </c>
      <c r="M43309" t="s">
        <v>83</v>
      </c>
      <c r="N43309" t="s">
        <v>91</v>
      </c>
      <c r="O43309" t="s">
        <v>85</v>
      </c>
      <c r="P43309" t="s">
        <v>86</v>
      </c>
      <c r="Q43309">
        <v>9</v>
      </c>
      <c r="R43309">
        <v>9</v>
      </c>
      <c r="S43309">
        <v>9</v>
      </c>
      <c r="T43309">
        <v>10</v>
      </c>
      <c r="U43309">
        <v>10</v>
      </c>
      <c r="V43309">
        <v>10</v>
      </c>
      <c r="W43309">
        <v>10</v>
      </c>
      <c r="X43309">
        <v>10</v>
      </c>
      <c r="Y43309">
        <v>10</v>
      </c>
      <c r="Z43309">
        <v>10</v>
      </c>
      <c r="AA43309">
        <v>10</v>
      </c>
      <c r="AB43309">
        <v>10</v>
      </c>
      <c r="AC43309">
        <v>10</v>
      </c>
      <c r="AD43309">
        <v>10</v>
      </c>
      <c r="AE43309">
        <v>11</v>
      </c>
      <c r="AF43309">
        <v>11</v>
      </c>
      <c r="AG43309">
        <v>11</v>
      </c>
      <c r="AH43309">
        <v>11</v>
      </c>
      <c r="AI43309">
        <v>11</v>
      </c>
      <c r="AJ43309">
        <v>11</v>
      </c>
      <c r="AK43309">
        <v>11</v>
      </c>
      <c r="AL43309">
        <v>11</v>
      </c>
      <c r="AM43309">
        <v>11</v>
      </c>
      <c r="AN43309">
        <v>11</v>
      </c>
      <c r="AO43309">
        <v>11</v>
      </c>
      <c r="AP43309">
        <v>11</v>
      </c>
      <c r="AQ43309">
        <v>11</v>
      </c>
    </row>
    <row r="43310" spans="1:43">
      <c r="A43310" t="s">
        <v>26475</v>
      </c>
      <c r="B43310" t="s">
        <v>26476</v>
      </c>
      <c r="C43310" t="s">
        <v>4174</v>
      </c>
      <c r="D43310" t="s">
        <v>4175</v>
      </c>
      <c r="E43310" t="s">
        <v>3968</v>
      </c>
      <c r="F43310" t="s">
        <v>3969</v>
      </c>
      <c r="G43310" t="s">
        <v>80</v>
      </c>
      <c r="H43310" t="s">
        <v>81</v>
      </c>
      <c r="I43310" s="2">
        <v>0</v>
      </c>
      <c r="J43310" s="2">
        <v>1</v>
      </c>
      <c r="K43310" s="2">
        <v>0</v>
      </c>
      <c r="L43310" t="s">
        <v>82</v>
      </c>
      <c r="M43310" t="s">
        <v>83</v>
      </c>
      <c r="N43310" t="s">
        <v>84</v>
      </c>
      <c r="O43310" t="s">
        <v>85</v>
      </c>
      <c r="P43310" t="s">
        <v>86</v>
      </c>
      <c r="Q43310">
        <v>79</v>
      </c>
      <c r="R43310">
        <v>80</v>
      </c>
      <c r="S43310">
        <v>81</v>
      </c>
      <c r="T43310">
        <v>82</v>
      </c>
      <c r="U43310">
        <v>83</v>
      </c>
      <c r="V43310">
        <v>84</v>
      </c>
      <c r="W43310">
        <v>84</v>
      </c>
      <c r="X43310">
        <v>85</v>
      </c>
      <c r="Y43310">
        <v>86</v>
      </c>
      <c r="Z43310">
        <v>87</v>
      </c>
      <c r="AA43310">
        <v>88</v>
      </c>
      <c r="AB43310">
        <v>89</v>
      </c>
      <c r="AC43310">
        <v>90</v>
      </c>
      <c r="AD43310">
        <v>91</v>
      </c>
      <c r="AE43310">
        <v>91</v>
      </c>
      <c r="AF43310">
        <v>92</v>
      </c>
      <c r="AG43310">
        <v>93</v>
      </c>
      <c r="AH43310">
        <v>94</v>
      </c>
      <c r="AI43310">
        <v>95</v>
      </c>
      <c r="AJ43310">
        <v>95</v>
      </c>
      <c r="AK43310">
        <v>96</v>
      </c>
      <c r="AL43310">
        <v>96</v>
      </c>
      <c r="AM43310">
        <v>96</v>
      </c>
      <c r="AN43310">
        <v>96</v>
      </c>
      <c r="AO43310">
        <v>96</v>
      </c>
      <c r="AP43310">
        <v>96</v>
      </c>
      <c r="AQ43310">
        <v>95</v>
      </c>
    </row>
    <row r="43311" spans="1:43">
      <c r="A43311" t="s">
        <v>26475</v>
      </c>
      <c r="B43311" t="s">
        <v>26476</v>
      </c>
      <c r="C43311" t="s">
        <v>4174</v>
      </c>
      <c r="D43311" t="s">
        <v>4175</v>
      </c>
      <c r="E43311" t="s">
        <v>3968</v>
      </c>
      <c r="F43311" t="s">
        <v>3969</v>
      </c>
      <c r="G43311" t="s">
        <v>80</v>
      </c>
      <c r="H43311" t="s">
        <v>81</v>
      </c>
      <c r="I43311" s="2">
        <v>0</v>
      </c>
      <c r="J43311" s="2">
        <v>1</v>
      </c>
      <c r="K43311" s="2">
        <v>0</v>
      </c>
      <c r="L43311" t="s">
        <v>82</v>
      </c>
      <c r="M43311" t="s">
        <v>87</v>
      </c>
      <c r="N43311" t="s">
        <v>88</v>
      </c>
      <c r="O43311" t="s">
        <v>85</v>
      </c>
      <c r="P43311" t="s">
        <v>86</v>
      </c>
      <c r="Q43311">
        <v>79</v>
      </c>
      <c r="R43311">
        <v>79</v>
      </c>
      <c r="S43311">
        <v>79</v>
      </c>
      <c r="T43311">
        <v>80</v>
      </c>
      <c r="U43311">
        <v>80</v>
      </c>
      <c r="V43311">
        <v>80</v>
      </c>
      <c r="W43311">
        <v>80</v>
      </c>
      <c r="X43311">
        <v>81</v>
      </c>
      <c r="Y43311">
        <v>81</v>
      </c>
      <c r="Z43311">
        <v>81</v>
      </c>
      <c r="AA43311">
        <v>81</v>
      </c>
      <c r="AB43311">
        <v>81</v>
      </c>
      <c r="AC43311">
        <v>82</v>
      </c>
      <c r="AD43311">
        <v>82</v>
      </c>
      <c r="AE43311">
        <v>82</v>
      </c>
      <c r="AF43311">
        <v>82</v>
      </c>
      <c r="AG43311">
        <v>82</v>
      </c>
      <c r="AH43311">
        <v>82</v>
      </c>
      <c r="AI43311">
        <v>82</v>
      </c>
      <c r="AJ43311">
        <v>82</v>
      </c>
      <c r="AK43311">
        <v>83</v>
      </c>
      <c r="AL43311">
        <v>83</v>
      </c>
      <c r="AM43311">
        <v>83</v>
      </c>
      <c r="AN43311">
        <v>83</v>
      </c>
      <c r="AO43311">
        <v>83</v>
      </c>
      <c r="AP43311">
        <v>83</v>
      </c>
      <c r="AQ43311">
        <v>83</v>
      </c>
    </row>
    <row r="43312" spans="1:43">
      <c r="A43312" t="s">
        <v>26475</v>
      </c>
      <c r="B43312" t="s">
        <v>26476</v>
      </c>
      <c r="C43312" t="s">
        <v>4174</v>
      </c>
      <c r="D43312" t="s">
        <v>4175</v>
      </c>
      <c r="E43312" t="s">
        <v>3968</v>
      </c>
      <c r="F43312" t="s">
        <v>3969</v>
      </c>
      <c r="G43312" t="s">
        <v>80</v>
      </c>
      <c r="H43312" t="s">
        <v>81</v>
      </c>
      <c r="I43312" s="2">
        <v>0</v>
      </c>
      <c r="J43312" s="2">
        <v>1</v>
      </c>
      <c r="K43312" s="2">
        <v>0</v>
      </c>
      <c r="L43312" t="s">
        <v>82</v>
      </c>
      <c r="M43312" t="s">
        <v>89</v>
      </c>
      <c r="N43312" t="s">
        <v>90</v>
      </c>
      <c r="O43312" t="s">
        <v>85</v>
      </c>
      <c r="P43312" t="s">
        <v>86</v>
      </c>
      <c r="Q43312">
        <v>79</v>
      </c>
      <c r="R43312">
        <v>81</v>
      </c>
      <c r="S43312">
        <v>83</v>
      </c>
      <c r="T43312">
        <v>84</v>
      </c>
      <c r="U43312">
        <v>86</v>
      </c>
      <c r="V43312">
        <v>87</v>
      </c>
      <c r="W43312">
        <v>89</v>
      </c>
      <c r="X43312">
        <v>90</v>
      </c>
      <c r="Y43312">
        <v>92</v>
      </c>
      <c r="Z43312">
        <v>93</v>
      </c>
      <c r="AA43312">
        <v>94</v>
      </c>
      <c r="AB43312">
        <v>95</v>
      </c>
      <c r="AC43312">
        <v>96</v>
      </c>
      <c r="AD43312">
        <v>98</v>
      </c>
      <c r="AE43312">
        <v>98</v>
      </c>
      <c r="AF43312">
        <v>98</v>
      </c>
      <c r="AG43312">
        <v>98</v>
      </c>
      <c r="AH43312">
        <v>98</v>
      </c>
      <c r="AI43312">
        <v>98</v>
      </c>
      <c r="AJ43312">
        <v>98</v>
      </c>
      <c r="AK43312">
        <v>98</v>
      </c>
      <c r="AL43312">
        <v>97</v>
      </c>
      <c r="AM43312">
        <v>97</v>
      </c>
      <c r="AN43312">
        <v>97</v>
      </c>
      <c r="AO43312">
        <v>97</v>
      </c>
      <c r="AP43312">
        <v>97</v>
      </c>
      <c r="AQ43312">
        <v>97</v>
      </c>
    </row>
    <row r="43313" spans="1:43">
      <c r="A43313" t="s">
        <v>26475</v>
      </c>
      <c r="B43313" t="s">
        <v>26476</v>
      </c>
      <c r="C43313" t="s">
        <v>4174</v>
      </c>
      <c r="D43313" t="s">
        <v>4175</v>
      </c>
      <c r="E43313" t="s">
        <v>3968</v>
      </c>
      <c r="F43313" t="s">
        <v>3969</v>
      </c>
      <c r="G43313" t="s">
        <v>80</v>
      </c>
      <c r="H43313" t="s">
        <v>81</v>
      </c>
      <c r="I43313" s="2">
        <v>0</v>
      </c>
      <c r="J43313" s="2">
        <v>1</v>
      </c>
      <c r="K43313" s="2">
        <v>0</v>
      </c>
      <c r="L43313" t="s">
        <v>82</v>
      </c>
      <c r="M43313" t="s">
        <v>83</v>
      </c>
      <c r="N43313" t="s">
        <v>91</v>
      </c>
      <c r="O43313" t="s">
        <v>85</v>
      </c>
      <c r="P43313" t="s">
        <v>86</v>
      </c>
      <c r="Q43313">
        <v>79</v>
      </c>
      <c r="R43313">
        <v>80</v>
      </c>
      <c r="S43313">
        <v>81</v>
      </c>
      <c r="T43313">
        <v>82</v>
      </c>
      <c r="U43313">
        <v>83</v>
      </c>
      <c r="V43313">
        <v>84</v>
      </c>
      <c r="W43313">
        <v>84</v>
      </c>
      <c r="X43313">
        <v>85</v>
      </c>
      <c r="Y43313">
        <v>86</v>
      </c>
      <c r="Z43313">
        <v>87</v>
      </c>
      <c r="AA43313">
        <v>88</v>
      </c>
      <c r="AB43313">
        <v>89</v>
      </c>
      <c r="AC43313">
        <v>90</v>
      </c>
      <c r="AD43313">
        <v>91</v>
      </c>
      <c r="AE43313">
        <v>91</v>
      </c>
      <c r="AF43313">
        <v>92</v>
      </c>
      <c r="AG43313">
        <v>93</v>
      </c>
      <c r="AH43313">
        <v>94</v>
      </c>
      <c r="AI43313">
        <v>95</v>
      </c>
      <c r="AJ43313">
        <v>95</v>
      </c>
      <c r="AK43313">
        <v>96</v>
      </c>
      <c r="AL43313">
        <v>96</v>
      </c>
      <c r="AM43313">
        <v>96</v>
      </c>
      <c r="AN43313">
        <v>96</v>
      </c>
      <c r="AO43313">
        <v>96</v>
      </c>
      <c r="AP43313">
        <v>96</v>
      </c>
      <c r="AQ43313">
        <v>95</v>
      </c>
    </row>
    <row r="43314" spans="1:43">
      <c r="A43314" t="s">
        <v>26477</v>
      </c>
      <c r="B43314" t="s">
        <v>26478</v>
      </c>
      <c r="C43314" t="s">
        <v>4174</v>
      </c>
      <c r="D43314" t="s">
        <v>4175</v>
      </c>
      <c r="E43314" t="s">
        <v>3968</v>
      </c>
      <c r="F43314" t="s">
        <v>3969</v>
      </c>
      <c r="G43314" t="s">
        <v>80</v>
      </c>
      <c r="H43314" t="s">
        <v>81</v>
      </c>
      <c r="I43314" s="2">
        <v>0</v>
      </c>
      <c r="J43314" s="2">
        <v>1</v>
      </c>
      <c r="K43314" s="2">
        <v>0</v>
      </c>
      <c r="L43314" t="s">
        <v>82</v>
      </c>
      <c r="M43314" t="s">
        <v>83</v>
      </c>
      <c r="N43314" t="s">
        <v>84</v>
      </c>
      <c r="O43314" t="s">
        <v>85</v>
      </c>
      <c r="P43314" t="s">
        <v>86</v>
      </c>
      <c r="Q43314">
        <v>57</v>
      </c>
      <c r="R43314">
        <v>58</v>
      </c>
      <c r="S43314">
        <v>58</v>
      </c>
      <c r="T43314">
        <v>59</v>
      </c>
      <c r="U43314">
        <v>60</v>
      </c>
      <c r="V43314">
        <v>60</v>
      </c>
      <c r="W43314">
        <v>61</v>
      </c>
      <c r="X43314">
        <v>62</v>
      </c>
      <c r="Y43314">
        <v>62</v>
      </c>
      <c r="Z43314">
        <v>63</v>
      </c>
      <c r="AA43314">
        <v>64</v>
      </c>
      <c r="AB43314">
        <v>64</v>
      </c>
      <c r="AC43314">
        <v>65</v>
      </c>
      <c r="AD43314">
        <v>66</v>
      </c>
      <c r="AE43314">
        <v>66</v>
      </c>
      <c r="AF43314">
        <v>67</v>
      </c>
      <c r="AG43314">
        <v>67</v>
      </c>
      <c r="AH43314">
        <v>68</v>
      </c>
      <c r="AI43314">
        <v>68</v>
      </c>
      <c r="AJ43314">
        <v>69</v>
      </c>
      <c r="AK43314">
        <v>69</v>
      </c>
      <c r="AL43314">
        <v>70</v>
      </c>
      <c r="AM43314">
        <v>69</v>
      </c>
      <c r="AN43314">
        <v>69</v>
      </c>
      <c r="AO43314">
        <v>69</v>
      </c>
      <c r="AP43314">
        <v>69</v>
      </c>
      <c r="AQ43314">
        <v>69</v>
      </c>
    </row>
    <row r="43315" spans="1:43">
      <c r="A43315" t="s">
        <v>26477</v>
      </c>
      <c r="B43315" t="s">
        <v>26478</v>
      </c>
      <c r="C43315" t="s">
        <v>4174</v>
      </c>
      <c r="D43315" t="s">
        <v>4175</v>
      </c>
      <c r="E43315" t="s">
        <v>3968</v>
      </c>
      <c r="F43315" t="s">
        <v>3969</v>
      </c>
      <c r="G43315" t="s">
        <v>80</v>
      </c>
      <c r="H43315" t="s">
        <v>81</v>
      </c>
      <c r="I43315" s="2">
        <v>0</v>
      </c>
      <c r="J43315" s="2">
        <v>1</v>
      </c>
      <c r="K43315" s="2">
        <v>0</v>
      </c>
      <c r="L43315" t="s">
        <v>82</v>
      </c>
      <c r="M43315" t="s">
        <v>87</v>
      </c>
      <c r="N43315" t="s">
        <v>88</v>
      </c>
      <c r="O43315" t="s">
        <v>85</v>
      </c>
      <c r="P43315" t="s">
        <v>86</v>
      </c>
      <c r="Q43315">
        <v>57</v>
      </c>
      <c r="R43315">
        <v>58</v>
      </c>
      <c r="S43315">
        <v>58</v>
      </c>
      <c r="T43315">
        <v>58</v>
      </c>
      <c r="U43315">
        <v>58</v>
      </c>
      <c r="V43315">
        <v>58</v>
      </c>
      <c r="W43315">
        <v>58</v>
      </c>
      <c r="X43315">
        <v>59</v>
      </c>
      <c r="Y43315">
        <v>59</v>
      </c>
      <c r="Z43315">
        <v>59</v>
      </c>
      <c r="AA43315">
        <v>59</v>
      </c>
      <c r="AB43315">
        <v>59</v>
      </c>
      <c r="AC43315">
        <v>59</v>
      </c>
      <c r="AD43315">
        <v>59</v>
      </c>
      <c r="AE43315">
        <v>59</v>
      </c>
      <c r="AF43315">
        <v>60</v>
      </c>
      <c r="AG43315">
        <v>60</v>
      </c>
      <c r="AH43315">
        <v>60</v>
      </c>
      <c r="AI43315">
        <v>60</v>
      </c>
      <c r="AJ43315">
        <v>60</v>
      </c>
      <c r="AK43315">
        <v>60</v>
      </c>
      <c r="AL43315">
        <v>60</v>
      </c>
      <c r="AM43315">
        <v>60</v>
      </c>
      <c r="AN43315">
        <v>60</v>
      </c>
      <c r="AO43315">
        <v>60</v>
      </c>
      <c r="AP43315">
        <v>60</v>
      </c>
      <c r="AQ43315">
        <v>60</v>
      </c>
    </row>
    <row r="43316" spans="1:43">
      <c r="A43316" t="s">
        <v>26477</v>
      </c>
      <c r="B43316" t="s">
        <v>26478</v>
      </c>
      <c r="C43316" t="s">
        <v>4174</v>
      </c>
      <c r="D43316" t="s">
        <v>4175</v>
      </c>
      <c r="E43316" t="s">
        <v>3968</v>
      </c>
      <c r="F43316" t="s">
        <v>3969</v>
      </c>
      <c r="G43316" t="s">
        <v>80</v>
      </c>
      <c r="H43316" t="s">
        <v>81</v>
      </c>
      <c r="I43316" s="2">
        <v>0</v>
      </c>
      <c r="J43316" s="2">
        <v>1</v>
      </c>
      <c r="K43316" s="2">
        <v>0</v>
      </c>
      <c r="L43316" t="s">
        <v>82</v>
      </c>
      <c r="M43316" t="s">
        <v>89</v>
      </c>
      <c r="N43316" t="s">
        <v>90</v>
      </c>
      <c r="O43316" t="s">
        <v>85</v>
      </c>
      <c r="P43316" t="s">
        <v>86</v>
      </c>
      <c r="Q43316">
        <v>57</v>
      </c>
      <c r="R43316">
        <v>59</v>
      </c>
      <c r="S43316">
        <v>60</v>
      </c>
      <c r="T43316">
        <v>61</v>
      </c>
      <c r="U43316">
        <v>62</v>
      </c>
      <c r="V43316">
        <v>63</v>
      </c>
      <c r="W43316">
        <v>64</v>
      </c>
      <c r="X43316">
        <v>65</v>
      </c>
      <c r="Y43316">
        <v>66</v>
      </c>
      <c r="Z43316">
        <v>67</v>
      </c>
      <c r="AA43316">
        <v>68</v>
      </c>
      <c r="AB43316">
        <v>69</v>
      </c>
      <c r="AC43316">
        <v>70</v>
      </c>
      <c r="AD43316">
        <v>71</v>
      </c>
      <c r="AE43316">
        <v>71</v>
      </c>
      <c r="AF43316">
        <v>71</v>
      </c>
      <c r="AG43316">
        <v>71</v>
      </c>
      <c r="AH43316">
        <v>71</v>
      </c>
      <c r="AI43316">
        <v>71</v>
      </c>
      <c r="AJ43316">
        <v>71</v>
      </c>
      <c r="AK43316">
        <v>71</v>
      </c>
      <c r="AL43316">
        <v>71</v>
      </c>
      <c r="AM43316">
        <v>70</v>
      </c>
      <c r="AN43316">
        <v>70</v>
      </c>
      <c r="AO43316">
        <v>70</v>
      </c>
      <c r="AP43316">
        <v>70</v>
      </c>
      <c r="AQ43316">
        <v>70</v>
      </c>
    </row>
    <row r="43317" spans="1:43">
      <c r="A43317" t="s">
        <v>26477</v>
      </c>
      <c r="B43317" t="s">
        <v>26478</v>
      </c>
      <c r="C43317" t="s">
        <v>4174</v>
      </c>
      <c r="D43317" t="s">
        <v>4175</v>
      </c>
      <c r="E43317" t="s">
        <v>3968</v>
      </c>
      <c r="F43317" t="s">
        <v>3969</v>
      </c>
      <c r="G43317" t="s">
        <v>80</v>
      </c>
      <c r="H43317" t="s">
        <v>81</v>
      </c>
      <c r="I43317" s="2">
        <v>0</v>
      </c>
      <c r="J43317" s="2">
        <v>1</v>
      </c>
      <c r="K43317" s="2">
        <v>0</v>
      </c>
      <c r="L43317" t="s">
        <v>82</v>
      </c>
      <c r="M43317" t="s">
        <v>83</v>
      </c>
      <c r="N43317" t="s">
        <v>91</v>
      </c>
      <c r="O43317" t="s">
        <v>85</v>
      </c>
      <c r="P43317" t="s">
        <v>86</v>
      </c>
      <c r="Q43317">
        <v>57</v>
      </c>
      <c r="R43317">
        <v>58</v>
      </c>
      <c r="S43317">
        <v>58</v>
      </c>
      <c r="T43317">
        <v>59</v>
      </c>
      <c r="U43317">
        <v>60</v>
      </c>
      <c r="V43317">
        <v>60</v>
      </c>
      <c r="W43317">
        <v>61</v>
      </c>
      <c r="X43317">
        <v>62</v>
      </c>
      <c r="Y43317">
        <v>62</v>
      </c>
      <c r="Z43317">
        <v>63</v>
      </c>
      <c r="AA43317">
        <v>64</v>
      </c>
      <c r="AB43317">
        <v>64</v>
      </c>
      <c r="AC43317">
        <v>65</v>
      </c>
      <c r="AD43317">
        <v>66</v>
      </c>
      <c r="AE43317">
        <v>66</v>
      </c>
      <c r="AF43317">
        <v>67</v>
      </c>
      <c r="AG43317">
        <v>67</v>
      </c>
      <c r="AH43317">
        <v>68</v>
      </c>
      <c r="AI43317">
        <v>68</v>
      </c>
      <c r="AJ43317">
        <v>69</v>
      </c>
      <c r="AK43317">
        <v>69</v>
      </c>
      <c r="AL43317">
        <v>70</v>
      </c>
      <c r="AM43317">
        <v>69</v>
      </c>
      <c r="AN43317">
        <v>69</v>
      </c>
      <c r="AO43317">
        <v>69</v>
      </c>
      <c r="AP43317">
        <v>69</v>
      </c>
      <c r="AQ43317">
        <v>69</v>
      </c>
    </row>
    <row r="43318" spans="1:43">
      <c r="A43318" t="s">
        <v>26479</v>
      </c>
      <c r="B43318" t="s">
        <v>26480</v>
      </c>
      <c r="C43318" t="s">
        <v>9812</v>
      </c>
      <c r="D43318" t="s">
        <v>9813</v>
      </c>
      <c r="E43318" t="s">
        <v>9544</v>
      </c>
      <c r="F43318" t="s">
        <v>9545</v>
      </c>
      <c r="G43318" t="s">
        <v>80</v>
      </c>
      <c r="H43318" t="s">
        <v>81</v>
      </c>
      <c r="I43318" s="2">
        <v>0</v>
      </c>
      <c r="J43318" s="2">
        <v>1</v>
      </c>
      <c r="K43318" s="2">
        <v>0</v>
      </c>
      <c r="L43318" t="s">
        <v>82</v>
      </c>
      <c r="M43318" t="s">
        <v>83</v>
      </c>
      <c r="N43318" t="s">
        <v>84</v>
      </c>
      <c r="O43318" t="s">
        <v>85</v>
      </c>
      <c r="P43318" t="s">
        <v>86</v>
      </c>
      <c r="Q43318">
        <v>130</v>
      </c>
      <c r="R43318">
        <v>131</v>
      </c>
      <c r="S43318">
        <v>132</v>
      </c>
      <c r="T43318">
        <v>133</v>
      </c>
      <c r="U43318">
        <v>134</v>
      </c>
      <c r="V43318">
        <v>135</v>
      </c>
      <c r="W43318">
        <v>135</v>
      </c>
      <c r="X43318">
        <v>136</v>
      </c>
      <c r="Y43318">
        <v>137</v>
      </c>
      <c r="Z43318">
        <v>137</v>
      </c>
      <c r="AA43318">
        <v>138</v>
      </c>
      <c r="AB43318">
        <v>139</v>
      </c>
      <c r="AC43318">
        <v>139</v>
      </c>
      <c r="AD43318">
        <v>140</v>
      </c>
      <c r="AE43318">
        <v>140</v>
      </c>
      <c r="AF43318">
        <v>141</v>
      </c>
      <c r="AG43318">
        <v>141</v>
      </c>
      <c r="AH43318">
        <v>142</v>
      </c>
      <c r="AI43318">
        <v>142</v>
      </c>
      <c r="AJ43318">
        <v>142</v>
      </c>
      <c r="AK43318">
        <v>143</v>
      </c>
      <c r="AL43318">
        <v>142</v>
      </c>
      <c r="AM43318">
        <v>141</v>
      </c>
      <c r="AN43318">
        <v>140</v>
      </c>
      <c r="AO43318">
        <v>139</v>
      </c>
      <c r="AP43318">
        <v>139</v>
      </c>
      <c r="AQ43318">
        <v>138</v>
      </c>
    </row>
    <row r="43319" spans="1:43">
      <c r="A43319" t="s">
        <v>26479</v>
      </c>
      <c r="B43319" t="s">
        <v>26480</v>
      </c>
      <c r="C43319" t="s">
        <v>9812</v>
      </c>
      <c r="D43319" t="s">
        <v>9813</v>
      </c>
      <c r="E43319" t="s">
        <v>9544</v>
      </c>
      <c r="F43319" t="s">
        <v>9545</v>
      </c>
      <c r="G43319" t="s">
        <v>80</v>
      </c>
      <c r="H43319" t="s">
        <v>81</v>
      </c>
      <c r="I43319" s="2">
        <v>0</v>
      </c>
      <c r="J43319" s="2">
        <v>1</v>
      </c>
      <c r="K43319" s="2">
        <v>0</v>
      </c>
      <c r="L43319" t="s">
        <v>82</v>
      </c>
      <c r="M43319" t="s">
        <v>87</v>
      </c>
      <c r="N43319" t="s">
        <v>88</v>
      </c>
      <c r="O43319" t="s">
        <v>85</v>
      </c>
      <c r="P43319" t="s">
        <v>86</v>
      </c>
      <c r="Q43319">
        <v>130</v>
      </c>
      <c r="R43319">
        <v>130</v>
      </c>
      <c r="S43319">
        <v>129</v>
      </c>
      <c r="T43319">
        <v>129</v>
      </c>
      <c r="U43319">
        <v>129</v>
      </c>
      <c r="V43319">
        <v>128</v>
      </c>
      <c r="W43319">
        <v>128</v>
      </c>
      <c r="X43319">
        <v>128</v>
      </c>
      <c r="Y43319">
        <v>127</v>
      </c>
      <c r="Z43319">
        <v>127</v>
      </c>
      <c r="AA43319">
        <v>127</v>
      </c>
      <c r="AB43319">
        <v>126</v>
      </c>
      <c r="AC43319">
        <v>126</v>
      </c>
      <c r="AD43319">
        <v>125</v>
      </c>
      <c r="AE43319">
        <v>125</v>
      </c>
      <c r="AF43319">
        <v>125</v>
      </c>
      <c r="AG43319">
        <v>124</v>
      </c>
      <c r="AH43319">
        <v>124</v>
      </c>
      <c r="AI43319">
        <v>123</v>
      </c>
      <c r="AJ43319">
        <v>123</v>
      </c>
      <c r="AK43319">
        <v>122</v>
      </c>
      <c r="AL43319">
        <v>122</v>
      </c>
      <c r="AM43319">
        <v>122</v>
      </c>
      <c r="AN43319">
        <v>121</v>
      </c>
      <c r="AO43319">
        <v>121</v>
      </c>
      <c r="AP43319">
        <v>120</v>
      </c>
      <c r="AQ43319">
        <v>120</v>
      </c>
    </row>
    <row r="43320" spans="1:43">
      <c r="A43320" t="s">
        <v>26479</v>
      </c>
      <c r="B43320" t="s">
        <v>26480</v>
      </c>
      <c r="C43320" t="s">
        <v>9812</v>
      </c>
      <c r="D43320" t="s">
        <v>9813</v>
      </c>
      <c r="E43320" t="s">
        <v>9544</v>
      </c>
      <c r="F43320" t="s">
        <v>9545</v>
      </c>
      <c r="G43320" t="s">
        <v>80</v>
      </c>
      <c r="H43320" t="s">
        <v>81</v>
      </c>
      <c r="I43320" s="2">
        <v>0</v>
      </c>
      <c r="J43320" s="2">
        <v>1</v>
      </c>
      <c r="K43320" s="2">
        <v>0</v>
      </c>
      <c r="L43320" t="s">
        <v>82</v>
      </c>
      <c r="M43320" t="s">
        <v>89</v>
      </c>
      <c r="N43320" t="s">
        <v>90</v>
      </c>
      <c r="O43320" t="s">
        <v>85</v>
      </c>
      <c r="P43320" t="s">
        <v>86</v>
      </c>
      <c r="Q43320">
        <v>130</v>
      </c>
      <c r="R43320">
        <v>132</v>
      </c>
      <c r="S43320">
        <v>133</v>
      </c>
      <c r="T43320">
        <v>135</v>
      </c>
      <c r="U43320">
        <v>137</v>
      </c>
      <c r="V43320">
        <v>139</v>
      </c>
      <c r="W43320">
        <v>140</v>
      </c>
      <c r="X43320">
        <v>142</v>
      </c>
      <c r="Y43320">
        <v>143</v>
      </c>
      <c r="Z43320">
        <v>144</v>
      </c>
      <c r="AA43320">
        <v>145</v>
      </c>
      <c r="AB43320">
        <v>146</v>
      </c>
      <c r="AC43320">
        <v>147</v>
      </c>
      <c r="AD43320">
        <v>148</v>
      </c>
      <c r="AE43320">
        <v>149</v>
      </c>
      <c r="AF43320">
        <v>148</v>
      </c>
      <c r="AG43320">
        <v>147</v>
      </c>
      <c r="AH43320">
        <v>146</v>
      </c>
      <c r="AI43320">
        <v>145</v>
      </c>
      <c r="AJ43320">
        <v>144</v>
      </c>
      <c r="AK43320">
        <v>143</v>
      </c>
      <c r="AL43320">
        <v>142</v>
      </c>
      <c r="AM43320">
        <v>141</v>
      </c>
      <c r="AN43320">
        <v>140</v>
      </c>
      <c r="AO43320">
        <v>139</v>
      </c>
      <c r="AP43320">
        <v>138</v>
      </c>
      <c r="AQ43320">
        <v>137</v>
      </c>
    </row>
    <row r="43321" spans="1:43">
      <c r="A43321" t="s">
        <v>26479</v>
      </c>
      <c r="B43321" t="s">
        <v>26480</v>
      </c>
      <c r="C43321" t="s">
        <v>9812</v>
      </c>
      <c r="D43321" t="s">
        <v>9813</v>
      </c>
      <c r="E43321" t="s">
        <v>9544</v>
      </c>
      <c r="F43321" t="s">
        <v>9545</v>
      </c>
      <c r="G43321" t="s">
        <v>80</v>
      </c>
      <c r="H43321" t="s">
        <v>81</v>
      </c>
      <c r="I43321" s="2">
        <v>0</v>
      </c>
      <c r="J43321" s="2">
        <v>1</v>
      </c>
      <c r="K43321" s="2">
        <v>0</v>
      </c>
      <c r="L43321" t="s">
        <v>82</v>
      </c>
      <c r="M43321" t="s">
        <v>83</v>
      </c>
      <c r="N43321" t="s">
        <v>91</v>
      </c>
      <c r="O43321" t="s">
        <v>85</v>
      </c>
      <c r="P43321" t="s">
        <v>86</v>
      </c>
      <c r="Q43321">
        <v>130</v>
      </c>
      <c r="R43321">
        <v>131</v>
      </c>
      <c r="S43321">
        <v>132</v>
      </c>
      <c r="T43321">
        <v>133</v>
      </c>
      <c r="U43321">
        <v>134</v>
      </c>
      <c r="V43321">
        <v>135</v>
      </c>
      <c r="W43321">
        <v>135</v>
      </c>
      <c r="X43321">
        <v>136</v>
      </c>
      <c r="Y43321">
        <v>137</v>
      </c>
      <c r="Z43321">
        <v>137</v>
      </c>
      <c r="AA43321">
        <v>138</v>
      </c>
      <c r="AB43321">
        <v>139</v>
      </c>
      <c r="AC43321">
        <v>139</v>
      </c>
      <c r="AD43321">
        <v>140</v>
      </c>
      <c r="AE43321">
        <v>140</v>
      </c>
      <c r="AF43321">
        <v>141</v>
      </c>
      <c r="AG43321">
        <v>141</v>
      </c>
      <c r="AH43321">
        <v>142</v>
      </c>
      <c r="AI43321">
        <v>142</v>
      </c>
      <c r="AJ43321">
        <v>142</v>
      </c>
      <c r="AK43321">
        <v>143</v>
      </c>
      <c r="AL43321">
        <v>142</v>
      </c>
      <c r="AM43321">
        <v>141</v>
      </c>
      <c r="AN43321">
        <v>140</v>
      </c>
      <c r="AO43321">
        <v>139</v>
      </c>
      <c r="AP43321">
        <v>139</v>
      </c>
      <c r="AQ43321">
        <v>138</v>
      </c>
    </row>
    <row r="43322" spans="1:43">
      <c r="A43322" t="s">
        <v>26481</v>
      </c>
      <c r="B43322" t="s">
        <v>26482</v>
      </c>
      <c r="C43322" t="s">
        <v>9812</v>
      </c>
      <c r="D43322" t="s">
        <v>9813</v>
      </c>
      <c r="E43322" t="s">
        <v>9544</v>
      </c>
      <c r="F43322" t="s">
        <v>9545</v>
      </c>
      <c r="G43322" t="s">
        <v>80</v>
      </c>
      <c r="H43322" t="s">
        <v>81</v>
      </c>
      <c r="I43322" s="2">
        <v>0</v>
      </c>
      <c r="J43322" s="2">
        <v>1</v>
      </c>
      <c r="K43322" s="2">
        <v>0</v>
      </c>
      <c r="L43322" t="s">
        <v>82</v>
      </c>
      <c r="M43322" t="s">
        <v>83</v>
      </c>
      <c r="N43322" t="s">
        <v>84</v>
      </c>
      <c r="O43322" t="s">
        <v>85</v>
      </c>
      <c r="P43322" t="s">
        <v>86</v>
      </c>
      <c r="Q43322">
        <v>23</v>
      </c>
      <c r="R43322">
        <v>23</v>
      </c>
      <c r="S43322">
        <v>23</v>
      </c>
      <c r="T43322">
        <v>23</v>
      </c>
      <c r="U43322">
        <v>24</v>
      </c>
      <c r="V43322">
        <v>24</v>
      </c>
      <c r="W43322">
        <v>24</v>
      </c>
      <c r="X43322">
        <v>24</v>
      </c>
      <c r="Y43322">
        <v>24</v>
      </c>
      <c r="Z43322">
        <v>24</v>
      </c>
      <c r="AA43322">
        <v>24</v>
      </c>
      <c r="AB43322">
        <v>24</v>
      </c>
      <c r="AC43322">
        <v>25</v>
      </c>
      <c r="AD43322">
        <v>25</v>
      </c>
      <c r="AE43322">
        <v>25</v>
      </c>
      <c r="AF43322">
        <v>25</v>
      </c>
      <c r="AG43322">
        <v>25</v>
      </c>
      <c r="AH43322">
        <v>25</v>
      </c>
      <c r="AI43322">
        <v>25</v>
      </c>
      <c r="AJ43322">
        <v>25</v>
      </c>
      <c r="AK43322">
        <v>25</v>
      </c>
      <c r="AL43322">
        <v>25</v>
      </c>
      <c r="AM43322">
        <v>25</v>
      </c>
      <c r="AN43322">
        <v>25</v>
      </c>
      <c r="AO43322">
        <v>25</v>
      </c>
      <c r="AP43322">
        <v>24</v>
      </c>
      <c r="AQ43322">
        <v>24</v>
      </c>
    </row>
    <row r="43323" spans="1:43">
      <c r="A43323" t="s">
        <v>26481</v>
      </c>
      <c r="B43323" t="s">
        <v>26482</v>
      </c>
      <c r="C43323" t="s">
        <v>9812</v>
      </c>
      <c r="D43323" t="s">
        <v>9813</v>
      </c>
      <c r="E43323" t="s">
        <v>9544</v>
      </c>
      <c r="F43323" t="s">
        <v>9545</v>
      </c>
      <c r="G43323" t="s">
        <v>80</v>
      </c>
      <c r="H43323" t="s">
        <v>81</v>
      </c>
      <c r="I43323" s="2">
        <v>0</v>
      </c>
      <c r="J43323" s="2">
        <v>1</v>
      </c>
      <c r="K43323" s="2">
        <v>0</v>
      </c>
      <c r="L43323" t="s">
        <v>82</v>
      </c>
      <c r="M43323" t="s">
        <v>87</v>
      </c>
      <c r="N43323" t="s">
        <v>88</v>
      </c>
      <c r="O43323" t="s">
        <v>85</v>
      </c>
      <c r="P43323" t="s">
        <v>86</v>
      </c>
      <c r="Q43323">
        <v>23</v>
      </c>
      <c r="R43323">
        <v>23</v>
      </c>
      <c r="S43323">
        <v>23</v>
      </c>
      <c r="T43323">
        <v>23</v>
      </c>
      <c r="U43323">
        <v>23</v>
      </c>
      <c r="V43323">
        <v>23</v>
      </c>
      <c r="W43323">
        <v>22</v>
      </c>
      <c r="X43323">
        <v>22</v>
      </c>
      <c r="Y43323">
        <v>22</v>
      </c>
      <c r="Z43323">
        <v>22</v>
      </c>
      <c r="AA43323">
        <v>22</v>
      </c>
      <c r="AB43323">
        <v>22</v>
      </c>
      <c r="AC43323">
        <v>22</v>
      </c>
      <c r="AD43323">
        <v>22</v>
      </c>
      <c r="AE43323">
        <v>22</v>
      </c>
      <c r="AF43323">
        <v>22</v>
      </c>
      <c r="AG43323">
        <v>22</v>
      </c>
      <c r="AH43323">
        <v>22</v>
      </c>
      <c r="AI43323">
        <v>22</v>
      </c>
      <c r="AJ43323">
        <v>22</v>
      </c>
      <c r="AK43323">
        <v>21</v>
      </c>
      <c r="AL43323">
        <v>21</v>
      </c>
      <c r="AM43323">
        <v>21</v>
      </c>
      <c r="AN43323">
        <v>21</v>
      </c>
      <c r="AO43323">
        <v>21</v>
      </c>
      <c r="AP43323">
        <v>21</v>
      </c>
      <c r="AQ43323">
        <v>21</v>
      </c>
    </row>
    <row r="43324" spans="1:43">
      <c r="A43324" t="s">
        <v>26481</v>
      </c>
      <c r="B43324" t="s">
        <v>26482</v>
      </c>
      <c r="C43324" t="s">
        <v>9812</v>
      </c>
      <c r="D43324" t="s">
        <v>9813</v>
      </c>
      <c r="E43324" t="s">
        <v>9544</v>
      </c>
      <c r="F43324" t="s">
        <v>9545</v>
      </c>
      <c r="G43324" t="s">
        <v>80</v>
      </c>
      <c r="H43324" t="s">
        <v>81</v>
      </c>
      <c r="I43324" s="2">
        <v>0</v>
      </c>
      <c r="J43324" s="2">
        <v>1</v>
      </c>
      <c r="K43324" s="2">
        <v>0</v>
      </c>
      <c r="L43324" t="s">
        <v>82</v>
      </c>
      <c r="M43324" t="s">
        <v>89</v>
      </c>
      <c r="N43324" t="s">
        <v>90</v>
      </c>
      <c r="O43324" t="s">
        <v>85</v>
      </c>
      <c r="P43324" t="s">
        <v>86</v>
      </c>
      <c r="Q43324">
        <v>23</v>
      </c>
      <c r="R43324">
        <v>24</v>
      </c>
      <c r="S43324">
        <v>24</v>
      </c>
      <c r="T43324">
        <v>24</v>
      </c>
      <c r="U43324">
        <v>25</v>
      </c>
      <c r="V43324">
        <v>25</v>
      </c>
      <c r="W43324">
        <v>25</v>
      </c>
      <c r="X43324">
        <v>25</v>
      </c>
      <c r="Y43324">
        <v>26</v>
      </c>
      <c r="Z43324">
        <v>26</v>
      </c>
      <c r="AA43324">
        <v>26</v>
      </c>
      <c r="AB43324">
        <v>26</v>
      </c>
      <c r="AC43324">
        <v>26</v>
      </c>
      <c r="AD43324">
        <v>27</v>
      </c>
      <c r="AE43324">
        <v>27</v>
      </c>
      <c r="AF43324">
        <v>26</v>
      </c>
      <c r="AG43324">
        <v>26</v>
      </c>
      <c r="AH43324">
        <v>26</v>
      </c>
      <c r="AI43324">
        <v>26</v>
      </c>
      <c r="AJ43324">
        <v>26</v>
      </c>
      <c r="AK43324">
        <v>26</v>
      </c>
      <c r="AL43324">
        <v>25</v>
      </c>
      <c r="AM43324">
        <v>25</v>
      </c>
      <c r="AN43324">
        <v>25</v>
      </c>
      <c r="AO43324">
        <v>25</v>
      </c>
      <c r="AP43324">
        <v>25</v>
      </c>
      <c r="AQ43324">
        <v>25</v>
      </c>
    </row>
    <row r="43325" spans="1:43">
      <c r="A43325" t="s">
        <v>26481</v>
      </c>
      <c r="B43325" t="s">
        <v>26482</v>
      </c>
      <c r="C43325" t="s">
        <v>9812</v>
      </c>
      <c r="D43325" t="s">
        <v>9813</v>
      </c>
      <c r="E43325" t="s">
        <v>9544</v>
      </c>
      <c r="F43325" t="s">
        <v>9545</v>
      </c>
      <c r="G43325" t="s">
        <v>80</v>
      </c>
      <c r="H43325" t="s">
        <v>81</v>
      </c>
      <c r="I43325" s="2">
        <v>0</v>
      </c>
      <c r="J43325" s="2">
        <v>1</v>
      </c>
      <c r="K43325" s="2">
        <v>0</v>
      </c>
      <c r="L43325" t="s">
        <v>82</v>
      </c>
      <c r="M43325" t="s">
        <v>83</v>
      </c>
      <c r="N43325" t="s">
        <v>91</v>
      </c>
      <c r="O43325" t="s">
        <v>85</v>
      </c>
      <c r="P43325" t="s">
        <v>86</v>
      </c>
      <c r="Q43325">
        <v>23</v>
      </c>
      <c r="R43325">
        <v>23</v>
      </c>
      <c r="S43325">
        <v>23</v>
      </c>
      <c r="T43325">
        <v>23</v>
      </c>
      <c r="U43325">
        <v>24</v>
      </c>
      <c r="V43325">
        <v>24</v>
      </c>
      <c r="W43325">
        <v>24</v>
      </c>
      <c r="X43325">
        <v>24</v>
      </c>
      <c r="Y43325">
        <v>24</v>
      </c>
      <c r="Z43325">
        <v>24</v>
      </c>
      <c r="AA43325">
        <v>24</v>
      </c>
      <c r="AB43325">
        <v>24</v>
      </c>
      <c r="AC43325">
        <v>25</v>
      </c>
      <c r="AD43325">
        <v>25</v>
      </c>
      <c r="AE43325">
        <v>25</v>
      </c>
      <c r="AF43325">
        <v>25</v>
      </c>
      <c r="AG43325">
        <v>25</v>
      </c>
      <c r="AH43325">
        <v>25</v>
      </c>
      <c r="AI43325">
        <v>25</v>
      </c>
      <c r="AJ43325">
        <v>25</v>
      </c>
      <c r="AK43325">
        <v>25</v>
      </c>
      <c r="AL43325">
        <v>25</v>
      </c>
      <c r="AM43325">
        <v>25</v>
      </c>
      <c r="AN43325">
        <v>25</v>
      </c>
      <c r="AO43325">
        <v>25</v>
      </c>
      <c r="AP43325">
        <v>24</v>
      </c>
      <c r="AQ43325">
        <v>24</v>
      </c>
    </row>
    <row r="43326" spans="1:43">
      <c r="A43326" t="s">
        <v>26483</v>
      </c>
      <c r="B43326" t="s">
        <v>26484</v>
      </c>
      <c r="C43326" t="s">
        <v>9646</v>
      </c>
      <c r="D43326" t="s">
        <v>9647</v>
      </c>
      <c r="E43326" t="s">
        <v>9544</v>
      </c>
      <c r="F43326" t="s">
        <v>9545</v>
      </c>
      <c r="G43326" t="s">
        <v>80</v>
      </c>
      <c r="H43326" t="s">
        <v>81</v>
      </c>
      <c r="I43326" s="2">
        <v>0</v>
      </c>
      <c r="J43326" s="2">
        <v>1</v>
      </c>
      <c r="K43326" s="2">
        <v>0</v>
      </c>
      <c r="L43326" t="s">
        <v>82</v>
      </c>
      <c r="M43326" t="s">
        <v>83</v>
      </c>
      <c r="N43326" t="s">
        <v>84</v>
      </c>
      <c r="O43326" t="s">
        <v>85</v>
      </c>
      <c r="P43326" t="s">
        <v>86</v>
      </c>
      <c r="Q43326">
        <v>140</v>
      </c>
      <c r="R43326">
        <v>141</v>
      </c>
      <c r="S43326">
        <v>142</v>
      </c>
      <c r="T43326">
        <v>143</v>
      </c>
      <c r="U43326">
        <v>143</v>
      </c>
      <c r="V43326">
        <v>144</v>
      </c>
      <c r="W43326">
        <v>145</v>
      </c>
      <c r="X43326">
        <v>146</v>
      </c>
      <c r="Y43326">
        <v>146</v>
      </c>
      <c r="Z43326">
        <v>147</v>
      </c>
      <c r="AA43326">
        <v>147</v>
      </c>
      <c r="AB43326">
        <v>148</v>
      </c>
      <c r="AC43326">
        <v>148</v>
      </c>
      <c r="AD43326">
        <v>149</v>
      </c>
      <c r="AE43326">
        <v>149</v>
      </c>
      <c r="AF43326">
        <v>150</v>
      </c>
      <c r="AG43326">
        <v>150</v>
      </c>
      <c r="AH43326">
        <v>150</v>
      </c>
      <c r="AI43326">
        <v>150</v>
      </c>
      <c r="AJ43326">
        <v>151</v>
      </c>
      <c r="AK43326">
        <v>151</v>
      </c>
      <c r="AL43326">
        <v>150</v>
      </c>
      <c r="AM43326">
        <v>149</v>
      </c>
      <c r="AN43326">
        <v>148</v>
      </c>
      <c r="AO43326">
        <v>147</v>
      </c>
      <c r="AP43326">
        <v>145</v>
      </c>
      <c r="AQ43326">
        <v>144</v>
      </c>
    </row>
    <row r="43327" spans="1:43">
      <c r="A43327" t="s">
        <v>26483</v>
      </c>
      <c r="B43327" t="s">
        <v>26484</v>
      </c>
      <c r="C43327" t="s">
        <v>9646</v>
      </c>
      <c r="D43327" t="s">
        <v>9647</v>
      </c>
      <c r="E43327" t="s">
        <v>9544</v>
      </c>
      <c r="F43327" t="s">
        <v>9545</v>
      </c>
      <c r="G43327" t="s">
        <v>80</v>
      </c>
      <c r="H43327" t="s">
        <v>81</v>
      </c>
      <c r="I43327" s="2">
        <v>0</v>
      </c>
      <c r="J43327" s="2">
        <v>1</v>
      </c>
      <c r="K43327" s="2">
        <v>0</v>
      </c>
      <c r="L43327" t="s">
        <v>82</v>
      </c>
      <c r="M43327" t="s">
        <v>87</v>
      </c>
      <c r="N43327" t="s">
        <v>88</v>
      </c>
      <c r="O43327" t="s">
        <v>85</v>
      </c>
      <c r="P43327" t="s">
        <v>86</v>
      </c>
      <c r="Q43327">
        <v>140</v>
      </c>
      <c r="R43327">
        <v>139</v>
      </c>
      <c r="S43327">
        <v>139</v>
      </c>
      <c r="T43327">
        <v>139</v>
      </c>
      <c r="U43327">
        <v>138</v>
      </c>
      <c r="V43327">
        <v>138</v>
      </c>
      <c r="W43327">
        <v>137</v>
      </c>
      <c r="X43327">
        <v>137</v>
      </c>
      <c r="Y43327">
        <v>136</v>
      </c>
      <c r="Z43327">
        <v>136</v>
      </c>
      <c r="AA43327">
        <v>135</v>
      </c>
      <c r="AB43327">
        <v>135</v>
      </c>
      <c r="AC43327">
        <v>134</v>
      </c>
      <c r="AD43327">
        <v>134</v>
      </c>
      <c r="AE43327">
        <v>133</v>
      </c>
      <c r="AF43327">
        <v>132</v>
      </c>
      <c r="AG43327">
        <v>132</v>
      </c>
      <c r="AH43327">
        <v>131</v>
      </c>
      <c r="AI43327">
        <v>131</v>
      </c>
      <c r="AJ43327">
        <v>130</v>
      </c>
      <c r="AK43327">
        <v>129</v>
      </c>
      <c r="AL43327">
        <v>129</v>
      </c>
      <c r="AM43327">
        <v>128</v>
      </c>
      <c r="AN43327">
        <v>128</v>
      </c>
      <c r="AO43327">
        <v>127</v>
      </c>
      <c r="AP43327">
        <v>126</v>
      </c>
      <c r="AQ43327">
        <v>126</v>
      </c>
    </row>
    <row r="43328" spans="1:43">
      <c r="A43328" t="s">
        <v>26483</v>
      </c>
      <c r="B43328" t="s">
        <v>26484</v>
      </c>
      <c r="C43328" t="s">
        <v>9646</v>
      </c>
      <c r="D43328" t="s">
        <v>9647</v>
      </c>
      <c r="E43328" t="s">
        <v>9544</v>
      </c>
      <c r="F43328" t="s">
        <v>9545</v>
      </c>
      <c r="G43328" t="s">
        <v>80</v>
      </c>
      <c r="H43328" t="s">
        <v>81</v>
      </c>
      <c r="I43328" s="2">
        <v>0</v>
      </c>
      <c r="J43328" s="2">
        <v>1</v>
      </c>
      <c r="K43328" s="2">
        <v>0</v>
      </c>
      <c r="L43328" t="s">
        <v>82</v>
      </c>
      <c r="M43328" t="s">
        <v>89</v>
      </c>
      <c r="N43328" t="s">
        <v>90</v>
      </c>
      <c r="O43328" t="s">
        <v>85</v>
      </c>
      <c r="P43328" t="s">
        <v>86</v>
      </c>
      <c r="Q43328">
        <v>140</v>
      </c>
      <c r="R43328">
        <v>142</v>
      </c>
      <c r="S43328">
        <v>144</v>
      </c>
      <c r="T43328">
        <v>145</v>
      </c>
      <c r="U43328">
        <v>147</v>
      </c>
      <c r="V43328">
        <v>149</v>
      </c>
      <c r="W43328">
        <v>150</v>
      </c>
      <c r="X43328">
        <v>152</v>
      </c>
      <c r="Y43328">
        <v>153</v>
      </c>
      <c r="Z43328">
        <v>154</v>
      </c>
      <c r="AA43328">
        <v>155</v>
      </c>
      <c r="AB43328">
        <v>156</v>
      </c>
      <c r="AC43328">
        <v>157</v>
      </c>
      <c r="AD43328">
        <v>158</v>
      </c>
      <c r="AE43328">
        <v>158</v>
      </c>
      <c r="AF43328">
        <v>157</v>
      </c>
      <c r="AG43328">
        <v>156</v>
      </c>
      <c r="AH43328">
        <v>154</v>
      </c>
      <c r="AI43328">
        <v>153</v>
      </c>
      <c r="AJ43328">
        <v>152</v>
      </c>
      <c r="AK43328">
        <v>151</v>
      </c>
      <c r="AL43328">
        <v>149</v>
      </c>
      <c r="AM43328">
        <v>148</v>
      </c>
      <c r="AN43328">
        <v>147</v>
      </c>
      <c r="AO43328">
        <v>146</v>
      </c>
      <c r="AP43328">
        <v>145</v>
      </c>
      <c r="AQ43328">
        <v>143</v>
      </c>
    </row>
    <row r="43329" spans="1:43">
      <c r="A43329" t="s">
        <v>26483</v>
      </c>
      <c r="B43329" t="s">
        <v>26484</v>
      </c>
      <c r="C43329" t="s">
        <v>9646</v>
      </c>
      <c r="D43329" t="s">
        <v>9647</v>
      </c>
      <c r="E43329" t="s">
        <v>9544</v>
      </c>
      <c r="F43329" t="s">
        <v>9545</v>
      </c>
      <c r="G43329" t="s">
        <v>80</v>
      </c>
      <c r="H43329" t="s">
        <v>81</v>
      </c>
      <c r="I43329" s="2">
        <v>0</v>
      </c>
      <c r="J43329" s="2">
        <v>1</v>
      </c>
      <c r="K43329" s="2">
        <v>0</v>
      </c>
      <c r="L43329" t="s">
        <v>82</v>
      </c>
      <c r="M43329" t="s">
        <v>83</v>
      </c>
      <c r="N43329" t="s">
        <v>91</v>
      </c>
      <c r="O43329" t="s">
        <v>85</v>
      </c>
      <c r="P43329" t="s">
        <v>86</v>
      </c>
      <c r="Q43329">
        <v>140</v>
      </c>
      <c r="R43329">
        <v>141</v>
      </c>
      <c r="S43329">
        <v>142</v>
      </c>
      <c r="T43329">
        <v>143</v>
      </c>
      <c r="U43329">
        <v>143</v>
      </c>
      <c r="V43329">
        <v>144</v>
      </c>
      <c r="W43329">
        <v>145</v>
      </c>
      <c r="X43329">
        <v>146</v>
      </c>
      <c r="Y43329">
        <v>146</v>
      </c>
      <c r="Z43329">
        <v>147</v>
      </c>
      <c r="AA43329">
        <v>147</v>
      </c>
      <c r="AB43329">
        <v>148</v>
      </c>
      <c r="AC43329">
        <v>148</v>
      </c>
      <c r="AD43329">
        <v>149</v>
      </c>
      <c r="AE43329">
        <v>149</v>
      </c>
      <c r="AF43329">
        <v>150</v>
      </c>
      <c r="AG43329">
        <v>150</v>
      </c>
      <c r="AH43329">
        <v>150</v>
      </c>
      <c r="AI43329">
        <v>150</v>
      </c>
      <c r="AJ43329">
        <v>151</v>
      </c>
      <c r="AK43329">
        <v>151</v>
      </c>
      <c r="AL43329">
        <v>150</v>
      </c>
      <c r="AM43329">
        <v>149</v>
      </c>
      <c r="AN43329">
        <v>148</v>
      </c>
      <c r="AO43329">
        <v>147</v>
      </c>
      <c r="AP43329">
        <v>145</v>
      </c>
      <c r="AQ43329">
        <v>144</v>
      </c>
    </row>
    <row r="43330" spans="1:43">
      <c r="A43330" t="s">
        <v>26485</v>
      </c>
      <c r="B43330" t="s">
        <v>26486</v>
      </c>
      <c r="C43330" t="s">
        <v>9646</v>
      </c>
      <c r="D43330" t="s">
        <v>9647</v>
      </c>
      <c r="E43330" t="s">
        <v>9544</v>
      </c>
      <c r="F43330" t="s">
        <v>9545</v>
      </c>
      <c r="G43330" t="s">
        <v>80</v>
      </c>
      <c r="H43330" t="s">
        <v>81</v>
      </c>
      <c r="I43330" s="2">
        <v>0</v>
      </c>
      <c r="J43330" s="2">
        <v>1</v>
      </c>
      <c r="K43330" s="2">
        <v>0</v>
      </c>
      <c r="L43330" t="s">
        <v>82</v>
      </c>
      <c r="M43330" t="s">
        <v>83</v>
      </c>
      <c r="N43330" t="s">
        <v>84</v>
      </c>
      <c r="O43330" t="s">
        <v>85</v>
      </c>
      <c r="P43330" t="s">
        <v>86</v>
      </c>
      <c r="Q43330">
        <v>41</v>
      </c>
      <c r="R43330">
        <v>41</v>
      </c>
      <c r="S43330">
        <v>42</v>
      </c>
      <c r="T43330">
        <v>42</v>
      </c>
      <c r="U43330">
        <v>42</v>
      </c>
      <c r="V43330">
        <v>42</v>
      </c>
      <c r="W43330">
        <v>42</v>
      </c>
      <c r="X43330">
        <v>43</v>
      </c>
      <c r="Y43330">
        <v>43</v>
      </c>
      <c r="Z43330">
        <v>43</v>
      </c>
      <c r="AA43330">
        <v>43</v>
      </c>
      <c r="AB43330">
        <v>43</v>
      </c>
      <c r="AC43330">
        <v>43</v>
      </c>
      <c r="AD43330">
        <v>44</v>
      </c>
      <c r="AE43330">
        <v>44</v>
      </c>
      <c r="AF43330">
        <v>44</v>
      </c>
      <c r="AG43330">
        <v>44</v>
      </c>
      <c r="AH43330">
        <v>44</v>
      </c>
      <c r="AI43330">
        <v>44</v>
      </c>
      <c r="AJ43330">
        <v>44</v>
      </c>
      <c r="AK43330">
        <v>44</v>
      </c>
      <c r="AL43330">
        <v>44</v>
      </c>
      <c r="AM43330">
        <v>44</v>
      </c>
      <c r="AN43330">
        <v>43</v>
      </c>
      <c r="AO43330">
        <v>43</v>
      </c>
      <c r="AP43330">
        <v>43</v>
      </c>
      <c r="AQ43330">
        <v>42</v>
      </c>
    </row>
    <row r="43331" spans="1:43">
      <c r="A43331" t="s">
        <v>26485</v>
      </c>
      <c r="B43331" t="s">
        <v>26486</v>
      </c>
      <c r="C43331" t="s">
        <v>9646</v>
      </c>
      <c r="D43331" t="s">
        <v>9647</v>
      </c>
      <c r="E43331" t="s">
        <v>9544</v>
      </c>
      <c r="F43331" t="s">
        <v>9545</v>
      </c>
      <c r="G43331" t="s">
        <v>80</v>
      </c>
      <c r="H43331" t="s">
        <v>81</v>
      </c>
      <c r="I43331" s="2">
        <v>0</v>
      </c>
      <c r="J43331" s="2">
        <v>1</v>
      </c>
      <c r="K43331" s="2">
        <v>0</v>
      </c>
      <c r="L43331" t="s">
        <v>82</v>
      </c>
      <c r="M43331" t="s">
        <v>87</v>
      </c>
      <c r="N43331" t="s">
        <v>88</v>
      </c>
      <c r="O43331" t="s">
        <v>85</v>
      </c>
      <c r="P43331" t="s">
        <v>86</v>
      </c>
      <c r="Q43331">
        <v>41</v>
      </c>
      <c r="R43331">
        <v>41</v>
      </c>
      <c r="S43331">
        <v>40</v>
      </c>
      <c r="T43331">
        <v>40</v>
      </c>
      <c r="U43331">
        <v>40</v>
      </c>
      <c r="V43331">
        <v>40</v>
      </c>
      <c r="W43331">
        <v>40</v>
      </c>
      <c r="X43331">
        <v>40</v>
      </c>
      <c r="Y43331">
        <v>40</v>
      </c>
      <c r="Z43331">
        <v>39</v>
      </c>
      <c r="AA43331">
        <v>39</v>
      </c>
      <c r="AB43331">
        <v>39</v>
      </c>
      <c r="AC43331">
        <v>39</v>
      </c>
      <c r="AD43331">
        <v>39</v>
      </c>
      <c r="AE43331">
        <v>39</v>
      </c>
      <c r="AF43331">
        <v>39</v>
      </c>
      <c r="AG43331">
        <v>38</v>
      </c>
      <c r="AH43331">
        <v>38</v>
      </c>
      <c r="AI43331">
        <v>38</v>
      </c>
      <c r="AJ43331">
        <v>38</v>
      </c>
      <c r="AK43331">
        <v>38</v>
      </c>
      <c r="AL43331">
        <v>38</v>
      </c>
      <c r="AM43331">
        <v>37</v>
      </c>
      <c r="AN43331">
        <v>37</v>
      </c>
      <c r="AO43331">
        <v>37</v>
      </c>
      <c r="AP43331">
        <v>37</v>
      </c>
      <c r="AQ43331">
        <v>37</v>
      </c>
    </row>
    <row r="43332" spans="1:43">
      <c r="A43332" t="s">
        <v>26485</v>
      </c>
      <c r="B43332" t="s">
        <v>26486</v>
      </c>
      <c r="C43332" t="s">
        <v>9646</v>
      </c>
      <c r="D43332" t="s">
        <v>9647</v>
      </c>
      <c r="E43332" t="s">
        <v>9544</v>
      </c>
      <c r="F43332" t="s">
        <v>9545</v>
      </c>
      <c r="G43332" t="s">
        <v>80</v>
      </c>
      <c r="H43332" t="s">
        <v>81</v>
      </c>
      <c r="I43332" s="2">
        <v>0</v>
      </c>
      <c r="J43332" s="2">
        <v>1</v>
      </c>
      <c r="K43332" s="2">
        <v>0</v>
      </c>
      <c r="L43332" t="s">
        <v>82</v>
      </c>
      <c r="M43332" t="s">
        <v>89</v>
      </c>
      <c r="N43332" t="s">
        <v>90</v>
      </c>
      <c r="O43332" t="s">
        <v>85</v>
      </c>
      <c r="P43332" t="s">
        <v>86</v>
      </c>
      <c r="Q43332">
        <v>41</v>
      </c>
      <c r="R43332">
        <v>42</v>
      </c>
      <c r="S43332">
        <v>43</v>
      </c>
      <c r="T43332">
        <v>43</v>
      </c>
      <c r="U43332">
        <v>44</v>
      </c>
      <c r="V43332">
        <v>44</v>
      </c>
      <c r="W43332">
        <v>45</v>
      </c>
      <c r="X43332">
        <v>45</v>
      </c>
      <c r="Y43332">
        <v>45</v>
      </c>
      <c r="Z43332">
        <v>46</v>
      </c>
      <c r="AA43332">
        <v>46</v>
      </c>
      <c r="AB43332">
        <v>46</v>
      </c>
      <c r="AC43332">
        <v>47</v>
      </c>
      <c r="AD43332">
        <v>47</v>
      </c>
      <c r="AE43332">
        <v>47</v>
      </c>
      <c r="AF43332">
        <v>47</v>
      </c>
      <c r="AG43332">
        <v>46</v>
      </c>
      <c r="AH43332">
        <v>46</v>
      </c>
      <c r="AI43332">
        <v>45</v>
      </c>
      <c r="AJ43332">
        <v>45</v>
      </c>
      <c r="AK43332">
        <v>45</v>
      </c>
      <c r="AL43332">
        <v>44</v>
      </c>
      <c r="AM43332">
        <v>44</v>
      </c>
      <c r="AN43332">
        <v>44</v>
      </c>
      <c r="AO43332">
        <v>43</v>
      </c>
      <c r="AP43332">
        <v>43</v>
      </c>
      <c r="AQ43332">
        <v>43</v>
      </c>
    </row>
    <row r="43333" spans="1:43">
      <c r="A43333" t="s">
        <v>26485</v>
      </c>
      <c r="B43333" t="s">
        <v>26486</v>
      </c>
      <c r="C43333" t="s">
        <v>9646</v>
      </c>
      <c r="D43333" t="s">
        <v>9647</v>
      </c>
      <c r="E43333" t="s">
        <v>9544</v>
      </c>
      <c r="F43333" t="s">
        <v>9545</v>
      </c>
      <c r="G43333" t="s">
        <v>80</v>
      </c>
      <c r="H43333" t="s">
        <v>81</v>
      </c>
      <c r="I43333" s="2">
        <v>0</v>
      </c>
      <c r="J43333" s="2">
        <v>1</v>
      </c>
      <c r="K43333" s="2">
        <v>0</v>
      </c>
      <c r="L43333" t="s">
        <v>82</v>
      </c>
      <c r="M43333" t="s">
        <v>83</v>
      </c>
      <c r="N43333" t="s">
        <v>91</v>
      </c>
      <c r="O43333" t="s">
        <v>85</v>
      </c>
      <c r="P43333" t="s">
        <v>86</v>
      </c>
      <c r="Q43333">
        <v>41</v>
      </c>
      <c r="R43333">
        <v>41</v>
      </c>
      <c r="S43333">
        <v>42</v>
      </c>
      <c r="T43333">
        <v>42</v>
      </c>
      <c r="U43333">
        <v>42</v>
      </c>
      <c r="V43333">
        <v>42</v>
      </c>
      <c r="W43333">
        <v>42</v>
      </c>
      <c r="X43333">
        <v>43</v>
      </c>
      <c r="Y43333">
        <v>43</v>
      </c>
      <c r="Z43333">
        <v>43</v>
      </c>
      <c r="AA43333">
        <v>43</v>
      </c>
      <c r="AB43333">
        <v>43</v>
      </c>
      <c r="AC43333">
        <v>43</v>
      </c>
      <c r="AD43333">
        <v>44</v>
      </c>
      <c r="AE43333">
        <v>44</v>
      </c>
      <c r="AF43333">
        <v>44</v>
      </c>
      <c r="AG43333">
        <v>44</v>
      </c>
      <c r="AH43333">
        <v>44</v>
      </c>
      <c r="AI43333">
        <v>44</v>
      </c>
      <c r="AJ43333">
        <v>44</v>
      </c>
      <c r="AK43333">
        <v>44</v>
      </c>
      <c r="AL43333">
        <v>44</v>
      </c>
      <c r="AM43333">
        <v>44</v>
      </c>
      <c r="AN43333">
        <v>43</v>
      </c>
      <c r="AO43333">
        <v>43</v>
      </c>
      <c r="AP43333">
        <v>43</v>
      </c>
      <c r="AQ43333">
        <v>42</v>
      </c>
    </row>
    <row r="43334" spans="1:43">
      <c r="A43334" t="s">
        <v>26487</v>
      </c>
      <c r="B43334" t="s">
        <v>26488</v>
      </c>
      <c r="C43334" t="s">
        <v>9646</v>
      </c>
      <c r="D43334" t="s">
        <v>9647</v>
      </c>
      <c r="E43334" t="s">
        <v>9544</v>
      </c>
      <c r="F43334" t="s">
        <v>9545</v>
      </c>
      <c r="G43334" t="s">
        <v>80</v>
      </c>
      <c r="H43334" t="s">
        <v>81</v>
      </c>
      <c r="I43334" s="2">
        <v>0</v>
      </c>
      <c r="J43334" s="2">
        <v>1</v>
      </c>
      <c r="K43334" s="2">
        <v>0</v>
      </c>
      <c r="L43334" t="s">
        <v>82</v>
      </c>
      <c r="M43334" t="s">
        <v>83</v>
      </c>
      <c r="N43334" t="s">
        <v>84</v>
      </c>
      <c r="O43334" t="s">
        <v>85</v>
      </c>
      <c r="P43334" t="s">
        <v>86</v>
      </c>
      <c r="Q43334">
        <v>43</v>
      </c>
      <c r="R43334">
        <v>43</v>
      </c>
      <c r="S43334">
        <v>43</v>
      </c>
      <c r="T43334">
        <v>43</v>
      </c>
      <c r="U43334">
        <v>44</v>
      </c>
      <c r="V43334">
        <v>44</v>
      </c>
      <c r="W43334">
        <v>44</v>
      </c>
      <c r="X43334">
        <v>44</v>
      </c>
      <c r="Y43334">
        <v>44</v>
      </c>
      <c r="Z43334">
        <v>45</v>
      </c>
      <c r="AA43334">
        <v>45</v>
      </c>
      <c r="AB43334">
        <v>45</v>
      </c>
      <c r="AC43334">
        <v>45</v>
      </c>
      <c r="AD43334">
        <v>45</v>
      </c>
      <c r="AE43334">
        <v>45</v>
      </c>
      <c r="AF43334">
        <v>45</v>
      </c>
      <c r="AG43334">
        <v>45</v>
      </c>
      <c r="AH43334">
        <v>46</v>
      </c>
      <c r="AI43334">
        <v>46</v>
      </c>
      <c r="AJ43334">
        <v>46</v>
      </c>
      <c r="AK43334">
        <v>46</v>
      </c>
      <c r="AL43334">
        <v>46</v>
      </c>
      <c r="AM43334">
        <v>45</v>
      </c>
      <c r="AN43334">
        <v>45</v>
      </c>
      <c r="AO43334">
        <v>44</v>
      </c>
      <c r="AP43334">
        <v>44</v>
      </c>
      <c r="AQ43334">
        <v>44</v>
      </c>
    </row>
    <row r="43335" spans="1:43">
      <c r="A43335" t="s">
        <v>26487</v>
      </c>
      <c r="B43335" t="s">
        <v>26488</v>
      </c>
      <c r="C43335" t="s">
        <v>9646</v>
      </c>
      <c r="D43335" t="s">
        <v>9647</v>
      </c>
      <c r="E43335" t="s">
        <v>9544</v>
      </c>
      <c r="F43335" t="s">
        <v>9545</v>
      </c>
      <c r="G43335" t="s">
        <v>80</v>
      </c>
      <c r="H43335" t="s">
        <v>81</v>
      </c>
      <c r="I43335" s="2">
        <v>0</v>
      </c>
      <c r="J43335" s="2">
        <v>1</v>
      </c>
      <c r="K43335" s="2">
        <v>0</v>
      </c>
      <c r="L43335" t="s">
        <v>82</v>
      </c>
      <c r="M43335" t="s">
        <v>87</v>
      </c>
      <c r="N43335" t="s">
        <v>88</v>
      </c>
      <c r="O43335" t="s">
        <v>85</v>
      </c>
      <c r="P43335" t="s">
        <v>86</v>
      </c>
      <c r="Q43335">
        <v>43</v>
      </c>
      <c r="R43335">
        <v>43</v>
      </c>
      <c r="S43335">
        <v>43</v>
      </c>
      <c r="T43335">
        <v>43</v>
      </c>
      <c r="U43335">
        <v>43</v>
      </c>
      <c r="V43335">
        <v>42</v>
      </c>
      <c r="W43335">
        <v>42</v>
      </c>
      <c r="X43335">
        <v>42</v>
      </c>
      <c r="Y43335">
        <v>42</v>
      </c>
      <c r="Z43335">
        <v>42</v>
      </c>
      <c r="AA43335">
        <v>42</v>
      </c>
      <c r="AB43335">
        <v>42</v>
      </c>
      <c r="AC43335">
        <v>41</v>
      </c>
      <c r="AD43335">
        <v>41</v>
      </c>
      <c r="AE43335">
        <v>41</v>
      </c>
      <c r="AF43335">
        <v>41</v>
      </c>
      <c r="AG43335">
        <v>41</v>
      </c>
      <c r="AH43335">
        <v>41</v>
      </c>
      <c r="AI43335">
        <v>40</v>
      </c>
      <c r="AJ43335">
        <v>40</v>
      </c>
      <c r="AK43335">
        <v>40</v>
      </c>
      <c r="AL43335">
        <v>40</v>
      </c>
      <c r="AM43335">
        <v>40</v>
      </c>
      <c r="AN43335">
        <v>39</v>
      </c>
      <c r="AO43335">
        <v>39</v>
      </c>
      <c r="AP43335">
        <v>39</v>
      </c>
      <c r="AQ43335">
        <v>39</v>
      </c>
    </row>
    <row r="43336" spans="1:43">
      <c r="A43336" t="s">
        <v>26487</v>
      </c>
      <c r="B43336" t="s">
        <v>26488</v>
      </c>
      <c r="C43336" t="s">
        <v>9646</v>
      </c>
      <c r="D43336" t="s">
        <v>9647</v>
      </c>
      <c r="E43336" t="s">
        <v>9544</v>
      </c>
      <c r="F43336" t="s">
        <v>9545</v>
      </c>
      <c r="G43336" t="s">
        <v>80</v>
      </c>
      <c r="H43336" t="s">
        <v>81</v>
      </c>
      <c r="I43336" s="2">
        <v>0</v>
      </c>
      <c r="J43336" s="2">
        <v>1</v>
      </c>
      <c r="K43336" s="2">
        <v>0</v>
      </c>
      <c r="L43336" t="s">
        <v>82</v>
      </c>
      <c r="M43336" t="s">
        <v>89</v>
      </c>
      <c r="N43336" t="s">
        <v>90</v>
      </c>
      <c r="O43336" t="s">
        <v>85</v>
      </c>
      <c r="P43336" t="s">
        <v>86</v>
      </c>
      <c r="Q43336">
        <v>43</v>
      </c>
      <c r="R43336">
        <v>44</v>
      </c>
      <c r="S43336">
        <v>44</v>
      </c>
      <c r="T43336">
        <v>45</v>
      </c>
      <c r="U43336">
        <v>45</v>
      </c>
      <c r="V43336">
        <v>46</v>
      </c>
      <c r="W43336">
        <v>46</v>
      </c>
      <c r="X43336">
        <v>47</v>
      </c>
      <c r="Y43336">
        <v>47</v>
      </c>
      <c r="Z43336">
        <v>47</v>
      </c>
      <c r="AA43336">
        <v>48</v>
      </c>
      <c r="AB43336">
        <v>48</v>
      </c>
      <c r="AC43336">
        <v>48</v>
      </c>
      <c r="AD43336">
        <v>49</v>
      </c>
      <c r="AE43336">
        <v>49</v>
      </c>
      <c r="AF43336">
        <v>48</v>
      </c>
      <c r="AG43336">
        <v>48</v>
      </c>
      <c r="AH43336">
        <v>47</v>
      </c>
      <c r="AI43336">
        <v>47</v>
      </c>
      <c r="AJ43336">
        <v>47</v>
      </c>
      <c r="AK43336">
        <v>46</v>
      </c>
      <c r="AL43336">
        <v>46</v>
      </c>
      <c r="AM43336">
        <v>46</v>
      </c>
      <c r="AN43336">
        <v>45</v>
      </c>
      <c r="AO43336">
        <v>45</v>
      </c>
      <c r="AP43336">
        <v>44</v>
      </c>
      <c r="AQ43336">
        <v>44</v>
      </c>
    </row>
    <row r="43337" spans="1:43">
      <c r="A43337" t="s">
        <v>26487</v>
      </c>
      <c r="B43337" t="s">
        <v>26488</v>
      </c>
      <c r="C43337" t="s">
        <v>9646</v>
      </c>
      <c r="D43337" t="s">
        <v>9647</v>
      </c>
      <c r="E43337" t="s">
        <v>9544</v>
      </c>
      <c r="F43337" t="s">
        <v>9545</v>
      </c>
      <c r="G43337" t="s">
        <v>80</v>
      </c>
      <c r="H43337" t="s">
        <v>81</v>
      </c>
      <c r="I43337" s="2">
        <v>0</v>
      </c>
      <c r="J43337" s="2">
        <v>1</v>
      </c>
      <c r="K43337" s="2">
        <v>0</v>
      </c>
      <c r="L43337" t="s">
        <v>82</v>
      </c>
      <c r="M43337" t="s">
        <v>83</v>
      </c>
      <c r="N43337" t="s">
        <v>91</v>
      </c>
      <c r="O43337" t="s">
        <v>85</v>
      </c>
      <c r="P43337" t="s">
        <v>86</v>
      </c>
      <c r="Q43337">
        <v>43</v>
      </c>
      <c r="R43337">
        <v>43</v>
      </c>
      <c r="S43337">
        <v>43</v>
      </c>
      <c r="T43337">
        <v>43</v>
      </c>
      <c r="U43337">
        <v>44</v>
      </c>
      <c r="V43337">
        <v>44</v>
      </c>
      <c r="W43337">
        <v>44</v>
      </c>
      <c r="X43337">
        <v>44</v>
      </c>
      <c r="Y43337">
        <v>44</v>
      </c>
      <c r="Z43337">
        <v>45</v>
      </c>
      <c r="AA43337">
        <v>45</v>
      </c>
      <c r="AB43337">
        <v>45</v>
      </c>
      <c r="AC43337">
        <v>45</v>
      </c>
      <c r="AD43337">
        <v>45</v>
      </c>
      <c r="AE43337">
        <v>45</v>
      </c>
      <c r="AF43337">
        <v>45</v>
      </c>
      <c r="AG43337">
        <v>45</v>
      </c>
      <c r="AH43337">
        <v>46</v>
      </c>
      <c r="AI43337">
        <v>46</v>
      </c>
      <c r="AJ43337">
        <v>46</v>
      </c>
      <c r="AK43337">
        <v>46</v>
      </c>
      <c r="AL43337">
        <v>46</v>
      </c>
      <c r="AM43337">
        <v>45</v>
      </c>
      <c r="AN43337">
        <v>45</v>
      </c>
      <c r="AO43337">
        <v>44</v>
      </c>
      <c r="AP43337">
        <v>44</v>
      </c>
      <c r="AQ43337">
        <v>44</v>
      </c>
    </row>
    <row r="43338" spans="1:43">
      <c r="A43338" t="s">
        <v>26489</v>
      </c>
      <c r="B43338" t="s">
        <v>26490</v>
      </c>
      <c r="C43338" t="s">
        <v>9646</v>
      </c>
      <c r="D43338" t="s">
        <v>9647</v>
      </c>
      <c r="E43338" t="s">
        <v>9544</v>
      </c>
      <c r="F43338" t="s">
        <v>9545</v>
      </c>
      <c r="G43338" t="s">
        <v>80</v>
      </c>
      <c r="H43338" t="s">
        <v>81</v>
      </c>
      <c r="I43338" s="2">
        <v>0</v>
      </c>
      <c r="J43338" s="2">
        <v>1</v>
      </c>
      <c r="K43338" s="2">
        <v>0</v>
      </c>
      <c r="L43338" t="s">
        <v>82</v>
      </c>
      <c r="M43338" t="s">
        <v>83</v>
      </c>
      <c r="N43338" t="s">
        <v>84</v>
      </c>
      <c r="O43338" t="s">
        <v>85</v>
      </c>
      <c r="P43338" t="s">
        <v>86</v>
      </c>
      <c r="Q43338">
        <v>96</v>
      </c>
      <c r="R43338">
        <v>97</v>
      </c>
      <c r="S43338">
        <v>97</v>
      </c>
      <c r="T43338">
        <v>98</v>
      </c>
      <c r="U43338">
        <v>98</v>
      </c>
      <c r="V43338">
        <v>99</v>
      </c>
      <c r="W43338">
        <v>99</v>
      </c>
      <c r="X43338">
        <v>100</v>
      </c>
      <c r="Y43338">
        <v>100</v>
      </c>
      <c r="Z43338">
        <v>101</v>
      </c>
      <c r="AA43338">
        <v>101</v>
      </c>
      <c r="AB43338">
        <v>101</v>
      </c>
      <c r="AC43338">
        <v>102</v>
      </c>
      <c r="AD43338">
        <v>102</v>
      </c>
      <c r="AE43338">
        <v>102</v>
      </c>
      <c r="AF43338">
        <v>103</v>
      </c>
      <c r="AG43338">
        <v>103</v>
      </c>
      <c r="AH43338">
        <v>103</v>
      </c>
      <c r="AI43338">
        <v>103</v>
      </c>
      <c r="AJ43338">
        <v>103</v>
      </c>
      <c r="AK43338">
        <v>104</v>
      </c>
      <c r="AL43338">
        <v>103</v>
      </c>
      <c r="AM43338">
        <v>102</v>
      </c>
      <c r="AN43338">
        <v>101</v>
      </c>
      <c r="AO43338">
        <v>101</v>
      </c>
      <c r="AP43338">
        <v>100</v>
      </c>
      <c r="AQ43338">
        <v>99</v>
      </c>
    </row>
    <row r="43339" spans="1:43">
      <c r="A43339" t="s">
        <v>26489</v>
      </c>
      <c r="B43339" t="s">
        <v>26490</v>
      </c>
      <c r="C43339" t="s">
        <v>9646</v>
      </c>
      <c r="D43339" t="s">
        <v>9647</v>
      </c>
      <c r="E43339" t="s">
        <v>9544</v>
      </c>
      <c r="F43339" t="s">
        <v>9545</v>
      </c>
      <c r="G43339" t="s">
        <v>80</v>
      </c>
      <c r="H43339" t="s">
        <v>81</v>
      </c>
      <c r="I43339" s="2">
        <v>0</v>
      </c>
      <c r="J43339" s="2">
        <v>1</v>
      </c>
      <c r="K43339" s="2">
        <v>0</v>
      </c>
      <c r="L43339" t="s">
        <v>82</v>
      </c>
      <c r="M43339" t="s">
        <v>87</v>
      </c>
      <c r="N43339" t="s">
        <v>88</v>
      </c>
      <c r="O43339" t="s">
        <v>85</v>
      </c>
      <c r="P43339" t="s">
        <v>86</v>
      </c>
      <c r="Q43339">
        <v>96</v>
      </c>
      <c r="R43339">
        <v>96</v>
      </c>
      <c r="S43339">
        <v>96</v>
      </c>
      <c r="T43339">
        <v>95</v>
      </c>
      <c r="U43339">
        <v>95</v>
      </c>
      <c r="V43339">
        <v>95</v>
      </c>
      <c r="W43339">
        <v>94</v>
      </c>
      <c r="X43339">
        <v>94</v>
      </c>
      <c r="Y43339">
        <v>94</v>
      </c>
      <c r="Z43339">
        <v>93</v>
      </c>
      <c r="AA43339">
        <v>93</v>
      </c>
      <c r="AB43339">
        <v>93</v>
      </c>
      <c r="AC43339">
        <v>92</v>
      </c>
      <c r="AD43339">
        <v>92</v>
      </c>
      <c r="AE43339">
        <v>92</v>
      </c>
      <c r="AF43339">
        <v>91</v>
      </c>
      <c r="AG43339">
        <v>91</v>
      </c>
      <c r="AH43339">
        <v>90</v>
      </c>
      <c r="AI43339">
        <v>90</v>
      </c>
      <c r="AJ43339">
        <v>90</v>
      </c>
      <c r="AK43339">
        <v>89</v>
      </c>
      <c r="AL43339">
        <v>89</v>
      </c>
      <c r="AM43339">
        <v>88</v>
      </c>
      <c r="AN43339">
        <v>88</v>
      </c>
      <c r="AO43339">
        <v>88</v>
      </c>
      <c r="AP43339">
        <v>87</v>
      </c>
      <c r="AQ43339">
        <v>87</v>
      </c>
    </row>
    <row r="43340" spans="1:43">
      <c r="A43340" t="s">
        <v>26489</v>
      </c>
      <c r="B43340" t="s">
        <v>26490</v>
      </c>
      <c r="C43340" t="s">
        <v>9646</v>
      </c>
      <c r="D43340" t="s">
        <v>9647</v>
      </c>
      <c r="E43340" t="s">
        <v>9544</v>
      </c>
      <c r="F43340" t="s">
        <v>9545</v>
      </c>
      <c r="G43340" t="s">
        <v>80</v>
      </c>
      <c r="H43340" t="s">
        <v>81</v>
      </c>
      <c r="I43340" s="2">
        <v>0</v>
      </c>
      <c r="J43340" s="2">
        <v>1</v>
      </c>
      <c r="K43340" s="2">
        <v>0</v>
      </c>
      <c r="L43340" t="s">
        <v>82</v>
      </c>
      <c r="M43340" t="s">
        <v>89</v>
      </c>
      <c r="N43340" t="s">
        <v>90</v>
      </c>
      <c r="O43340" t="s">
        <v>85</v>
      </c>
      <c r="P43340" t="s">
        <v>86</v>
      </c>
      <c r="Q43340">
        <v>96</v>
      </c>
      <c r="R43340">
        <v>97</v>
      </c>
      <c r="S43340">
        <v>99</v>
      </c>
      <c r="T43340">
        <v>100</v>
      </c>
      <c r="U43340">
        <v>101</v>
      </c>
      <c r="V43340">
        <v>102</v>
      </c>
      <c r="W43340">
        <v>103</v>
      </c>
      <c r="X43340">
        <v>104</v>
      </c>
      <c r="Y43340">
        <v>105</v>
      </c>
      <c r="Z43340">
        <v>106</v>
      </c>
      <c r="AA43340">
        <v>107</v>
      </c>
      <c r="AB43340">
        <v>107</v>
      </c>
      <c r="AC43340">
        <v>108</v>
      </c>
      <c r="AD43340">
        <v>109</v>
      </c>
      <c r="AE43340">
        <v>109</v>
      </c>
      <c r="AF43340">
        <v>108</v>
      </c>
      <c r="AG43340">
        <v>107</v>
      </c>
      <c r="AH43340">
        <v>106</v>
      </c>
      <c r="AI43340">
        <v>106</v>
      </c>
      <c r="AJ43340">
        <v>105</v>
      </c>
      <c r="AK43340">
        <v>104</v>
      </c>
      <c r="AL43340">
        <v>103</v>
      </c>
      <c r="AM43340">
        <v>102</v>
      </c>
      <c r="AN43340">
        <v>101</v>
      </c>
      <c r="AO43340">
        <v>101</v>
      </c>
      <c r="AP43340">
        <v>100</v>
      </c>
      <c r="AQ43340">
        <v>99</v>
      </c>
    </row>
    <row r="43341" spans="1:43">
      <c r="A43341" t="s">
        <v>26489</v>
      </c>
      <c r="B43341" t="s">
        <v>26490</v>
      </c>
      <c r="C43341" t="s">
        <v>9646</v>
      </c>
      <c r="D43341" t="s">
        <v>9647</v>
      </c>
      <c r="E43341" t="s">
        <v>9544</v>
      </c>
      <c r="F43341" t="s">
        <v>9545</v>
      </c>
      <c r="G43341" t="s">
        <v>80</v>
      </c>
      <c r="H43341" t="s">
        <v>81</v>
      </c>
      <c r="I43341" s="2">
        <v>0</v>
      </c>
      <c r="J43341" s="2">
        <v>1</v>
      </c>
      <c r="K43341" s="2">
        <v>0</v>
      </c>
      <c r="L43341" t="s">
        <v>82</v>
      </c>
      <c r="M43341" t="s">
        <v>83</v>
      </c>
      <c r="N43341" t="s">
        <v>91</v>
      </c>
      <c r="O43341" t="s">
        <v>85</v>
      </c>
      <c r="P43341" t="s">
        <v>86</v>
      </c>
      <c r="Q43341">
        <v>96</v>
      </c>
      <c r="R43341">
        <v>97</v>
      </c>
      <c r="S43341">
        <v>97</v>
      </c>
      <c r="T43341">
        <v>98</v>
      </c>
      <c r="U43341">
        <v>98</v>
      </c>
      <c r="V43341">
        <v>99</v>
      </c>
      <c r="W43341">
        <v>99</v>
      </c>
      <c r="X43341">
        <v>100</v>
      </c>
      <c r="Y43341">
        <v>100</v>
      </c>
      <c r="Z43341">
        <v>101</v>
      </c>
      <c r="AA43341">
        <v>101</v>
      </c>
      <c r="AB43341">
        <v>101</v>
      </c>
      <c r="AC43341">
        <v>102</v>
      </c>
      <c r="AD43341">
        <v>102</v>
      </c>
      <c r="AE43341">
        <v>102</v>
      </c>
      <c r="AF43341">
        <v>103</v>
      </c>
      <c r="AG43341">
        <v>103</v>
      </c>
      <c r="AH43341">
        <v>103</v>
      </c>
      <c r="AI43341">
        <v>103</v>
      </c>
      <c r="AJ43341">
        <v>103</v>
      </c>
      <c r="AK43341">
        <v>104</v>
      </c>
      <c r="AL43341">
        <v>103</v>
      </c>
      <c r="AM43341">
        <v>102</v>
      </c>
      <c r="AN43341">
        <v>101</v>
      </c>
      <c r="AO43341">
        <v>101</v>
      </c>
      <c r="AP43341">
        <v>100</v>
      </c>
      <c r="AQ43341">
        <v>99</v>
      </c>
    </row>
    <row r="43342" spans="1:43">
      <c r="A43342" t="s">
        <v>26491</v>
      </c>
      <c r="B43342" t="s">
        <v>26492</v>
      </c>
      <c r="C43342" t="s">
        <v>9602</v>
      </c>
      <c r="D43342" t="s">
        <v>9603</v>
      </c>
      <c r="E43342" t="s">
        <v>9544</v>
      </c>
      <c r="F43342" t="s">
        <v>9545</v>
      </c>
      <c r="G43342" t="s">
        <v>80</v>
      </c>
      <c r="H43342" t="s">
        <v>81</v>
      </c>
      <c r="I43342" s="2">
        <v>0</v>
      </c>
      <c r="J43342" s="2">
        <v>1</v>
      </c>
      <c r="K43342" s="2">
        <v>0</v>
      </c>
      <c r="L43342" t="s">
        <v>82</v>
      </c>
      <c r="M43342" t="s">
        <v>83</v>
      </c>
      <c r="N43342" t="s">
        <v>84</v>
      </c>
      <c r="O43342" t="s">
        <v>85</v>
      </c>
      <c r="P43342" t="s">
        <v>86</v>
      </c>
      <c r="Q43342">
        <v>80</v>
      </c>
      <c r="R43342">
        <v>81</v>
      </c>
      <c r="S43342">
        <v>82</v>
      </c>
      <c r="T43342">
        <v>82</v>
      </c>
      <c r="U43342">
        <v>83</v>
      </c>
      <c r="V43342">
        <v>83</v>
      </c>
      <c r="W43342">
        <v>84</v>
      </c>
      <c r="X43342">
        <v>85</v>
      </c>
      <c r="Y43342">
        <v>85</v>
      </c>
      <c r="Z43342">
        <v>86</v>
      </c>
      <c r="AA43342">
        <v>86</v>
      </c>
      <c r="AB43342">
        <v>87</v>
      </c>
      <c r="AC43342">
        <v>87</v>
      </c>
      <c r="AD43342">
        <v>88</v>
      </c>
      <c r="AE43342">
        <v>88</v>
      </c>
      <c r="AF43342">
        <v>88</v>
      </c>
      <c r="AG43342">
        <v>89</v>
      </c>
      <c r="AH43342">
        <v>89</v>
      </c>
      <c r="AI43342">
        <v>90</v>
      </c>
      <c r="AJ43342">
        <v>90</v>
      </c>
      <c r="AK43342">
        <v>90</v>
      </c>
      <c r="AL43342">
        <v>90</v>
      </c>
      <c r="AM43342">
        <v>90</v>
      </c>
      <c r="AN43342">
        <v>89</v>
      </c>
      <c r="AO43342">
        <v>89</v>
      </c>
      <c r="AP43342">
        <v>89</v>
      </c>
      <c r="AQ43342">
        <v>88</v>
      </c>
    </row>
    <row r="43343" spans="1:43">
      <c r="A43343" t="s">
        <v>26491</v>
      </c>
      <c r="B43343" t="s">
        <v>26492</v>
      </c>
      <c r="C43343" t="s">
        <v>9602</v>
      </c>
      <c r="D43343" t="s">
        <v>9603</v>
      </c>
      <c r="E43343" t="s">
        <v>9544</v>
      </c>
      <c r="F43343" t="s">
        <v>9545</v>
      </c>
      <c r="G43343" t="s">
        <v>80</v>
      </c>
      <c r="H43343" t="s">
        <v>81</v>
      </c>
      <c r="I43343" s="2">
        <v>0</v>
      </c>
      <c r="J43343" s="2">
        <v>1</v>
      </c>
      <c r="K43343" s="2">
        <v>0</v>
      </c>
      <c r="L43343" t="s">
        <v>82</v>
      </c>
      <c r="M43343" t="s">
        <v>87</v>
      </c>
      <c r="N43343" t="s">
        <v>88</v>
      </c>
      <c r="O43343" t="s">
        <v>85</v>
      </c>
      <c r="P43343" t="s">
        <v>86</v>
      </c>
      <c r="Q43343">
        <v>80</v>
      </c>
      <c r="R43343">
        <v>79</v>
      </c>
      <c r="S43343">
        <v>79</v>
      </c>
      <c r="T43343">
        <v>79</v>
      </c>
      <c r="U43343">
        <v>79</v>
      </c>
      <c r="V43343">
        <v>79</v>
      </c>
      <c r="W43343">
        <v>79</v>
      </c>
      <c r="X43343">
        <v>79</v>
      </c>
      <c r="Y43343">
        <v>79</v>
      </c>
      <c r="Z43343">
        <v>79</v>
      </c>
      <c r="AA43343">
        <v>78</v>
      </c>
      <c r="AB43343">
        <v>78</v>
      </c>
      <c r="AC43343">
        <v>78</v>
      </c>
      <c r="AD43343">
        <v>78</v>
      </c>
      <c r="AE43343">
        <v>78</v>
      </c>
      <c r="AF43343">
        <v>78</v>
      </c>
      <c r="AG43343">
        <v>78</v>
      </c>
      <c r="AH43343">
        <v>77</v>
      </c>
      <c r="AI43343">
        <v>77</v>
      </c>
      <c r="AJ43343">
        <v>77</v>
      </c>
      <c r="AK43343">
        <v>77</v>
      </c>
      <c r="AL43343">
        <v>77</v>
      </c>
      <c r="AM43343">
        <v>77</v>
      </c>
      <c r="AN43343">
        <v>76</v>
      </c>
      <c r="AO43343">
        <v>76</v>
      </c>
      <c r="AP43343">
        <v>76</v>
      </c>
      <c r="AQ43343">
        <v>76</v>
      </c>
    </row>
    <row r="43344" spans="1:43">
      <c r="A43344" t="s">
        <v>26491</v>
      </c>
      <c r="B43344" t="s">
        <v>26492</v>
      </c>
      <c r="C43344" t="s">
        <v>9602</v>
      </c>
      <c r="D43344" t="s">
        <v>9603</v>
      </c>
      <c r="E43344" t="s">
        <v>9544</v>
      </c>
      <c r="F43344" t="s">
        <v>9545</v>
      </c>
      <c r="G43344" t="s">
        <v>80</v>
      </c>
      <c r="H43344" t="s">
        <v>81</v>
      </c>
      <c r="I43344" s="2">
        <v>0</v>
      </c>
      <c r="J43344" s="2">
        <v>1</v>
      </c>
      <c r="K43344" s="2">
        <v>0</v>
      </c>
      <c r="L43344" t="s">
        <v>82</v>
      </c>
      <c r="M43344" t="s">
        <v>89</v>
      </c>
      <c r="N43344" t="s">
        <v>90</v>
      </c>
      <c r="O43344" t="s">
        <v>85</v>
      </c>
      <c r="P43344" t="s">
        <v>86</v>
      </c>
      <c r="Q43344">
        <v>80</v>
      </c>
      <c r="R43344">
        <v>81</v>
      </c>
      <c r="S43344">
        <v>83</v>
      </c>
      <c r="T43344">
        <v>84</v>
      </c>
      <c r="U43344">
        <v>85</v>
      </c>
      <c r="V43344">
        <v>86</v>
      </c>
      <c r="W43344">
        <v>87</v>
      </c>
      <c r="X43344">
        <v>88</v>
      </c>
      <c r="Y43344">
        <v>89</v>
      </c>
      <c r="Z43344">
        <v>90</v>
      </c>
      <c r="AA43344">
        <v>91</v>
      </c>
      <c r="AB43344">
        <v>91</v>
      </c>
      <c r="AC43344">
        <v>92</v>
      </c>
      <c r="AD43344">
        <v>93</v>
      </c>
      <c r="AE43344">
        <v>93</v>
      </c>
      <c r="AF43344">
        <v>93</v>
      </c>
      <c r="AG43344">
        <v>93</v>
      </c>
      <c r="AH43344">
        <v>92</v>
      </c>
      <c r="AI43344">
        <v>92</v>
      </c>
      <c r="AJ43344">
        <v>91</v>
      </c>
      <c r="AK43344">
        <v>91</v>
      </c>
      <c r="AL43344">
        <v>91</v>
      </c>
      <c r="AM43344">
        <v>90</v>
      </c>
      <c r="AN43344">
        <v>90</v>
      </c>
      <c r="AO43344">
        <v>89</v>
      </c>
      <c r="AP43344">
        <v>89</v>
      </c>
      <c r="AQ43344">
        <v>89</v>
      </c>
    </row>
    <row r="43345" spans="1:43">
      <c r="A43345" t="s">
        <v>26491</v>
      </c>
      <c r="B43345" t="s">
        <v>26492</v>
      </c>
      <c r="C43345" t="s">
        <v>9602</v>
      </c>
      <c r="D43345" t="s">
        <v>9603</v>
      </c>
      <c r="E43345" t="s">
        <v>9544</v>
      </c>
      <c r="F43345" t="s">
        <v>9545</v>
      </c>
      <c r="G43345" t="s">
        <v>80</v>
      </c>
      <c r="H43345" t="s">
        <v>81</v>
      </c>
      <c r="I43345" s="2">
        <v>0</v>
      </c>
      <c r="J43345" s="2">
        <v>1</v>
      </c>
      <c r="K43345" s="2">
        <v>0</v>
      </c>
      <c r="L43345" t="s">
        <v>82</v>
      </c>
      <c r="M43345" t="s">
        <v>83</v>
      </c>
      <c r="N43345" t="s">
        <v>91</v>
      </c>
      <c r="O43345" t="s">
        <v>85</v>
      </c>
      <c r="P43345" t="s">
        <v>86</v>
      </c>
      <c r="Q43345">
        <v>80</v>
      </c>
      <c r="R43345">
        <v>81</v>
      </c>
      <c r="S43345">
        <v>82</v>
      </c>
      <c r="T43345">
        <v>82</v>
      </c>
      <c r="U43345">
        <v>83</v>
      </c>
      <c r="V43345">
        <v>83</v>
      </c>
      <c r="W43345">
        <v>84</v>
      </c>
      <c r="X43345">
        <v>85</v>
      </c>
      <c r="Y43345">
        <v>85</v>
      </c>
      <c r="Z43345">
        <v>86</v>
      </c>
      <c r="AA43345">
        <v>86</v>
      </c>
      <c r="AB43345">
        <v>87</v>
      </c>
      <c r="AC43345">
        <v>87</v>
      </c>
      <c r="AD43345">
        <v>88</v>
      </c>
      <c r="AE43345">
        <v>88</v>
      </c>
      <c r="AF43345">
        <v>88</v>
      </c>
      <c r="AG43345">
        <v>89</v>
      </c>
      <c r="AH43345">
        <v>89</v>
      </c>
      <c r="AI43345">
        <v>90</v>
      </c>
      <c r="AJ43345">
        <v>90</v>
      </c>
      <c r="AK43345">
        <v>90</v>
      </c>
      <c r="AL43345">
        <v>90</v>
      </c>
      <c r="AM43345">
        <v>90</v>
      </c>
      <c r="AN43345">
        <v>89</v>
      </c>
      <c r="AO43345">
        <v>89</v>
      </c>
      <c r="AP43345">
        <v>89</v>
      </c>
      <c r="AQ43345">
        <v>88</v>
      </c>
    </row>
    <row r="43346" spans="1:43">
      <c r="A43346" t="s">
        <v>26493</v>
      </c>
      <c r="B43346" t="s">
        <v>26494</v>
      </c>
      <c r="C43346" t="s">
        <v>9602</v>
      </c>
      <c r="D43346" t="s">
        <v>9603</v>
      </c>
      <c r="E43346" t="s">
        <v>9544</v>
      </c>
      <c r="F43346" t="s">
        <v>9545</v>
      </c>
      <c r="G43346" t="s">
        <v>80</v>
      </c>
      <c r="H43346" t="s">
        <v>81</v>
      </c>
      <c r="I43346" s="2">
        <v>0</v>
      </c>
      <c r="J43346" s="2">
        <v>1</v>
      </c>
      <c r="K43346" s="2">
        <v>0</v>
      </c>
      <c r="L43346" t="s">
        <v>82</v>
      </c>
      <c r="M43346" t="s">
        <v>83</v>
      </c>
      <c r="N43346" t="s">
        <v>84</v>
      </c>
      <c r="O43346" t="s">
        <v>85</v>
      </c>
      <c r="P43346" t="s">
        <v>86</v>
      </c>
      <c r="Q43346">
        <v>45</v>
      </c>
      <c r="R43346">
        <v>45</v>
      </c>
      <c r="S43346">
        <v>45</v>
      </c>
      <c r="T43346">
        <v>46</v>
      </c>
      <c r="U43346">
        <v>46</v>
      </c>
      <c r="V43346">
        <v>46</v>
      </c>
      <c r="W43346">
        <v>47</v>
      </c>
      <c r="X43346">
        <v>47</v>
      </c>
      <c r="Y43346">
        <v>47</v>
      </c>
      <c r="Z43346">
        <v>47</v>
      </c>
      <c r="AA43346">
        <v>48</v>
      </c>
      <c r="AB43346">
        <v>48</v>
      </c>
      <c r="AC43346">
        <v>48</v>
      </c>
      <c r="AD43346">
        <v>49</v>
      </c>
      <c r="AE43346">
        <v>49</v>
      </c>
      <c r="AF43346">
        <v>49</v>
      </c>
      <c r="AG43346">
        <v>49</v>
      </c>
      <c r="AH43346">
        <v>49</v>
      </c>
      <c r="AI43346">
        <v>50</v>
      </c>
      <c r="AJ43346">
        <v>50</v>
      </c>
      <c r="AK43346">
        <v>50</v>
      </c>
      <c r="AL43346">
        <v>50</v>
      </c>
      <c r="AM43346">
        <v>50</v>
      </c>
      <c r="AN43346">
        <v>50</v>
      </c>
      <c r="AO43346">
        <v>49</v>
      </c>
      <c r="AP43346">
        <v>49</v>
      </c>
      <c r="AQ43346">
        <v>49</v>
      </c>
    </row>
    <row r="43347" spans="1:43">
      <c r="A43347" t="s">
        <v>26493</v>
      </c>
      <c r="B43347" t="s">
        <v>26494</v>
      </c>
      <c r="C43347" t="s">
        <v>9602</v>
      </c>
      <c r="D43347" t="s">
        <v>9603</v>
      </c>
      <c r="E43347" t="s">
        <v>9544</v>
      </c>
      <c r="F43347" t="s">
        <v>9545</v>
      </c>
      <c r="G43347" t="s">
        <v>80</v>
      </c>
      <c r="H43347" t="s">
        <v>81</v>
      </c>
      <c r="I43347" s="2">
        <v>0</v>
      </c>
      <c r="J43347" s="2">
        <v>1</v>
      </c>
      <c r="K43347" s="2">
        <v>0</v>
      </c>
      <c r="L43347" t="s">
        <v>82</v>
      </c>
      <c r="M43347" t="s">
        <v>87</v>
      </c>
      <c r="N43347" t="s">
        <v>88</v>
      </c>
      <c r="O43347" t="s">
        <v>85</v>
      </c>
      <c r="P43347" t="s">
        <v>86</v>
      </c>
      <c r="Q43347">
        <v>45</v>
      </c>
      <c r="R43347">
        <v>45</v>
      </c>
      <c r="S43347">
        <v>45</v>
      </c>
      <c r="T43347">
        <v>45</v>
      </c>
      <c r="U43347">
        <v>45</v>
      </c>
      <c r="V43347">
        <v>45</v>
      </c>
      <c r="W43347">
        <v>45</v>
      </c>
      <c r="X43347">
        <v>45</v>
      </c>
      <c r="Y43347">
        <v>45</v>
      </c>
      <c r="Z43347">
        <v>45</v>
      </c>
      <c r="AA43347">
        <v>44</v>
      </c>
      <c r="AB43347">
        <v>44</v>
      </c>
      <c r="AC43347">
        <v>44</v>
      </c>
      <c r="AD43347">
        <v>44</v>
      </c>
      <c r="AE43347">
        <v>44</v>
      </c>
      <c r="AF43347">
        <v>44</v>
      </c>
      <c r="AG43347">
        <v>44</v>
      </c>
      <c r="AH43347">
        <v>44</v>
      </c>
      <c r="AI43347">
        <v>44</v>
      </c>
      <c r="AJ43347">
        <v>44</v>
      </c>
      <c r="AK43347">
        <v>44</v>
      </c>
      <c r="AL43347">
        <v>44</v>
      </c>
      <c r="AM43347">
        <v>44</v>
      </c>
      <c r="AN43347">
        <v>43</v>
      </c>
      <c r="AO43347">
        <v>43</v>
      </c>
      <c r="AP43347">
        <v>43</v>
      </c>
      <c r="AQ43347">
        <v>43</v>
      </c>
    </row>
    <row r="43348" spans="1:43">
      <c r="A43348" t="s">
        <v>26493</v>
      </c>
      <c r="B43348" t="s">
        <v>26494</v>
      </c>
      <c r="C43348" t="s">
        <v>9602</v>
      </c>
      <c r="D43348" t="s">
        <v>9603</v>
      </c>
      <c r="E43348" t="s">
        <v>9544</v>
      </c>
      <c r="F43348" t="s">
        <v>9545</v>
      </c>
      <c r="G43348" t="s">
        <v>80</v>
      </c>
      <c r="H43348" t="s">
        <v>81</v>
      </c>
      <c r="I43348" s="2">
        <v>0</v>
      </c>
      <c r="J43348" s="2">
        <v>1</v>
      </c>
      <c r="K43348" s="2">
        <v>0</v>
      </c>
      <c r="L43348" t="s">
        <v>82</v>
      </c>
      <c r="M43348" t="s">
        <v>89</v>
      </c>
      <c r="N43348" t="s">
        <v>90</v>
      </c>
      <c r="O43348" t="s">
        <v>85</v>
      </c>
      <c r="P43348" t="s">
        <v>86</v>
      </c>
      <c r="Q43348">
        <v>45</v>
      </c>
      <c r="R43348">
        <v>46</v>
      </c>
      <c r="S43348">
        <v>46</v>
      </c>
      <c r="T43348">
        <v>47</v>
      </c>
      <c r="U43348">
        <v>48</v>
      </c>
      <c r="V43348">
        <v>48</v>
      </c>
      <c r="W43348">
        <v>49</v>
      </c>
      <c r="X43348">
        <v>49</v>
      </c>
      <c r="Y43348">
        <v>50</v>
      </c>
      <c r="Z43348">
        <v>50</v>
      </c>
      <c r="AA43348">
        <v>51</v>
      </c>
      <c r="AB43348">
        <v>51</v>
      </c>
      <c r="AC43348">
        <v>52</v>
      </c>
      <c r="AD43348">
        <v>52</v>
      </c>
      <c r="AE43348">
        <v>52</v>
      </c>
      <c r="AF43348">
        <v>52</v>
      </c>
      <c r="AG43348">
        <v>52</v>
      </c>
      <c r="AH43348">
        <v>52</v>
      </c>
      <c r="AI43348">
        <v>51</v>
      </c>
      <c r="AJ43348">
        <v>51</v>
      </c>
      <c r="AK43348">
        <v>51</v>
      </c>
      <c r="AL43348">
        <v>51</v>
      </c>
      <c r="AM43348">
        <v>51</v>
      </c>
      <c r="AN43348">
        <v>50</v>
      </c>
      <c r="AO43348">
        <v>50</v>
      </c>
      <c r="AP43348">
        <v>50</v>
      </c>
      <c r="AQ43348">
        <v>50</v>
      </c>
    </row>
    <row r="43349" spans="1:43">
      <c r="A43349" t="s">
        <v>26493</v>
      </c>
      <c r="B43349" t="s">
        <v>26494</v>
      </c>
      <c r="C43349" t="s">
        <v>9602</v>
      </c>
      <c r="D43349" t="s">
        <v>9603</v>
      </c>
      <c r="E43349" t="s">
        <v>9544</v>
      </c>
      <c r="F43349" t="s">
        <v>9545</v>
      </c>
      <c r="G43349" t="s">
        <v>80</v>
      </c>
      <c r="H43349" t="s">
        <v>81</v>
      </c>
      <c r="I43349" s="2">
        <v>0</v>
      </c>
      <c r="J43349" s="2">
        <v>1</v>
      </c>
      <c r="K43349" s="2">
        <v>0</v>
      </c>
      <c r="L43349" t="s">
        <v>82</v>
      </c>
      <c r="M43349" t="s">
        <v>83</v>
      </c>
      <c r="N43349" t="s">
        <v>91</v>
      </c>
      <c r="O43349" t="s">
        <v>85</v>
      </c>
      <c r="P43349" t="s">
        <v>86</v>
      </c>
      <c r="Q43349">
        <v>45</v>
      </c>
      <c r="R43349">
        <v>45</v>
      </c>
      <c r="S43349">
        <v>45</v>
      </c>
      <c r="T43349">
        <v>46</v>
      </c>
      <c r="U43349">
        <v>46</v>
      </c>
      <c r="V43349">
        <v>46</v>
      </c>
      <c r="W43349">
        <v>47</v>
      </c>
      <c r="X43349">
        <v>47</v>
      </c>
      <c r="Y43349">
        <v>47</v>
      </c>
      <c r="Z43349">
        <v>47</v>
      </c>
      <c r="AA43349">
        <v>48</v>
      </c>
      <c r="AB43349">
        <v>48</v>
      </c>
      <c r="AC43349">
        <v>48</v>
      </c>
      <c r="AD43349">
        <v>49</v>
      </c>
      <c r="AE43349">
        <v>49</v>
      </c>
      <c r="AF43349">
        <v>49</v>
      </c>
      <c r="AG43349">
        <v>49</v>
      </c>
      <c r="AH43349">
        <v>49</v>
      </c>
      <c r="AI43349">
        <v>50</v>
      </c>
      <c r="AJ43349">
        <v>50</v>
      </c>
      <c r="AK43349">
        <v>50</v>
      </c>
      <c r="AL43349">
        <v>50</v>
      </c>
      <c r="AM43349">
        <v>50</v>
      </c>
      <c r="AN43349">
        <v>50</v>
      </c>
      <c r="AO43349">
        <v>49</v>
      </c>
      <c r="AP43349">
        <v>49</v>
      </c>
      <c r="AQ43349">
        <v>49</v>
      </c>
    </row>
    <row r="43350" spans="1:43">
      <c r="A43350" t="s">
        <v>26495</v>
      </c>
      <c r="B43350" t="s">
        <v>26496</v>
      </c>
      <c r="C43350" t="s">
        <v>24985</v>
      </c>
      <c r="D43350" t="s">
        <v>24986</v>
      </c>
      <c r="E43350" t="s">
        <v>9544</v>
      </c>
      <c r="F43350" t="s">
        <v>9545</v>
      </c>
      <c r="G43350" t="s">
        <v>80</v>
      </c>
      <c r="H43350" t="s">
        <v>81</v>
      </c>
      <c r="I43350" s="2">
        <v>0</v>
      </c>
      <c r="J43350" s="2">
        <v>1</v>
      </c>
      <c r="K43350" s="2">
        <v>0</v>
      </c>
      <c r="L43350" t="s">
        <v>82</v>
      </c>
      <c r="M43350" t="s">
        <v>83</v>
      </c>
      <c r="N43350" t="s">
        <v>84</v>
      </c>
      <c r="O43350" t="s">
        <v>85</v>
      </c>
      <c r="P43350" t="s">
        <v>86</v>
      </c>
      <c r="Q43350">
        <v>17</v>
      </c>
      <c r="R43350">
        <v>18</v>
      </c>
      <c r="S43350">
        <v>18</v>
      </c>
      <c r="T43350">
        <v>18</v>
      </c>
      <c r="U43350">
        <v>18</v>
      </c>
      <c r="V43350">
        <v>18</v>
      </c>
      <c r="W43350">
        <v>18</v>
      </c>
      <c r="X43350">
        <v>18</v>
      </c>
      <c r="Y43350">
        <v>18</v>
      </c>
      <c r="Z43350">
        <v>19</v>
      </c>
      <c r="AA43350">
        <v>19</v>
      </c>
      <c r="AB43350">
        <v>19</v>
      </c>
      <c r="AC43350">
        <v>19</v>
      </c>
      <c r="AD43350">
        <v>19</v>
      </c>
      <c r="AE43350">
        <v>19</v>
      </c>
      <c r="AF43350">
        <v>19</v>
      </c>
      <c r="AG43350">
        <v>19</v>
      </c>
      <c r="AH43350">
        <v>19</v>
      </c>
      <c r="AI43350">
        <v>19</v>
      </c>
      <c r="AJ43350">
        <v>19</v>
      </c>
      <c r="AK43350">
        <v>19</v>
      </c>
      <c r="AL43350">
        <v>19</v>
      </c>
      <c r="AM43350">
        <v>19</v>
      </c>
      <c r="AN43350">
        <v>19</v>
      </c>
      <c r="AO43350">
        <v>19</v>
      </c>
      <c r="AP43350">
        <v>19</v>
      </c>
      <c r="AQ43350">
        <v>19</v>
      </c>
    </row>
    <row r="43351" spans="1:43">
      <c r="A43351" t="s">
        <v>26495</v>
      </c>
      <c r="B43351" t="s">
        <v>26496</v>
      </c>
      <c r="C43351" t="s">
        <v>24985</v>
      </c>
      <c r="D43351" t="s">
        <v>24986</v>
      </c>
      <c r="E43351" t="s">
        <v>9544</v>
      </c>
      <c r="F43351" t="s">
        <v>9545</v>
      </c>
      <c r="G43351" t="s">
        <v>80</v>
      </c>
      <c r="H43351" t="s">
        <v>81</v>
      </c>
      <c r="I43351" s="2">
        <v>0</v>
      </c>
      <c r="J43351" s="2">
        <v>1</v>
      </c>
      <c r="K43351" s="2">
        <v>0</v>
      </c>
      <c r="L43351" t="s">
        <v>82</v>
      </c>
      <c r="M43351" t="s">
        <v>87</v>
      </c>
      <c r="N43351" t="s">
        <v>88</v>
      </c>
      <c r="O43351" t="s">
        <v>85</v>
      </c>
      <c r="P43351" t="s">
        <v>86</v>
      </c>
      <c r="Q43351">
        <v>17</v>
      </c>
      <c r="R43351">
        <v>17</v>
      </c>
      <c r="S43351">
        <v>17</v>
      </c>
      <c r="T43351">
        <v>17</v>
      </c>
      <c r="U43351">
        <v>17</v>
      </c>
      <c r="V43351">
        <v>17</v>
      </c>
      <c r="W43351">
        <v>17</v>
      </c>
      <c r="X43351">
        <v>17</v>
      </c>
      <c r="Y43351">
        <v>17</v>
      </c>
      <c r="Z43351">
        <v>17</v>
      </c>
      <c r="AA43351">
        <v>17</v>
      </c>
      <c r="AB43351">
        <v>17</v>
      </c>
      <c r="AC43351">
        <v>17</v>
      </c>
      <c r="AD43351">
        <v>17</v>
      </c>
      <c r="AE43351">
        <v>17</v>
      </c>
      <c r="AF43351">
        <v>17</v>
      </c>
      <c r="AG43351">
        <v>17</v>
      </c>
      <c r="AH43351">
        <v>17</v>
      </c>
      <c r="AI43351">
        <v>17</v>
      </c>
      <c r="AJ43351">
        <v>17</v>
      </c>
      <c r="AK43351">
        <v>17</v>
      </c>
      <c r="AL43351">
        <v>16</v>
      </c>
      <c r="AM43351">
        <v>16</v>
      </c>
      <c r="AN43351">
        <v>16</v>
      </c>
      <c r="AO43351">
        <v>16</v>
      </c>
      <c r="AP43351">
        <v>16</v>
      </c>
      <c r="AQ43351">
        <v>16</v>
      </c>
    </row>
    <row r="43352" spans="1:43">
      <c r="A43352" t="s">
        <v>26495</v>
      </c>
      <c r="B43352" t="s">
        <v>26496</v>
      </c>
      <c r="C43352" t="s">
        <v>24985</v>
      </c>
      <c r="D43352" t="s">
        <v>24986</v>
      </c>
      <c r="E43352" t="s">
        <v>9544</v>
      </c>
      <c r="F43352" t="s">
        <v>9545</v>
      </c>
      <c r="G43352" t="s">
        <v>80</v>
      </c>
      <c r="H43352" t="s">
        <v>81</v>
      </c>
      <c r="I43352" s="2">
        <v>0</v>
      </c>
      <c r="J43352" s="2">
        <v>1</v>
      </c>
      <c r="K43352" s="2">
        <v>0</v>
      </c>
      <c r="L43352" t="s">
        <v>82</v>
      </c>
      <c r="M43352" t="s">
        <v>89</v>
      </c>
      <c r="N43352" t="s">
        <v>90</v>
      </c>
      <c r="O43352" t="s">
        <v>85</v>
      </c>
      <c r="P43352" t="s">
        <v>86</v>
      </c>
      <c r="Q43352">
        <v>17</v>
      </c>
      <c r="R43352">
        <v>17</v>
      </c>
      <c r="S43352">
        <v>17</v>
      </c>
      <c r="T43352">
        <v>17</v>
      </c>
      <c r="U43352">
        <v>18</v>
      </c>
      <c r="V43352">
        <v>18</v>
      </c>
      <c r="W43352">
        <v>18</v>
      </c>
      <c r="X43352">
        <v>18</v>
      </c>
      <c r="Y43352">
        <v>19</v>
      </c>
      <c r="Z43352">
        <v>19</v>
      </c>
      <c r="AA43352">
        <v>19</v>
      </c>
      <c r="AB43352">
        <v>19</v>
      </c>
      <c r="AC43352">
        <v>19</v>
      </c>
      <c r="AD43352">
        <v>19</v>
      </c>
      <c r="AE43352">
        <v>19</v>
      </c>
      <c r="AF43352">
        <v>19</v>
      </c>
      <c r="AG43352">
        <v>19</v>
      </c>
      <c r="AH43352">
        <v>19</v>
      </c>
      <c r="AI43352">
        <v>19</v>
      </c>
      <c r="AJ43352">
        <v>19</v>
      </c>
      <c r="AK43352">
        <v>19</v>
      </c>
      <c r="AL43352">
        <v>19</v>
      </c>
      <c r="AM43352">
        <v>19</v>
      </c>
      <c r="AN43352">
        <v>18</v>
      </c>
      <c r="AO43352">
        <v>18</v>
      </c>
      <c r="AP43352">
        <v>18</v>
      </c>
      <c r="AQ43352">
        <v>18</v>
      </c>
    </row>
    <row r="43353" spans="1:43">
      <c r="A43353" t="s">
        <v>26495</v>
      </c>
      <c r="B43353" t="s">
        <v>26496</v>
      </c>
      <c r="C43353" t="s">
        <v>24985</v>
      </c>
      <c r="D43353" t="s">
        <v>24986</v>
      </c>
      <c r="E43353" t="s">
        <v>9544</v>
      </c>
      <c r="F43353" t="s">
        <v>9545</v>
      </c>
      <c r="G43353" t="s">
        <v>80</v>
      </c>
      <c r="H43353" t="s">
        <v>81</v>
      </c>
      <c r="I43353" s="2">
        <v>0</v>
      </c>
      <c r="J43353" s="2">
        <v>1</v>
      </c>
      <c r="K43353" s="2">
        <v>0</v>
      </c>
      <c r="L43353" t="s">
        <v>82</v>
      </c>
      <c r="M43353" t="s">
        <v>83</v>
      </c>
      <c r="N43353" t="s">
        <v>91</v>
      </c>
      <c r="O43353" t="s">
        <v>85</v>
      </c>
      <c r="P43353" t="s">
        <v>86</v>
      </c>
      <c r="Q43353">
        <v>17</v>
      </c>
      <c r="R43353">
        <v>18</v>
      </c>
      <c r="S43353">
        <v>18</v>
      </c>
      <c r="T43353">
        <v>18</v>
      </c>
      <c r="U43353">
        <v>18</v>
      </c>
      <c r="V43353">
        <v>18</v>
      </c>
      <c r="W43353">
        <v>18</v>
      </c>
      <c r="X43353">
        <v>18</v>
      </c>
      <c r="Y43353">
        <v>18</v>
      </c>
      <c r="Z43353">
        <v>19</v>
      </c>
      <c r="AA43353">
        <v>19</v>
      </c>
      <c r="AB43353">
        <v>19</v>
      </c>
      <c r="AC43353">
        <v>19</v>
      </c>
      <c r="AD43353">
        <v>19</v>
      </c>
      <c r="AE43353">
        <v>19</v>
      </c>
      <c r="AF43353">
        <v>19</v>
      </c>
      <c r="AG43353">
        <v>19</v>
      </c>
      <c r="AH43353">
        <v>19</v>
      </c>
      <c r="AI43353">
        <v>19</v>
      </c>
      <c r="AJ43353">
        <v>19</v>
      </c>
      <c r="AK43353">
        <v>19</v>
      </c>
      <c r="AL43353">
        <v>19</v>
      </c>
      <c r="AM43353">
        <v>19</v>
      </c>
      <c r="AN43353">
        <v>19</v>
      </c>
      <c r="AO43353">
        <v>19</v>
      </c>
      <c r="AP43353">
        <v>19</v>
      </c>
      <c r="AQ43353">
        <v>19</v>
      </c>
    </row>
    <row r="43354" spans="1:43">
      <c r="A43354" t="s">
        <v>26497</v>
      </c>
      <c r="B43354" t="s">
        <v>26498</v>
      </c>
      <c r="C43354" t="s">
        <v>24985</v>
      </c>
      <c r="D43354" t="s">
        <v>24986</v>
      </c>
      <c r="E43354" t="s">
        <v>9544</v>
      </c>
      <c r="F43354" t="s">
        <v>9545</v>
      </c>
      <c r="G43354" t="s">
        <v>80</v>
      </c>
      <c r="H43354" t="s">
        <v>81</v>
      </c>
      <c r="I43354" s="2">
        <v>0</v>
      </c>
      <c r="J43354" s="2">
        <v>1</v>
      </c>
      <c r="K43354" s="2">
        <v>0</v>
      </c>
      <c r="L43354" t="s">
        <v>82</v>
      </c>
      <c r="M43354" t="s">
        <v>83</v>
      </c>
      <c r="N43354" t="s">
        <v>84</v>
      </c>
      <c r="O43354" t="s">
        <v>85</v>
      </c>
      <c r="P43354" t="s">
        <v>86</v>
      </c>
      <c r="Q43354">
        <v>5</v>
      </c>
      <c r="R43354">
        <v>5</v>
      </c>
      <c r="S43354">
        <v>5</v>
      </c>
      <c r="T43354">
        <v>5</v>
      </c>
      <c r="U43354">
        <v>5</v>
      </c>
      <c r="V43354">
        <v>5</v>
      </c>
      <c r="W43354">
        <v>5</v>
      </c>
      <c r="X43354">
        <v>5</v>
      </c>
      <c r="Y43354">
        <v>5</v>
      </c>
      <c r="Z43354">
        <v>5</v>
      </c>
      <c r="AA43354">
        <v>5</v>
      </c>
      <c r="AB43354">
        <v>5</v>
      </c>
      <c r="AC43354">
        <v>5</v>
      </c>
      <c r="AD43354">
        <v>5</v>
      </c>
      <c r="AE43354">
        <v>5</v>
      </c>
      <c r="AF43354">
        <v>5</v>
      </c>
      <c r="AG43354">
        <v>5</v>
      </c>
      <c r="AH43354">
        <v>5</v>
      </c>
      <c r="AI43354">
        <v>5</v>
      </c>
      <c r="AJ43354">
        <v>5</v>
      </c>
      <c r="AK43354">
        <v>5</v>
      </c>
      <c r="AL43354">
        <v>5</v>
      </c>
      <c r="AM43354">
        <v>5</v>
      </c>
      <c r="AN43354">
        <v>5</v>
      </c>
      <c r="AO43354">
        <v>5</v>
      </c>
      <c r="AP43354">
        <v>5</v>
      </c>
      <c r="AQ43354">
        <v>5</v>
      </c>
    </row>
    <row r="43355" spans="1:43">
      <c r="A43355" t="s">
        <v>26497</v>
      </c>
      <c r="B43355" t="s">
        <v>26498</v>
      </c>
      <c r="C43355" t="s">
        <v>24985</v>
      </c>
      <c r="D43355" t="s">
        <v>24986</v>
      </c>
      <c r="E43355" t="s">
        <v>9544</v>
      </c>
      <c r="F43355" t="s">
        <v>9545</v>
      </c>
      <c r="G43355" t="s">
        <v>80</v>
      </c>
      <c r="H43355" t="s">
        <v>81</v>
      </c>
      <c r="I43355" s="2">
        <v>0</v>
      </c>
      <c r="J43355" s="2">
        <v>1</v>
      </c>
      <c r="K43355" s="2">
        <v>0</v>
      </c>
      <c r="L43355" t="s">
        <v>82</v>
      </c>
      <c r="M43355" t="s">
        <v>87</v>
      </c>
      <c r="N43355" t="s">
        <v>88</v>
      </c>
      <c r="O43355" t="s">
        <v>85</v>
      </c>
      <c r="P43355" t="s">
        <v>86</v>
      </c>
      <c r="Q43355">
        <v>5</v>
      </c>
      <c r="R43355">
        <v>5</v>
      </c>
      <c r="S43355">
        <v>5</v>
      </c>
      <c r="T43355">
        <v>5</v>
      </c>
      <c r="U43355">
        <v>5</v>
      </c>
      <c r="V43355">
        <v>5</v>
      </c>
      <c r="W43355">
        <v>5</v>
      </c>
      <c r="X43355">
        <v>5</v>
      </c>
      <c r="Y43355">
        <v>5</v>
      </c>
      <c r="Z43355">
        <v>5</v>
      </c>
      <c r="AA43355">
        <v>5</v>
      </c>
      <c r="AB43355">
        <v>5</v>
      </c>
      <c r="AC43355">
        <v>5</v>
      </c>
      <c r="AD43355">
        <v>5</v>
      </c>
      <c r="AE43355">
        <v>5</v>
      </c>
      <c r="AF43355">
        <v>5</v>
      </c>
      <c r="AG43355">
        <v>5</v>
      </c>
      <c r="AH43355">
        <v>5</v>
      </c>
      <c r="AI43355">
        <v>5</v>
      </c>
      <c r="AJ43355">
        <v>5</v>
      </c>
      <c r="AK43355">
        <v>5</v>
      </c>
      <c r="AL43355">
        <v>5</v>
      </c>
      <c r="AM43355">
        <v>5</v>
      </c>
      <c r="AN43355">
        <v>5</v>
      </c>
      <c r="AO43355">
        <v>5</v>
      </c>
      <c r="AP43355">
        <v>5</v>
      </c>
      <c r="AQ43355">
        <v>5</v>
      </c>
    </row>
    <row r="43356" spans="1:43">
      <c r="A43356" t="s">
        <v>26497</v>
      </c>
      <c r="B43356" t="s">
        <v>26498</v>
      </c>
      <c r="C43356" t="s">
        <v>24985</v>
      </c>
      <c r="D43356" t="s">
        <v>24986</v>
      </c>
      <c r="E43356" t="s">
        <v>9544</v>
      </c>
      <c r="F43356" t="s">
        <v>9545</v>
      </c>
      <c r="G43356" t="s">
        <v>80</v>
      </c>
      <c r="H43356" t="s">
        <v>81</v>
      </c>
      <c r="I43356" s="2">
        <v>0</v>
      </c>
      <c r="J43356" s="2">
        <v>1</v>
      </c>
      <c r="K43356" s="2">
        <v>0</v>
      </c>
      <c r="L43356" t="s">
        <v>82</v>
      </c>
      <c r="M43356" t="s">
        <v>89</v>
      </c>
      <c r="N43356" t="s">
        <v>90</v>
      </c>
      <c r="O43356" t="s">
        <v>85</v>
      </c>
      <c r="P43356" t="s">
        <v>86</v>
      </c>
      <c r="Q43356">
        <v>5</v>
      </c>
      <c r="R43356">
        <v>5</v>
      </c>
      <c r="S43356">
        <v>5</v>
      </c>
      <c r="T43356">
        <v>5</v>
      </c>
      <c r="U43356">
        <v>5</v>
      </c>
      <c r="V43356">
        <v>5</v>
      </c>
      <c r="W43356">
        <v>5</v>
      </c>
      <c r="X43356">
        <v>5</v>
      </c>
      <c r="Y43356">
        <v>5</v>
      </c>
      <c r="Z43356">
        <v>6</v>
      </c>
      <c r="AA43356">
        <v>6</v>
      </c>
      <c r="AB43356">
        <v>6</v>
      </c>
      <c r="AC43356">
        <v>6</v>
      </c>
      <c r="AD43356">
        <v>6</v>
      </c>
      <c r="AE43356">
        <v>6</v>
      </c>
      <c r="AF43356">
        <v>6</v>
      </c>
      <c r="AG43356">
        <v>6</v>
      </c>
      <c r="AH43356">
        <v>6</v>
      </c>
      <c r="AI43356">
        <v>6</v>
      </c>
      <c r="AJ43356">
        <v>6</v>
      </c>
      <c r="AK43356">
        <v>6</v>
      </c>
      <c r="AL43356">
        <v>5</v>
      </c>
      <c r="AM43356">
        <v>5</v>
      </c>
      <c r="AN43356">
        <v>5</v>
      </c>
      <c r="AO43356">
        <v>5</v>
      </c>
      <c r="AP43356">
        <v>5</v>
      </c>
      <c r="AQ43356">
        <v>5</v>
      </c>
    </row>
    <row r="43357" spans="1:43">
      <c r="A43357" t="s">
        <v>26497</v>
      </c>
      <c r="B43357" t="s">
        <v>26498</v>
      </c>
      <c r="C43357" t="s">
        <v>24985</v>
      </c>
      <c r="D43357" t="s">
        <v>24986</v>
      </c>
      <c r="E43357" t="s">
        <v>9544</v>
      </c>
      <c r="F43357" t="s">
        <v>9545</v>
      </c>
      <c r="G43357" t="s">
        <v>80</v>
      </c>
      <c r="H43357" t="s">
        <v>81</v>
      </c>
      <c r="I43357" s="2">
        <v>0</v>
      </c>
      <c r="J43357" s="2">
        <v>1</v>
      </c>
      <c r="K43357" s="2">
        <v>0</v>
      </c>
      <c r="L43357" t="s">
        <v>82</v>
      </c>
      <c r="M43357" t="s">
        <v>83</v>
      </c>
      <c r="N43357" t="s">
        <v>91</v>
      </c>
      <c r="O43357" t="s">
        <v>85</v>
      </c>
      <c r="P43357" t="s">
        <v>86</v>
      </c>
      <c r="Q43357">
        <v>5</v>
      </c>
      <c r="R43357">
        <v>5</v>
      </c>
      <c r="S43357">
        <v>5</v>
      </c>
      <c r="T43357">
        <v>5</v>
      </c>
      <c r="U43357">
        <v>5</v>
      </c>
      <c r="V43357">
        <v>5</v>
      </c>
      <c r="W43357">
        <v>5</v>
      </c>
      <c r="X43357">
        <v>5</v>
      </c>
      <c r="Y43357">
        <v>5</v>
      </c>
      <c r="Z43357">
        <v>5</v>
      </c>
      <c r="AA43357">
        <v>5</v>
      </c>
      <c r="AB43357">
        <v>5</v>
      </c>
      <c r="AC43357">
        <v>5</v>
      </c>
      <c r="AD43357">
        <v>5</v>
      </c>
      <c r="AE43357">
        <v>5</v>
      </c>
      <c r="AF43357">
        <v>5</v>
      </c>
      <c r="AG43357">
        <v>5</v>
      </c>
      <c r="AH43357">
        <v>5</v>
      </c>
      <c r="AI43357">
        <v>5</v>
      </c>
      <c r="AJ43357">
        <v>5</v>
      </c>
      <c r="AK43357">
        <v>5</v>
      </c>
      <c r="AL43357">
        <v>5</v>
      </c>
      <c r="AM43357">
        <v>5</v>
      </c>
      <c r="AN43357">
        <v>5</v>
      </c>
      <c r="AO43357">
        <v>5</v>
      </c>
      <c r="AP43357">
        <v>5</v>
      </c>
      <c r="AQ43357">
        <v>5</v>
      </c>
    </row>
    <row r="43358" spans="1:43">
      <c r="A43358" t="s">
        <v>26499</v>
      </c>
      <c r="B43358" t="s">
        <v>26500</v>
      </c>
      <c r="C43358" t="s">
        <v>24985</v>
      </c>
      <c r="D43358" t="s">
        <v>24986</v>
      </c>
      <c r="E43358" t="s">
        <v>9544</v>
      </c>
      <c r="F43358" t="s">
        <v>9545</v>
      </c>
      <c r="G43358" t="s">
        <v>80</v>
      </c>
      <c r="H43358" t="s">
        <v>81</v>
      </c>
      <c r="I43358" s="2">
        <v>0</v>
      </c>
      <c r="J43358" s="2">
        <v>1</v>
      </c>
      <c r="K43358" s="2">
        <v>0</v>
      </c>
      <c r="L43358" t="s">
        <v>82</v>
      </c>
      <c r="M43358" t="s">
        <v>83</v>
      </c>
      <c r="N43358" t="s">
        <v>84</v>
      </c>
      <c r="O43358" t="s">
        <v>85</v>
      </c>
      <c r="P43358" t="s">
        <v>86</v>
      </c>
      <c r="Q43358">
        <v>0</v>
      </c>
      <c r="R43358">
        <v>0</v>
      </c>
      <c r="S43358">
        <v>0</v>
      </c>
      <c r="T43358">
        <v>0</v>
      </c>
      <c r="U43358">
        <v>0</v>
      </c>
      <c r="V43358">
        <v>0</v>
      </c>
      <c r="W43358">
        <v>0</v>
      </c>
      <c r="X43358">
        <v>0</v>
      </c>
      <c r="Y43358">
        <v>0</v>
      </c>
      <c r="Z43358">
        <v>0</v>
      </c>
      <c r="AA43358">
        <v>0</v>
      </c>
      <c r="AB43358">
        <v>0</v>
      </c>
      <c r="AC43358">
        <v>0</v>
      </c>
      <c r="AD43358">
        <v>0</v>
      </c>
      <c r="AE43358">
        <v>0</v>
      </c>
      <c r="AF43358">
        <v>0</v>
      </c>
      <c r="AG43358">
        <v>0</v>
      </c>
      <c r="AH43358">
        <v>0</v>
      </c>
      <c r="AI43358">
        <v>0</v>
      </c>
      <c r="AJ43358">
        <v>0</v>
      </c>
      <c r="AK43358">
        <v>0</v>
      </c>
      <c r="AL43358">
        <v>0</v>
      </c>
      <c r="AM43358">
        <v>0</v>
      </c>
      <c r="AN43358">
        <v>0</v>
      </c>
      <c r="AO43358">
        <v>0</v>
      </c>
      <c r="AP43358">
        <v>0</v>
      </c>
      <c r="AQ43358">
        <v>0</v>
      </c>
    </row>
    <row r="43359" spans="1:43">
      <c r="A43359" t="s">
        <v>26499</v>
      </c>
      <c r="B43359" t="s">
        <v>26500</v>
      </c>
      <c r="C43359" t="s">
        <v>24985</v>
      </c>
      <c r="D43359" t="s">
        <v>24986</v>
      </c>
      <c r="E43359" t="s">
        <v>9544</v>
      </c>
      <c r="F43359" t="s">
        <v>9545</v>
      </c>
      <c r="G43359" t="s">
        <v>80</v>
      </c>
      <c r="H43359" t="s">
        <v>81</v>
      </c>
      <c r="I43359" s="2">
        <v>0</v>
      </c>
      <c r="J43359" s="2">
        <v>1</v>
      </c>
      <c r="K43359" s="2">
        <v>0</v>
      </c>
      <c r="L43359" t="s">
        <v>82</v>
      </c>
      <c r="M43359" t="s">
        <v>87</v>
      </c>
      <c r="N43359" t="s">
        <v>88</v>
      </c>
      <c r="O43359" t="s">
        <v>85</v>
      </c>
      <c r="P43359" t="s">
        <v>86</v>
      </c>
      <c r="Q43359">
        <v>0</v>
      </c>
      <c r="R43359">
        <v>0</v>
      </c>
      <c r="S43359">
        <v>0</v>
      </c>
      <c r="T43359">
        <v>0</v>
      </c>
      <c r="U43359">
        <v>0</v>
      </c>
      <c r="V43359">
        <v>0</v>
      </c>
      <c r="W43359">
        <v>0</v>
      </c>
      <c r="X43359">
        <v>0</v>
      </c>
      <c r="Y43359">
        <v>0</v>
      </c>
      <c r="Z43359">
        <v>0</v>
      </c>
      <c r="AA43359">
        <v>0</v>
      </c>
      <c r="AB43359">
        <v>0</v>
      </c>
      <c r="AC43359">
        <v>0</v>
      </c>
      <c r="AD43359">
        <v>0</v>
      </c>
      <c r="AE43359">
        <v>0</v>
      </c>
      <c r="AF43359">
        <v>0</v>
      </c>
      <c r="AG43359">
        <v>0</v>
      </c>
      <c r="AH43359">
        <v>0</v>
      </c>
      <c r="AI43359">
        <v>0</v>
      </c>
      <c r="AJ43359">
        <v>0</v>
      </c>
      <c r="AK43359">
        <v>0</v>
      </c>
      <c r="AL43359">
        <v>0</v>
      </c>
      <c r="AM43359">
        <v>0</v>
      </c>
      <c r="AN43359">
        <v>0</v>
      </c>
      <c r="AO43359">
        <v>0</v>
      </c>
      <c r="AP43359">
        <v>0</v>
      </c>
      <c r="AQ43359">
        <v>0</v>
      </c>
    </row>
    <row r="43360" spans="1:43">
      <c r="A43360" t="s">
        <v>26499</v>
      </c>
      <c r="B43360" t="s">
        <v>26500</v>
      </c>
      <c r="C43360" t="s">
        <v>24985</v>
      </c>
      <c r="D43360" t="s">
        <v>24986</v>
      </c>
      <c r="E43360" t="s">
        <v>9544</v>
      </c>
      <c r="F43360" t="s">
        <v>9545</v>
      </c>
      <c r="G43360" t="s">
        <v>80</v>
      </c>
      <c r="H43360" t="s">
        <v>81</v>
      </c>
      <c r="I43360" s="2">
        <v>0</v>
      </c>
      <c r="J43360" s="2">
        <v>1</v>
      </c>
      <c r="K43360" s="2">
        <v>0</v>
      </c>
      <c r="L43360" t="s">
        <v>82</v>
      </c>
      <c r="M43360" t="s">
        <v>89</v>
      </c>
      <c r="N43360" t="s">
        <v>90</v>
      </c>
      <c r="O43360" t="s">
        <v>85</v>
      </c>
      <c r="P43360" t="s">
        <v>86</v>
      </c>
      <c r="Q43360">
        <v>0</v>
      </c>
      <c r="R43360">
        <v>0</v>
      </c>
      <c r="S43360">
        <v>0</v>
      </c>
      <c r="T43360">
        <v>0</v>
      </c>
      <c r="U43360">
        <v>0</v>
      </c>
      <c r="V43360">
        <v>0</v>
      </c>
      <c r="W43360">
        <v>0</v>
      </c>
      <c r="X43360">
        <v>0</v>
      </c>
      <c r="Y43360">
        <v>0</v>
      </c>
      <c r="Z43360">
        <v>0</v>
      </c>
      <c r="AA43360">
        <v>0</v>
      </c>
      <c r="AB43360">
        <v>0</v>
      </c>
      <c r="AC43360">
        <v>0</v>
      </c>
      <c r="AD43360">
        <v>0</v>
      </c>
      <c r="AE43360">
        <v>0</v>
      </c>
      <c r="AF43360">
        <v>0</v>
      </c>
      <c r="AG43360">
        <v>0</v>
      </c>
      <c r="AH43360">
        <v>0</v>
      </c>
      <c r="AI43360">
        <v>0</v>
      </c>
      <c r="AJ43360">
        <v>0</v>
      </c>
      <c r="AK43360">
        <v>0</v>
      </c>
      <c r="AL43360">
        <v>0</v>
      </c>
      <c r="AM43360">
        <v>0</v>
      </c>
      <c r="AN43360">
        <v>0</v>
      </c>
      <c r="AO43360">
        <v>0</v>
      </c>
      <c r="AP43360">
        <v>0</v>
      </c>
      <c r="AQ43360">
        <v>0</v>
      </c>
    </row>
    <row r="43361" spans="1:43">
      <c r="A43361" t="s">
        <v>26499</v>
      </c>
      <c r="B43361" t="s">
        <v>26500</v>
      </c>
      <c r="C43361" t="s">
        <v>24985</v>
      </c>
      <c r="D43361" t="s">
        <v>24986</v>
      </c>
      <c r="E43361" t="s">
        <v>9544</v>
      </c>
      <c r="F43361" t="s">
        <v>9545</v>
      </c>
      <c r="G43361" t="s">
        <v>80</v>
      </c>
      <c r="H43361" t="s">
        <v>81</v>
      </c>
      <c r="I43361" s="2">
        <v>0</v>
      </c>
      <c r="J43361" s="2">
        <v>1</v>
      </c>
      <c r="K43361" s="2">
        <v>0</v>
      </c>
      <c r="L43361" t="s">
        <v>82</v>
      </c>
      <c r="M43361" t="s">
        <v>83</v>
      </c>
      <c r="N43361" t="s">
        <v>91</v>
      </c>
      <c r="O43361" t="s">
        <v>85</v>
      </c>
      <c r="P43361" t="s">
        <v>86</v>
      </c>
      <c r="Q43361">
        <v>0</v>
      </c>
      <c r="R43361">
        <v>0</v>
      </c>
      <c r="S43361">
        <v>0</v>
      </c>
      <c r="T43361">
        <v>0</v>
      </c>
      <c r="U43361">
        <v>0</v>
      </c>
      <c r="V43361">
        <v>0</v>
      </c>
      <c r="W43361">
        <v>0</v>
      </c>
      <c r="X43361">
        <v>0</v>
      </c>
      <c r="Y43361">
        <v>0</v>
      </c>
      <c r="Z43361">
        <v>0</v>
      </c>
      <c r="AA43361">
        <v>0</v>
      </c>
      <c r="AB43361">
        <v>0</v>
      </c>
      <c r="AC43361">
        <v>0</v>
      </c>
      <c r="AD43361">
        <v>0</v>
      </c>
      <c r="AE43361">
        <v>0</v>
      </c>
      <c r="AF43361">
        <v>0</v>
      </c>
      <c r="AG43361">
        <v>0</v>
      </c>
      <c r="AH43361">
        <v>0</v>
      </c>
      <c r="AI43361">
        <v>0</v>
      </c>
      <c r="AJ43361">
        <v>0</v>
      </c>
      <c r="AK43361">
        <v>0</v>
      </c>
      <c r="AL43361">
        <v>0</v>
      </c>
      <c r="AM43361">
        <v>0</v>
      </c>
      <c r="AN43361">
        <v>0</v>
      </c>
      <c r="AO43361">
        <v>0</v>
      </c>
      <c r="AP43361">
        <v>0</v>
      </c>
      <c r="AQ43361">
        <v>0</v>
      </c>
    </row>
    <row r="43362" spans="1:43">
      <c r="A43362" t="s">
        <v>26501</v>
      </c>
      <c r="B43362" t="s">
        <v>26502</v>
      </c>
      <c r="C43362" t="s">
        <v>9772</v>
      </c>
      <c r="D43362" t="s">
        <v>9773</v>
      </c>
      <c r="E43362" t="s">
        <v>9544</v>
      </c>
      <c r="F43362" t="s">
        <v>9545</v>
      </c>
      <c r="G43362" t="s">
        <v>80</v>
      </c>
      <c r="H43362" t="s">
        <v>81</v>
      </c>
      <c r="I43362" s="2">
        <v>0</v>
      </c>
      <c r="J43362" s="2">
        <v>1</v>
      </c>
      <c r="K43362" s="2">
        <v>0</v>
      </c>
      <c r="L43362" t="s">
        <v>82</v>
      </c>
      <c r="M43362" t="s">
        <v>83</v>
      </c>
      <c r="N43362" t="s">
        <v>84</v>
      </c>
      <c r="O43362" t="s">
        <v>85</v>
      </c>
      <c r="P43362" t="s">
        <v>86</v>
      </c>
      <c r="Q43362">
        <v>70</v>
      </c>
      <c r="R43362">
        <v>71</v>
      </c>
      <c r="S43362">
        <v>71</v>
      </c>
      <c r="T43362">
        <v>72</v>
      </c>
      <c r="U43362">
        <v>72</v>
      </c>
      <c r="V43362">
        <v>73</v>
      </c>
      <c r="W43362">
        <v>73</v>
      </c>
      <c r="X43362">
        <v>74</v>
      </c>
      <c r="Y43362">
        <v>74</v>
      </c>
      <c r="Z43362">
        <v>75</v>
      </c>
      <c r="AA43362">
        <v>75</v>
      </c>
      <c r="AB43362">
        <v>75</v>
      </c>
      <c r="AC43362">
        <v>76</v>
      </c>
      <c r="AD43362">
        <v>76</v>
      </c>
      <c r="AE43362">
        <v>76</v>
      </c>
      <c r="AF43362">
        <v>77</v>
      </c>
      <c r="AG43362">
        <v>77</v>
      </c>
      <c r="AH43362">
        <v>77</v>
      </c>
      <c r="AI43362">
        <v>78</v>
      </c>
      <c r="AJ43362">
        <v>78</v>
      </c>
      <c r="AK43362">
        <v>78</v>
      </c>
      <c r="AL43362">
        <v>78</v>
      </c>
      <c r="AM43362">
        <v>78</v>
      </c>
      <c r="AN43362">
        <v>77</v>
      </c>
      <c r="AO43362">
        <v>77</v>
      </c>
      <c r="AP43362">
        <v>77</v>
      </c>
      <c r="AQ43362">
        <v>76</v>
      </c>
    </row>
    <row r="43363" spans="1:43">
      <c r="A43363" t="s">
        <v>26501</v>
      </c>
      <c r="B43363" t="s">
        <v>26502</v>
      </c>
      <c r="C43363" t="s">
        <v>9772</v>
      </c>
      <c r="D43363" t="s">
        <v>9773</v>
      </c>
      <c r="E43363" t="s">
        <v>9544</v>
      </c>
      <c r="F43363" t="s">
        <v>9545</v>
      </c>
      <c r="G43363" t="s">
        <v>80</v>
      </c>
      <c r="H43363" t="s">
        <v>81</v>
      </c>
      <c r="I43363" s="2">
        <v>0</v>
      </c>
      <c r="J43363" s="2">
        <v>1</v>
      </c>
      <c r="K43363" s="2">
        <v>0</v>
      </c>
      <c r="L43363" t="s">
        <v>82</v>
      </c>
      <c r="M43363" t="s">
        <v>87</v>
      </c>
      <c r="N43363" t="s">
        <v>88</v>
      </c>
      <c r="O43363" t="s">
        <v>85</v>
      </c>
      <c r="P43363" t="s">
        <v>86</v>
      </c>
      <c r="Q43363">
        <v>70</v>
      </c>
      <c r="R43363">
        <v>70</v>
      </c>
      <c r="S43363">
        <v>69</v>
      </c>
      <c r="T43363">
        <v>69</v>
      </c>
      <c r="U43363">
        <v>69</v>
      </c>
      <c r="V43363">
        <v>69</v>
      </c>
      <c r="W43363">
        <v>69</v>
      </c>
      <c r="X43363">
        <v>69</v>
      </c>
      <c r="Y43363">
        <v>69</v>
      </c>
      <c r="Z43363">
        <v>68</v>
      </c>
      <c r="AA43363">
        <v>68</v>
      </c>
      <c r="AB43363">
        <v>68</v>
      </c>
      <c r="AC43363">
        <v>68</v>
      </c>
      <c r="AD43363">
        <v>68</v>
      </c>
      <c r="AE43363">
        <v>68</v>
      </c>
      <c r="AF43363">
        <v>67</v>
      </c>
      <c r="AG43363">
        <v>67</v>
      </c>
      <c r="AH43363">
        <v>67</v>
      </c>
      <c r="AI43363">
        <v>67</v>
      </c>
      <c r="AJ43363">
        <v>67</v>
      </c>
      <c r="AK43363">
        <v>67</v>
      </c>
      <c r="AL43363">
        <v>66</v>
      </c>
      <c r="AM43363">
        <v>66</v>
      </c>
      <c r="AN43363">
        <v>66</v>
      </c>
      <c r="AO43363">
        <v>66</v>
      </c>
      <c r="AP43363">
        <v>66</v>
      </c>
      <c r="AQ43363">
        <v>65</v>
      </c>
    </row>
    <row r="43364" spans="1:43">
      <c r="A43364" t="s">
        <v>26501</v>
      </c>
      <c r="B43364" t="s">
        <v>26502</v>
      </c>
      <c r="C43364" t="s">
        <v>9772</v>
      </c>
      <c r="D43364" t="s">
        <v>9773</v>
      </c>
      <c r="E43364" t="s">
        <v>9544</v>
      </c>
      <c r="F43364" t="s">
        <v>9545</v>
      </c>
      <c r="G43364" t="s">
        <v>80</v>
      </c>
      <c r="H43364" t="s">
        <v>81</v>
      </c>
      <c r="I43364" s="2">
        <v>0</v>
      </c>
      <c r="J43364" s="2">
        <v>1</v>
      </c>
      <c r="K43364" s="2">
        <v>0</v>
      </c>
      <c r="L43364" t="s">
        <v>82</v>
      </c>
      <c r="M43364" t="s">
        <v>89</v>
      </c>
      <c r="N43364" t="s">
        <v>90</v>
      </c>
      <c r="O43364" t="s">
        <v>85</v>
      </c>
      <c r="P43364" t="s">
        <v>86</v>
      </c>
      <c r="Q43364">
        <v>70</v>
      </c>
      <c r="R43364">
        <v>71</v>
      </c>
      <c r="S43364">
        <v>72</v>
      </c>
      <c r="T43364">
        <v>73</v>
      </c>
      <c r="U43364">
        <v>74</v>
      </c>
      <c r="V43364">
        <v>75</v>
      </c>
      <c r="W43364">
        <v>76</v>
      </c>
      <c r="X43364">
        <v>77</v>
      </c>
      <c r="Y43364">
        <v>78</v>
      </c>
      <c r="Z43364">
        <v>78</v>
      </c>
      <c r="AA43364">
        <v>79</v>
      </c>
      <c r="AB43364">
        <v>80</v>
      </c>
      <c r="AC43364">
        <v>80</v>
      </c>
      <c r="AD43364">
        <v>81</v>
      </c>
      <c r="AE43364">
        <v>81</v>
      </c>
      <c r="AF43364">
        <v>81</v>
      </c>
      <c r="AG43364">
        <v>80</v>
      </c>
      <c r="AH43364">
        <v>80</v>
      </c>
      <c r="AI43364">
        <v>79</v>
      </c>
      <c r="AJ43364">
        <v>79</v>
      </c>
      <c r="AK43364">
        <v>79</v>
      </c>
      <c r="AL43364">
        <v>78</v>
      </c>
      <c r="AM43364">
        <v>78</v>
      </c>
      <c r="AN43364">
        <v>77</v>
      </c>
      <c r="AO43364">
        <v>77</v>
      </c>
      <c r="AP43364">
        <v>77</v>
      </c>
      <c r="AQ43364">
        <v>76</v>
      </c>
    </row>
    <row r="43365" spans="1:43">
      <c r="A43365" t="s">
        <v>26501</v>
      </c>
      <c r="B43365" t="s">
        <v>26502</v>
      </c>
      <c r="C43365" t="s">
        <v>9772</v>
      </c>
      <c r="D43365" t="s">
        <v>9773</v>
      </c>
      <c r="E43365" t="s">
        <v>9544</v>
      </c>
      <c r="F43365" t="s">
        <v>9545</v>
      </c>
      <c r="G43365" t="s">
        <v>80</v>
      </c>
      <c r="H43365" t="s">
        <v>81</v>
      </c>
      <c r="I43365" s="2">
        <v>0</v>
      </c>
      <c r="J43365" s="2">
        <v>1</v>
      </c>
      <c r="K43365" s="2">
        <v>0</v>
      </c>
      <c r="L43365" t="s">
        <v>82</v>
      </c>
      <c r="M43365" t="s">
        <v>83</v>
      </c>
      <c r="N43365" t="s">
        <v>91</v>
      </c>
      <c r="O43365" t="s">
        <v>85</v>
      </c>
      <c r="P43365" t="s">
        <v>86</v>
      </c>
      <c r="Q43365">
        <v>70</v>
      </c>
      <c r="R43365">
        <v>71</v>
      </c>
      <c r="S43365">
        <v>71</v>
      </c>
      <c r="T43365">
        <v>72</v>
      </c>
      <c r="U43365">
        <v>72</v>
      </c>
      <c r="V43365">
        <v>73</v>
      </c>
      <c r="W43365">
        <v>73</v>
      </c>
      <c r="X43365">
        <v>74</v>
      </c>
      <c r="Y43365">
        <v>74</v>
      </c>
      <c r="Z43365">
        <v>75</v>
      </c>
      <c r="AA43365">
        <v>75</v>
      </c>
      <c r="AB43365">
        <v>75</v>
      </c>
      <c r="AC43365">
        <v>76</v>
      </c>
      <c r="AD43365">
        <v>76</v>
      </c>
      <c r="AE43365">
        <v>76</v>
      </c>
      <c r="AF43365">
        <v>77</v>
      </c>
      <c r="AG43365">
        <v>77</v>
      </c>
      <c r="AH43365">
        <v>77</v>
      </c>
      <c r="AI43365">
        <v>78</v>
      </c>
      <c r="AJ43365">
        <v>78</v>
      </c>
      <c r="AK43365">
        <v>78</v>
      </c>
      <c r="AL43365">
        <v>78</v>
      </c>
      <c r="AM43365">
        <v>78</v>
      </c>
      <c r="AN43365">
        <v>77</v>
      </c>
      <c r="AO43365">
        <v>77</v>
      </c>
      <c r="AP43365">
        <v>77</v>
      </c>
      <c r="AQ43365">
        <v>76</v>
      </c>
    </row>
    <row r="43366" spans="1:43">
      <c r="A43366" t="s">
        <v>26503</v>
      </c>
      <c r="B43366" t="s">
        <v>26504</v>
      </c>
      <c r="C43366" t="s">
        <v>12953</v>
      </c>
      <c r="D43366" t="s">
        <v>12954</v>
      </c>
      <c r="E43366" t="s">
        <v>12925</v>
      </c>
      <c r="F43366" t="s">
        <v>12926</v>
      </c>
      <c r="G43366" t="s">
        <v>10214</v>
      </c>
      <c r="H43366" t="s">
        <v>10215</v>
      </c>
      <c r="I43366" s="2">
        <v>1</v>
      </c>
      <c r="J43366" s="2">
        <v>0</v>
      </c>
      <c r="K43366" s="2">
        <v>0</v>
      </c>
      <c r="L43366" t="s">
        <v>120</v>
      </c>
      <c r="M43366" t="s">
        <v>83</v>
      </c>
      <c r="N43366" t="s">
        <v>84</v>
      </c>
      <c r="O43366" t="s">
        <v>85</v>
      </c>
      <c r="P43366" t="s">
        <v>86</v>
      </c>
      <c r="Q43366">
        <v>11</v>
      </c>
      <c r="R43366">
        <v>11</v>
      </c>
      <c r="S43366">
        <v>11</v>
      </c>
      <c r="T43366">
        <v>11</v>
      </c>
      <c r="U43366">
        <v>11</v>
      </c>
      <c r="V43366">
        <v>11</v>
      </c>
      <c r="W43366">
        <v>12</v>
      </c>
      <c r="X43366">
        <v>12</v>
      </c>
      <c r="Y43366">
        <v>12</v>
      </c>
      <c r="Z43366">
        <v>12</v>
      </c>
      <c r="AA43366">
        <v>12</v>
      </c>
      <c r="AB43366">
        <v>12</v>
      </c>
      <c r="AC43366">
        <v>12</v>
      </c>
      <c r="AD43366">
        <v>12</v>
      </c>
      <c r="AE43366">
        <v>12</v>
      </c>
      <c r="AF43366">
        <v>12</v>
      </c>
      <c r="AG43366">
        <v>12</v>
      </c>
      <c r="AH43366">
        <v>13</v>
      </c>
      <c r="AI43366">
        <v>13</v>
      </c>
      <c r="AJ43366">
        <v>13</v>
      </c>
      <c r="AK43366">
        <v>13</v>
      </c>
      <c r="AL43366">
        <v>13</v>
      </c>
      <c r="AM43366">
        <v>13</v>
      </c>
      <c r="AN43366">
        <v>13</v>
      </c>
      <c r="AO43366">
        <v>13</v>
      </c>
      <c r="AP43366">
        <v>13</v>
      </c>
      <c r="AQ43366">
        <v>13</v>
      </c>
    </row>
    <row r="43367" spans="1:43">
      <c r="A43367" t="s">
        <v>26503</v>
      </c>
      <c r="B43367" t="s">
        <v>26504</v>
      </c>
      <c r="C43367" t="s">
        <v>12953</v>
      </c>
      <c r="D43367" t="s">
        <v>12954</v>
      </c>
      <c r="E43367" t="s">
        <v>12925</v>
      </c>
      <c r="F43367" t="s">
        <v>12926</v>
      </c>
      <c r="G43367" t="s">
        <v>10214</v>
      </c>
      <c r="H43367" t="s">
        <v>10215</v>
      </c>
      <c r="I43367" s="2">
        <v>1</v>
      </c>
      <c r="J43367" s="2">
        <v>0</v>
      </c>
      <c r="K43367" s="2">
        <v>0</v>
      </c>
      <c r="L43367" t="s">
        <v>120</v>
      </c>
      <c r="M43367" t="s">
        <v>87</v>
      </c>
      <c r="N43367" t="s">
        <v>88</v>
      </c>
      <c r="O43367" t="s">
        <v>85</v>
      </c>
      <c r="P43367" t="s">
        <v>86</v>
      </c>
      <c r="Q43367">
        <v>11</v>
      </c>
      <c r="R43367">
        <v>11</v>
      </c>
      <c r="S43367">
        <v>11</v>
      </c>
      <c r="T43367">
        <v>11</v>
      </c>
      <c r="U43367">
        <v>11</v>
      </c>
      <c r="V43367">
        <v>11</v>
      </c>
      <c r="W43367">
        <v>11</v>
      </c>
      <c r="X43367">
        <v>11</v>
      </c>
      <c r="Y43367">
        <v>11</v>
      </c>
      <c r="Z43367">
        <v>11</v>
      </c>
      <c r="AA43367">
        <v>11</v>
      </c>
      <c r="AB43367">
        <v>11</v>
      </c>
      <c r="AC43367">
        <v>11</v>
      </c>
      <c r="AD43367">
        <v>11</v>
      </c>
      <c r="AE43367">
        <v>11</v>
      </c>
      <c r="AF43367">
        <v>11</v>
      </c>
      <c r="AG43367">
        <v>11</v>
      </c>
      <c r="AH43367">
        <v>11</v>
      </c>
      <c r="AI43367">
        <v>11</v>
      </c>
      <c r="AJ43367">
        <v>11</v>
      </c>
      <c r="AK43367">
        <v>11</v>
      </c>
      <c r="AL43367">
        <v>11</v>
      </c>
      <c r="AM43367">
        <v>11</v>
      </c>
      <c r="AN43367">
        <v>11</v>
      </c>
      <c r="AO43367">
        <v>11</v>
      </c>
      <c r="AP43367">
        <v>11</v>
      </c>
      <c r="AQ43367">
        <v>11</v>
      </c>
    </row>
    <row r="43368" spans="1:43">
      <c r="A43368" t="s">
        <v>26503</v>
      </c>
      <c r="B43368" t="s">
        <v>26504</v>
      </c>
      <c r="C43368" t="s">
        <v>12953</v>
      </c>
      <c r="D43368" t="s">
        <v>12954</v>
      </c>
      <c r="E43368" t="s">
        <v>12925</v>
      </c>
      <c r="F43368" t="s">
        <v>12926</v>
      </c>
      <c r="G43368" t="s">
        <v>10214</v>
      </c>
      <c r="H43368" t="s">
        <v>10215</v>
      </c>
      <c r="I43368" s="2">
        <v>1</v>
      </c>
      <c r="J43368" s="2">
        <v>0</v>
      </c>
      <c r="K43368" s="2">
        <v>0</v>
      </c>
      <c r="L43368" t="s">
        <v>120</v>
      </c>
      <c r="M43368" t="s">
        <v>89</v>
      </c>
      <c r="N43368" t="s">
        <v>90</v>
      </c>
      <c r="O43368" t="s">
        <v>85</v>
      </c>
      <c r="P43368" t="s">
        <v>86</v>
      </c>
      <c r="Q43368">
        <v>11</v>
      </c>
      <c r="R43368">
        <v>11</v>
      </c>
      <c r="S43368">
        <v>11</v>
      </c>
      <c r="T43368">
        <v>12</v>
      </c>
      <c r="U43368">
        <v>12</v>
      </c>
      <c r="V43368">
        <v>12</v>
      </c>
      <c r="W43368">
        <v>12</v>
      </c>
      <c r="X43368">
        <v>12</v>
      </c>
      <c r="Y43368">
        <v>12</v>
      </c>
      <c r="Z43368">
        <v>13</v>
      </c>
      <c r="AA43368">
        <v>13</v>
      </c>
      <c r="AB43368">
        <v>13</v>
      </c>
      <c r="AC43368">
        <v>13</v>
      </c>
      <c r="AD43368">
        <v>13</v>
      </c>
      <c r="AE43368">
        <v>13</v>
      </c>
      <c r="AF43368">
        <v>13</v>
      </c>
      <c r="AG43368">
        <v>13</v>
      </c>
      <c r="AH43368">
        <v>13</v>
      </c>
      <c r="AI43368">
        <v>13</v>
      </c>
      <c r="AJ43368">
        <v>13</v>
      </c>
      <c r="AK43368">
        <v>13</v>
      </c>
      <c r="AL43368">
        <v>13</v>
      </c>
      <c r="AM43368">
        <v>13</v>
      </c>
      <c r="AN43368">
        <v>13</v>
      </c>
      <c r="AO43368">
        <v>13</v>
      </c>
      <c r="AP43368">
        <v>13</v>
      </c>
      <c r="AQ43368">
        <v>13</v>
      </c>
    </row>
    <row r="43369" spans="1:43">
      <c r="A43369" t="s">
        <v>26503</v>
      </c>
      <c r="B43369" t="s">
        <v>26504</v>
      </c>
      <c r="C43369" t="s">
        <v>12953</v>
      </c>
      <c r="D43369" t="s">
        <v>12954</v>
      </c>
      <c r="E43369" t="s">
        <v>12925</v>
      </c>
      <c r="F43369" t="s">
        <v>12926</v>
      </c>
      <c r="G43369" t="s">
        <v>10214</v>
      </c>
      <c r="H43369" t="s">
        <v>10215</v>
      </c>
      <c r="I43369" s="2">
        <v>1</v>
      </c>
      <c r="J43369" s="2">
        <v>0</v>
      </c>
      <c r="K43369" s="2">
        <v>0</v>
      </c>
      <c r="L43369" t="s">
        <v>120</v>
      </c>
      <c r="M43369" t="s">
        <v>83</v>
      </c>
      <c r="N43369" t="s">
        <v>91</v>
      </c>
      <c r="O43369" t="s">
        <v>85</v>
      </c>
      <c r="P43369" t="s">
        <v>86</v>
      </c>
      <c r="Q43369">
        <v>11</v>
      </c>
      <c r="R43369">
        <v>11</v>
      </c>
      <c r="S43369">
        <v>11</v>
      </c>
      <c r="T43369">
        <v>11</v>
      </c>
      <c r="U43369">
        <v>11</v>
      </c>
      <c r="V43369">
        <v>11</v>
      </c>
      <c r="W43369">
        <v>12</v>
      </c>
      <c r="X43369">
        <v>12</v>
      </c>
      <c r="Y43369">
        <v>12</v>
      </c>
      <c r="Z43369">
        <v>12</v>
      </c>
      <c r="AA43369">
        <v>12</v>
      </c>
      <c r="AB43369">
        <v>12</v>
      </c>
      <c r="AC43369">
        <v>12</v>
      </c>
      <c r="AD43369">
        <v>12</v>
      </c>
      <c r="AE43369">
        <v>12</v>
      </c>
      <c r="AF43369">
        <v>12</v>
      </c>
      <c r="AG43369">
        <v>12</v>
      </c>
      <c r="AH43369">
        <v>13</v>
      </c>
      <c r="AI43369">
        <v>13</v>
      </c>
      <c r="AJ43369">
        <v>13</v>
      </c>
      <c r="AK43369">
        <v>13</v>
      </c>
      <c r="AL43369">
        <v>13</v>
      </c>
      <c r="AM43369">
        <v>13</v>
      </c>
      <c r="AN43369">
        <v>13</v>
      </c>
      <c r="AO43369">
        <v>13</v>
      </c>
      <c r="AP43369">
        <v>13</v>
      </c>
      <c r="AQ43369">
        <v>13</v>
      </c>
    </row>
    <row r="43370" spans="1:43">
      <c r="A43370" t="s">
        <v>26505</v>
      </c>
      <c r="B43370" t="s">
        <v>26506</v>
      </c>
      <c r="C43370" t="s">
        <v>12953</v>
      </c>
      <c r="D43370" t="s">
        <v>12954</v>
      </c>
      <c r="E43370" t="s">
        <v>12925</v>
      </c>
      <c r="F43370" t="s">
        <v>12926</v>
      </c>
      <c r="G43370" t="s">
        <v>10214</v>
      </c>
      <c r="H43370" t="s">
        <v>10215</v>
      </c>
      <c r="I43370" s="2">
        <v>1</v>
      </c>
      <c r="J43370" s="2">
        <v>0</v>
      </c>
      <c r="K43370" s="2">
        <v>0</v>
      </c>
      <c r="L43370" t="s">
        <v>120</v>
      </c>
      <c r="M43370" t="s">
        <v>83</v>
      </c>
      <c r="N43370" t="s">
        <v>84</v>
      </c>
      <c r="O43370" t="s">
        <v>85</v>
      </c>
      <c r="P43370" t="s">
        <v>86</v>
      </c>
      <c r="Q43370">
        <v>14</v>
      </c>
      <c r="R43370">
        <v>14</v>
      </c>
      <c r="S43370">
        <v>14</v>
      </c>
      <c r="T43370">
        <v>14</v>
      </c>
      <c r="U43370">
        <v>14</v>
      </c>
      <c r="V43370">
        <v>14</v>
      </c>
      <c r="W43370">
        <v>15</v>
      </c>
      <c r="X43370">
        <v>15</v>
      </c>
      <c r="Y43370">
        <v>15</v>
      </c>
      <c r="Z43370">
        <v>15</v>
      </c>
      <c r="AA43370">
        <v>15</v>
      </c>
      <c r="AB43370">
        <v>15</v>
      </c>
      <c r="AC43370">
        <v>15</v>
      </c>
      <c r="AD43370">
        <v>15</v>
      </c>
      <c r="AE43370">
        <v>16</v>
      </c>
      <c r="AF43370">
        <v>16</v>
      </c>
      <c r="AG43370">
        <v>16</v>
      </c>
      <c r="AH43370">
        <v>16</v>
      </c>
      <c r="AI43370">
        <v>16</v>
      </c>
      <c r="AJ43370">
        <v>16</v>
      </c>
      <c r="AK43370">
        <v>16</v>
      </c>
      <c r="AL43370">
        <v>16</v>
      </c>
      <c r="AM43370">
        <v>16</v>
      </c>
      <c r="AN43370">
        <v>16</v>
      </c>
      <c r="AO43370">
        <v>16</v>
      </c>
      <c r="AP43370">
        <v>16</v>
      </c>
      <c r="AQ43370">
        <v>16</v>
      </c>
    </row>
    <row r="43371" spans="1:43">
      <c r="A43371" t="s">
        <v>26505</v>
      </c>
      <c r="B43371" t="s">
        <v>26506</v>
      </c>
      <c r="C43371" t="s">
        <v>12953</v>
      </c>
      <c r="D43371" t="s">
        <v>12954</v>
      </c>
      <c r="E43371" t="s">
        <v>12925</v>
      </c>
      <c r="F43371" t="s">
        <v>12926</v>
      </c>
      <c r="G43371" t="s">
        <v>10214</v>
      </c>
      <c r="H43371" t="s">
        <v>10215</v>
      </c>
      <c r="I43371" s="2">
        <v>1</v>
      </c>
      <c r="J43371" s="2">
        <v>0</v>
      </c>
      <c r="K43371" s="2">
        <v>0</v>
      </c>
      <c r="L43371" t="s">
        <v>120</v>
      </c>
      <c r="M43371" t="s">
        <v>87</v>
      </c>
      <c r="N43371" t="s">
        <v>88</v>
      </c>
      <c r="O43371" t="s">
        <v>85</v>
      </c>
      <c r="P43371" t="s">
        <v>86</v>
      </c>
      <c r="Q43371">
        <v>14</v>
      </c>
      <c r="R43371">
        <v>15</v>
      </c>
      <c r="S43371">
        <v>15</v>
      </c>
      <c r="T43371">
        <v>15</v>
      </c>
      <c r="U43371">
        <v>15</v>
      </c>
      <c r="V43371">
        <v>15</v>
      </c>
      <c r="W43371">
        <v>15</v>
      </c>
      <c r="X43371">
        <v>15</v>
      </c>
      <c r="Y43371">
        <v>15</v>
      </c>
      <c r="Z43371">
        <v>15</v>
      </c>
      <c r="AA43371">
        <v>15</v>
      </c>
      <c r="AB43371">
        <v>15</v>
      </c>
      <c r="AC43371">
        <v>15</v>
      </c>
      <c r="AD43371">
        <v>15</v>
      </c>
      <c r="AE43371">
        <v>15</v>
      </c>
      <c r="AF43371">
        <v>15</v>
      </c>
      <c r="AG43371">
        <v>15</v>
      </c>
      <c r="AH43371">
        <v>15</v>
      </c>
      <c r="AI43371">
        <v>15</v>
      </c>
      <c r="AJ43371">
        <v>15</v>
      </c>
      <c r="AK43371">
        <v>15</v>
      </c>
      <c r="AL43371">
        <v>15</v>
      </c>
      <c r="AM43371">
        <v>15</v>
      </c>
      <c r="AN43371">
        <v>15</v>
      </c>
      <c r="AO43371">
        <v>15</v>
      </c>
      <c r="AP43371">
        <v>15</v>
      </c>
      <c r="AQ43371">
        <v>15</v>
      </c>
    </row>
    <row r="43372" spans="1:43">
      <c r="A43372" t="s">
        <v>26505</v>
      </c>
      <c r="B43372" t="s">
        <v>26506</v>
      </c>
      <c r="C43372" t="s">
        <v>12953</v>
      </c>
      <c r="D43372" t="s">
        <v>12954</v>
      </c>
      <c r="E43372" t="s">
        <v>12925</v>
      </c>
      <c r="F43372" t="s">
        <v>12926</v>
      </c>
      <c r="G43372" t="s">
        <v>10214</v>
      </c>
      <c r="H43372" t="s">
        <v>10215</v>
      </c>
      <c r="I43372" s="2">
        <v>1</v>
      </c>
      <c r="J43372" s="2">
        <v>0</v>
      </c>
      <c r="K43372" s="2">
        <v>0</v>
      </c>
      <c r="L43372" t="s">
        <v>120</v>
      </c>
      <c r="M43372" t="s">
        <v>89</v>
      </c>
      <c r="N43372" t="s">
        <v>90</v>
      </c>
      <c r="O43372" t="s">
        <v>85</v>
      </c>
      <c r="P43372" t="s">
        <v>86</v>
      </c>
      <c r="Q43372">
        <v>14</v>
      </c>
      <c r="R43372">
        <v>14</v>
      </c>
      <c r="S43372">
        <v>14</v>
      </c>
      <c r="T43372">
        <v>15</v>
      </c>
      <c r="U43372">
        <v>15</v>
      </c>
      <c r="V43372">
        <v>15</v>
      </c>
      <c r="W43372">
        <v>15</v>
      </c>
      <c r="X43372">
        <v>15</v>
      </c>
      <c r="Y43372">
        <v>16</v>
      </c>
      <c r="Z43372">
        <v>16</v>
      </c>
      <c r="AA43372">
        <v>16</v>
      </c>
      <c r="AB43372">
        <v>16</v>
      </c>
      <c r="AC43372">
        <v>16</v>
      </c>
      <c r="AD43372">
        <v>17</v>
      </c>
      <c r="AE43372">
        <v>17</v>
      </c>
      <c r="AF43372">
        <v>17</v>
      </c>
      <c r="AG43372">
        <v>17</v>
      </c>
      <c r="AH43372">
        <v>16</v>
      </c>
      <c r="AI43372">
        <v>16</v>
      </c>
      <c r="AJ43372">
        <v>16</v>
      </c>
      <c r="AK43372">
        <v>16</v>
      </c>
      <c r="AL43372">
        <v>16</v>
      </c>
      <c r="AM43372">
        <v>16</v>
      </c>
      <c r="AN43372">
        <v>16</v>
      </c>
      <c r="AO43372">
        <v>16</v>
      </c>
      <c r="AP43372">
        <v>16</v>
      </c>
      <c r="AQ43372">
        <v>16</v>
      </c>
    </row>
    <row r="43373" spans="1:43">
      <c r="A43373" t="s">
        <v>26505</v>
      </c>
      <c r="B43373" t="s">
        <v>26506</v>
      </c>
      <c r="C43373" t="s">
        <v>12953</v>
      </c>
      <c r="D43373" t="s">
        <v>12954</v>
      </c>
      <c r="E43373" t="s">
        <v>12925</v>
      </c>
      <c r="F43373" t="s">
        <v>12926</v>
      </c>
      <c r="G43373" t="s">
        <v>10214</v>
      </c>
      <c r="H43373" t="s">
        <v>10215</v>
      </c>
      <c r="I43373" s="2">
        <v>1</v>
      </c>
      <c r="J43373" s="2">
        <v>0</v>
      </c>
      <c r="K43373" s="2">
        <v>0</v>
      </c>
      <c r="L43373" t="s">
        <v>120</v>
      </c>
      <c r="M43373" t="s">
        <v>83</v>
      </c>
      <c r="N43373" t="s">
        <v>91</v>
      </c>
      <c r="O43373" t="s">
        <v>85</v>
      </c>
      <c r="P43373" t="s">
        <v>86</v>
      </c>
      <c r="Q43373">
        <v>14</v>
      </c>
      <c r="R43373">
        <v>14</v>
      </c>
      <c r="S43373">
        <v>14</v>
      </c>
      <c r="T43373">
        <v>14</v>
      </c>
      <c r="U43373">
        <v>14</v>
      </c>
      <c r="V43373">
        <v>14</v>
      </c>
      <c r="W43373">
        <v>15</v>
      </c>
      <c r="X43373">
        <v>15</v>
      </c>
      <c r="Y43373">
        <v>15</v>
      </c>
      <c r="Z43373">
        <v>15</v>
      </c>
      <c r="AA43373">
        <v>15</v>
      </c>
      <c r="AB43373">
        <v>15</v>
      </c>
      <c r="AC43373">
        <v>15</v>
      </c>
      <c r="AD43373">
        <v>15</v>
      </c>
      <c r="AE43373">
        <v>16</v>
      </c>
      <c r="AF43373">
        <v>16</v>
      </c>
      <c r="AG43373">
        <v>16</v>
      </c>
      <c r="AH43373">
        <v>16</v>
      </c>
      <c r="AI43373">
        <v>16</v>
      </c>
      <c r="AJ43373">
        <v>16</v>
      </c>
      <c r="AK43373">
        <v>16</v>
      </c>
      <c r="AL43373">
        <v>16</v>
      </c>
      <c r="AM43373">
        <v>16</v>
      </c>
      <c r="AN43373">
        <v>16</v>
      </c>
      <c r="AO43373">
        <v>16</v>
      </c>
      <c r="AP43373">
        <v>16</v>
      </c>
      <c r="AQ43373">
        <v>16</v>
      </c>
    </row>
    <row r="43374" spans="1:43">
      <c r="A43374" t="s">
        <v>26507</v>
      </c>
      <c r="B43374" t="s">
        <v>26508</v>
      </c>
      <c r="C43374" t="s">
        <v>12953</v>
      </c>
      <c r="D43374" t="s">
        <v>12954</v>
      </c>
      <c r="E43374" t="s">
        <v>12925</v>
      </c>
      <c r="F43374" t="s">
        <v>12926</v>
      </c>
      <c r="G43374" t="s">
        <v>10214</v>
      </c>
      <c r="H43374" t="s">
        <v>10215</v>
      </c>
      <c r="I43374" s="2">
        <v>1</v>
      </c>
      <c r="J43374" s="2">
        <v>0</v>
      </c>
      <c r="K43374" s="2">
        <v>0</v>
      </c>
      <c r="L43374" t="s">
        <v>120</v>
      </c>
      <c r="M43374" t="s">
        <v>83</v>
      </c>
      <c r="N43374" t="s">
        <v>84</v>
      </c>
      <c r="O43374" t="s">
        <v>85</v>
      </c>
      <c r="P43374" t="s">
        <v>86</v>
      </c>
      <c r="Q43374">
        <v>26</v>
      </c>
      <c r="R43374">
        <v>26</v>
      </c>
      <c r="S43374">
        <v>27</v>
      </c>
      <c r="T43374">
        <v>27</v>
      </c>
      <c r="U43374">
        <v>27</v>
      </c>
      <c r="V43374">
        <v>28</v>
      </c>
      <c r="W43374">
        <v>28</v>
      </c>
      <c r="X43374">
        <v>28</v>
      </c>
      <c r="Y43374">
        <v>28</v>
      </c>
      <c r="Z43374">
        <v>29</v>
      </c>
      <c r="AA43374">
        <v>29</v>
      </c>
      <c r="AB43374">
        <v>29</v>
      </c>
      <c r="AC43374">
        <v>29</v>
      </c>
      <c r="AD43374">
        <v>30</v>
      </c>
      <c r="AE43374">
        <v>30</v>
      </c>
      <c r="AF43374">
        <v>30</v>
      </c>
      <c r="AG43374">
        <v>30</v>
      </c>
      <c r="AH43374">
        <v>30</v>
      </c>
      <c r="AI43374">
        <v>31</v>
      </c>
      <c r="AJ43374">
        <v>31</v>
      </c>
      <c r="AK43374">
        <v>31</v>
      </c>
      <c r="AL43374">
        <v>31</v>
      </c>
      <c r="AM43374">
        <v>31</v>
      </c>
      <c r="AN43374">
        <v>31</v>
      </c>
      <c r="AO43374">
        <v>31</v>
      </c>
      <c r="AP43374">
        <v>31</v>
      </c>
      <c r="AQ43374">
        <v>31</v>
      </c>
    </row>
    <row r="43375" spans="1:43">
      <c r="A43375" t="s">
        <v>26507</v>
      </c>
      <c r="B43375" t="s">
        <v>26508</v>
      </c>
      <c r="C43375" t="s">
        <v>12953</v>
      </c>
      <c r="D43375" t="s">
        <v>12954</v>
      </c>
      <c r="E43375" t="s">
        <v>12925</v>
      </c>
      <c r="F43375" t="s">
        <v>12926</v>
      </c>
      <c r="G43375" t="s">
        <v>10214</v>
      </c>
      <c r="H43375" t="s">
        <v>10215</v>
      </c>
      <c r="I43375" s="2">
        <v>1</v>
      </c>
      <c r="J43375" s="2">
        <v>0</v>
      </c>
      <c r="K43375" s="2">
        <v>0</v>
      </c>
      <c r="L43375" t="s">
        <v>120</v>
      </c>
      <c r="M43375" t="s">
        <v>87</v>
      </c>
      <c r="N43375" t="s">
        <v>88</v>
      </c>
      <c r="O43375" t="s">
        <v>85</v>
      </c>
      <c r="P43375" t="s">
        <v>86</v>
      </c>
      <c r="Q43375">
        <v>26</v>
      </c>
      <c r="R43375">
        <v>26</v>
      </c>
      <c r="S43375">
        <v>26</v>
      </c>
      <c r="T43375">
        <v>26</v>
      </c>
      <c r="U43375">
        <v>26</v>
      </c>
      <c r="V43375">
        <v>26</v>
      </c>
      <c r="W43375">
        <v>26</v>
      </c>
      <c r="X43375">
        <v>26</v>
      </c>
      <c r="Y43375">
        <v>26</v>
      </c>
      <c r="Z43375">
        <v>26</v>
      </c>
      <c r="AA43375">
        <v>26</v>
      </c>
      <c r="AB43375">
        <v>26</v>
      </c>
      <c r="AC43375">
        <v>26</v>
      </c>
      <c r="AD43375">
        <v>26</v>
      </c>
      <c r="AE43375">
        <v>26</v>
      </c>
      <c r="AF43375">
        <v>27</v>
      </c>
      <c r="AG43375">
        <v>27</v>
      </c>
      <c r="AH43375">
        <v>27</v>
      </c>
      <c r="AI43375">
        <v>27</v>
      </c>
      <c r="AJ43375">
        <v>27</v>
      </c>
      <c r="AK43375">
        <v>27</v>
      </c>
      <c r="AL43375">
        <v>27</v>
      </c>
      <c r="AM43375">
        <v>27</v>
      </c>
      <c r="AN43375">
        <v>27</v>
      </c>
      <c r="AO43375">
        <v>27</v>
      </c>
      <c r="AP43375">
        <v>27</v>
      </c>
      <c r="AQ43375">
        <v>27</v>
      </c>
    </row>
    <row r="43376" spans="1:43">
      <c r="A43376" t="s">
        <v>26507</v>
      </c>
      <c r="B43376" t="s">
        <v>26508</v>
      </c>
      <c r="C43376" t="s">
        <v>12953</v>
      </c>
      <c r="D43376" t="s">
        <v>12954</v>
      </c>
      <c r="E43376" t="s">
        <v>12925</v>
      </c>
      <c r="F43376" t="s">
        <v>12926</v>
      </c>
      <c r="G43376" t="s">
        <v>10214</v>
      </c>
      <c r="H43376" t="s">
        <v>10215</v>
      </c>
      <c r="I43376" s="2">
        <v>1</v>
      </c>
      <c r="J43376" s="2">
        <v>0</v>
      </c>
      <c r="K43376" s="2">
        <v>0</v>
      </c>
      <c r="L43376" t="s">
        <v>120</v>
      </c>
      <c r="M43376" t="s">
        <v>89</v>
      </c>
      <c r="N43376" t="s">
        <v>90</v>
      </c>
      <c r="O43376" t="s">
        <v>85</v>
      </c>
      <c r="P43376" t="s">
        <v>86</v>
      </c>
      <c r="Q43376">
        <v>26</v>
      </c>
      <c r="R43376">
        <v>27</v>
      </c>
      <c r="S43376">
        <v>27</v>
      </c>
      <c r="T43376">
        <v>28</v>
      </c>
      <c r="U43376">
        <v>28</v>
      </c>
      <c r="V43376">
        <v>29</v>
      </c>
      <c r="W43376">
        <v>29</v>
      </c>
      <c r="X43376">
        <v>30</v>
      </c>
      <c r="Y43376">
        <v>30</v>
      </c>
      <c r="Z43376">
        <v>30</v>
      </c>
      <c r="AA43376">
        <v>31</v>
      </c>
      <c r="AB43376">
        <v>31</v>
      </c>
      <c r="AC43376">
        <v>31</v>
      </c>
      <c r="AD43376">
        <v>32</v>
      </c>
      <c r="AE43376">
        <v>32</v>
      </c>
      <c r="AF43376">
        <v>32</v>
      </c>
      <c r="AG43376">
        <v>32</v>
      </c>
      <c r="AH43376">
        <v>32</v>
      </c>
      <c r="AI43376">
        <v>32</v>
      </c>
      <c r="AJ43376">
        <v>31</v>
      </c>
      <c r="AK43376">
        <v>31</v>
      </c>
      <c r="AL43376">
        <v>31</v>
      </c>
      <c r="AM43376">
        <v>31</v>
      </c>
      <c r="AN43376">
        <v>31</v>
      </c>
      <c r="AO43376">
        <v>31</v>
      </c>
      <c r="AP43376">
        <v>31</v>
      </c>
      <c r="AQ43376">
        <v>31</v>
      </c>
    </row>
    <row r="43377" spans="1:43">
      <c r="A43377" t="s">
        <v>26507</v>
      </c>
      <c r="B43377" t="s">
        <v>26508</v>
      </c>
      <c r="C43377" t="s">
        <v>12953</v>
      </c>
      <c r="D43377" t="s">
        <v>12954</v>
      </c>
      <c r="E43377" t="s">
        <v>12925</v>
      </c>
      <c r="F43377" t="s">
        <v>12926</v>
      </c>
      <c r="G43377" t="s">
        <v>10214</v>
      </c>
      <c r="H43377" t="s">
        <v>10215</v>
      </c>
      <c r="I43377" s="2">
        <v>1</v>
      </c>
      <c r="J43377" s="2">
        <v>0</v>
      </c>
      <c r="K43377" s="2">
        <v>0</v>
      </c>
      <c r="L43377" t="s">
        <v>120</v>
      </c>
      <c r="M43377" t="s">
        <v>83</v>
      </c>
      <c r="N43377" t="s">
        <v>91</v>
      </c>
      <c r="O43377" t="s">
        <v>85</v>
      </c>
      <c r="P43377" t="s">
        <v>86</v>
      </c>
      <c r="Q43377">
        <v>26</v>
      </c>
      <c r="R43377">
        <v>26</v>
      </c>
      <c r="S43377">
        <v>27</v>
      </c>
      <c r="T43377">
        <v>27</v>
      </c>
      <c r="U43377">
        <v>27</v>
      </c>
      <c r="V43377">
        <v>28</v>
      </c>
      <c r="W43377">
        <v>28</v>
      </c>
      <c r="X43377">
        <v>28</v>
      </c>
      <c r="Y43377">
        <v>28</v>
      </c>
      <c r="Z43377">
        <v>29</v>
      </c>
      <c r="AA43377">
        <v>29</v>
      </c>
      <c r="AB43377">
        <v>29</v>
      </c>
      <c r="AC43377">
        <v>29</v>
      </c>
      <c r="AD43377">
        <v>30</v>
      </c>
      <c r="AE43377">
        <v>30</v>
      </c>
      <c r="AF43377">
        <v>30</v>
      </c>
      <c r="AG43377">
        <v>30</v>
      </c>
      <c r="AH43377">
        <v>30</v>
      </c>
      <c r="AI43377">
        <v>31</v>
      </c>
      <c r="AJ43377">
        <v>31</v>
      </c>
      <c r="AK43377">
        <v>31</v>
      </c>
      <c r="AL43377">
        <v>31</v>
      </c>
      <c r="AM43377">
        <v>31</v>
      </c>
      <c r="AN43377">
        <v>31</v>
      </c>
      <c r="AO43377">
        <v>31</v>
      </c>
      <c r="AP43377">
        <v>31</v>
      </c>
      <c r="AQ43377">
        <v>31</v>
      </c>
    </row>
    <row r="43378" spans="1:43">
      <c r="A43378" t="s">
        <v>26509</v>
      </c>
      <c r="B43378" t="s">
        <v>26510</v>
      </c>
      <c r="C43378" t="s">
        <v>12953</v>
      </c>
      <c r="D43378" t="s">
        <v>12954</v>
      </c>
      <c r="E43378" t="s">
        <v>12925</v>
      </c>
      <c r="F43378" t="s">
        <v>12926</v>
      </c>
      <c r="G43378" t="s">
        <v>10214</v>
      </c>
      <c r="H43378" t="s">
        <v>10215</v>
      </c>
      <c r="I43378" s="2">
        <v>1</v>
      </c>
      <c r="J43378" s="2">
        <v>0</v>
      </c>
      <c r="K43378" s="2">
        <v>0</v>
      </c>
      <c r="L43378" t="s">
        <v>120</v>
      </c>
      <c r="M43378" t="s">
        <v>83</v>
      </c>
      <c r="N43378" t="s">
        <v>84</v>
      </c>
      <c r="O43378" t="s">
        <v>85</v>
      </c>
      <c r="P43378" t="s">
        <v>86</v>
      </c>
      <c r="Q43378">
        <v>107</v>
      </c>
      <c r="R43378">
        <v>108</v>
      </c>
      <c r="S43378">
        <v>109</v>
      </c>
      <c r="T43378">
        <v>111</v>
      </c>
      <c r="U43378">
        <v>112</v>
      </c>
      <c r="V43378">
        <v>113</v>
      </c>
      <c r="W43378">
        <v>114</v>
      </c>
      <c r="X43378">
        <v>115</v>
      </c>
      <c r="Y43378">
        <v>116</v>
      </c>
      <c r="Z43378">
        <v>117</v>
      </c>
      <c r="AA43378">
        <v>118</v>
      </c>
      <c r="AB43378">
        <v>119</v>
      </c>
      <c r="AC43378">
        <v>120</v>
      </c>
      <c r="AD43378">
        <v>121</v>
      </c>
      <c r="AE43378">
        <v>122</v>
      </c>
      <c r="AF43378">
        <v>123</v>
      </c>
      <c r="AG43378">
        <v>124</v>
      </c>
      <c r="AH43378">
        <v>125</v>
      </c>
      <c r="AI43378">
        <v>126</v>
      </c>
      <c r="AJ43378">
        <v>127</v>
      </c>
      <c r="AK43378">
        <v>128</v>
      </c>
      <c r="AL43378">
        <v>128</v>
      </c>
      <c r="AM43378">
        <v>127</v>
      </c>
      <c r="AN43378">
        <v>127</v>
      </c>
      <c r="AO43378">
        <v>126</v>
      </c>
      <c r="AP43378">
        <v>126</v>
      </c>
      <c r="AQ43378">
        <v>126</v>
      </c>
    </row>
    <row r="43379" spans="1:43">
      <c r="A43379" t="s">
        <v>26509</v>
      </c>
      <c r="B43379" t="s">
        <v>26510</v>
      </c>
      <c r="C43379" t="s">
        <v>12953</v>
      </c>
      <c r="D43379" t="s">
        <v>12954</v>
      </c>
      <c r="E43379" t="s">
        <v>12925</v>
      </c>
      <c r="F43379" t="s">
        <v>12926</v>
      </c>
      <c r="G43379" t="s">
        <v>10214</v>
      </c>
      <c r="H43379" t="s">
        <v>10215</v>
      </c>
      <c r="I43379" s="2">
        <v>1</v>
      </c>
      <c r="J43379" s="2">
        <v>0</v>
      </c>
      <c r="K43379" s="2">
        <v>0</v>
      </c>
      <c r="L43379" t="s">
        <v>120</v>
      </c>
      <c r="M43379" t="s">
        <v>87</v>
      </c>
      <c r="N43379" t="s">
        <v>88</v>
      </c>
      <c r="O43379" t="s">
        <v>85</v>
      </c>
      <c r="P43379" t="s">
        <v>86</v>
      </c>
      <c r="Q43379">
        <v>107</v>
      </c>
      <c r="R43379">
        <v>107</v>
      </c>
      <c r="S43379">
        <v>107</v>
      </c>
      <c r="T43379">
        <v>108</v>
      </c>
      <c r="U43379">
        <v>108</v>
      </c>
      <c r="V43379">
        <v>108</v>
      </c>
      <c r="W43379">
        <v>108</v>
      </c>
      <c r="X43379">
        <v>108</v>
      </c>
      <c r="Y43379">
        <v>109</v>
      </c>
      <c r="Z43379">
        <v>109</v>
      </c>
      <c r="AA43379">
        <v>109</v>
      </c>
      <c r="AB43379">
        <v>109</v>
      </c>
      <c r="AC43379">
        <v>109</v>
      </c>
      <c r="AD43379">
        <v>109</v>
      </c>
      <c r="AE43379">
        <v>110</v>
      </c>
      <c r="AF43379">
        <v>110</v>
      </c>
      <c r="AG43379">
        <v>110</v>
      </c>
      <c r="AH43379">
        <v>110</v>
      </c>
      <c r="AI43379">
        <v>110</v>
      </c>
      <c r="AJ43379">
        <v>110</v>
      </c>
      <c r="AK43379">
        <v>110</v>
      </c>
      <c r="AL43379">
        <v>110</v>
      </c>
      <c r="AM43379">
        <v>110</v>
      </c>
      <c r="AN43379">
        <v>110</v>
      </c>
      <c r="AO43379">
        <v>111</v>
      </c>
      <c r="AP43379">
        <v>111</v>
      </c>
      <c r="AQ43379">
        <v>111</v>
      </c>
    </row>
    <row r="43380" spans="1:43">
      <c r="A43380" t="s">
        <v>26509</v>
      </c>
      <c r="B43380" t="s">
        <v>26510</v>
      </c>
      <c r="C43380" t="s">
        <v>12953</v>
      </c>
      <c r="D43380" t="s">
        <v>12954</v>
      </c>
      <c r="E43380" t="s">
        <v>12925</v>
      </c>
      <c r="F43380" t="s">
        <v>12926</v>
      </c>
      <c r="G43380" t="s">
        <v>10214</v>
      </c>
      <c r="H43380" t="s">
        <v>10215</v>
      </c>
      <c r="I43380" s="2">
        <v>1</v>
      </c>
      <c r="J43380" s="2">
        <v>0</v>
      </c>
      <c r="K43380" s="2">
        <v>0</v>
      </c>
      <c r="L43380" t="s">
        <v>120</v>
      </c>
      <c r="M43380" t="s">
        <v>89</v>
      </c>
      <c r="N43380" t="s">
        <v>90</v>
      </c>
      <c r="O43380" t="s">
        <v>85</v>
      </c>
      <c r="P43380" t="s">
        <v>86</v>
      </c>
      <c r="Q43380">
        <v>107</v>
      </c>
      <c r="R43380">
        <v>109</v>
      </c>
      <c r="S43380">
        <v>111</v>
      </c>
      <c r="T43380">
        <v>113</v>
      </c>
      <c r="U43380">
        <v>115</v>
      </c>
      <c r="V43380">
        <v>117</v>
      </c>
      <c r="W43380">
        <v>119</v>
      </c>
      <c r="X43380">
        <v>120</v>
      </c>
      <c r="Y43380">
        <v>122</v>
      </c>
      <c r="Z43380">
        <v>124</v>
      </c>
      <c r="AA43380">
        <v>125</v>
      </c>
      <c r="AB43380">
        <v>126</v>
      </c>
      <c r="AC43380">
        <v>128</v>
      </c>
      <c r="AD43380">
        <v>129</v>
      </c>
      <c r="AE43380">
        <v>130</v>
      </c>
      <c r="AF43380">
        <v>130</v>
      </c>
      <c r="AG43380">
        <v>129</v>
      </c>
      <c r="AH43380">
        <v>129</v>
      </c>
      <c r="AI43380">
        <v>129</v>
      </c>
      <c r="AJ43380">
        <v>128</v>
      </c>
      <c r="AK43380">
        <v>128</v>
      </c>
      <c r="AL43380">
        <v>128</v>
      </c>
      <c r="AM43380">
        <v>127</v>
      </c>
      <c r="AN43380">
        <v>127</v>
      </c>
      <c r="AO43380">
        <v>126</v>
      </c>
      <c r="AP43380">
        <v>126</v>
      </c>
      <c r="AQ43380">
        <v>126</v>
      </c>
    </row>
    <row r="43381" spans="1:43">
      <c r="A43381" t="s">
        <v>26509</v>
      </c>
      <c r="B43381" t="s">
        <v>26510</v>
      </c>
      <c r="C43381" t="s">
        <v>12953</v>
      </c>
      <c r="D43381" t="s">
        <v>12954</v>
      </c>
      <c r="E43381" t="s">
        <v>12925</v>
      </c>
      <c r="F43381" t="s">
        <v>12926</v>
      </c>
      <c r="G43381" t="s">
        <v>10214</v>
      </c>
      <c r="H43381" t="s">
        <v>10215</v>
      </c>
      <c r="I43381" s="2">
        <v>1</v>
      </c>
      <c r="J43381" s="2">
        <v>0</v>
      </c>
      <c r="K43381" s="2">
        <v>0</v>
      </c>
      <c r="L43381" t="s">
        <v>120</v>
      </c>
      <c r="M43381" t="s">
        <v>83</v>
      </c>
      <c r="N43381" t="s">
        <v>91</v>
      </c>
      <c r="O43381" t="s">
        <v>85</v>
      </c>
      <c r="P43381" t="s">
        <v>86</v>
      </c>
      <c r="Q43381">
        <v>107</v>
      </c>
      <c r="R43381">
        <v>108</v>
      </c>
      <c r="S43381">
        <v>109</v>
      </c>
      <c r="T43381">
        <v>111</v>
      </c>
      <c r="U43381">
        <v>112</v>
      </c>
      <c r="V43381">
        <v>113</v>
      </c>
      <c r="W43381">
        <v>114</v>
      </c>
      <c r="X43381">
        <v>115</v>
      </c>
      <c r="Y43381">
        <v>116</v>
      </c>
      <c r="Z43381">
        <v>117</v>
      </c>
      <c r="AA43381">
        <v>118</v>
      </c>
      <c r="AB43381">
        <v>119</v>
      </c>
      <c r="AC43381">
        <v>120</v>
      </c>
      <c r="AD43381">
        <v>121</v>
      </c>
      <c r="AE43381">
        <v>122</v>
      </c>
      <c r="AF43381">
        <v>123</v>
      </c>
      <c r="AG43381">
        <v>124</v>
      </c>
      <c r="AH43381">
        <v>125</v>
      </c>
      <c r="AI43381">
        <v>126</v>
      </c>
      <c r="AJ43381">
        <v>127</v>
      </c>
      <c r="AK43381">
        <v>128</v>
      </c>
      <c r="AL43381">
        <v>128</v>
      </c>
      <c r="AM43381">
        <v>127</v>
      </c>
      <c r="AN43381">
        <v>127</v>
      </c>
      <c r="AO43381">
        <v>126</v>
      </c>
      <c r="AP43381">
        <v>126</v>
      </c>
      <c r="AQ43381">
        <v>126</v>
      </c>
    </row>
    <row r="43382" spans="1:43">
      <c r="A43382" t="s">
        <v>26511</v>
      </c>
      <c r="B43382" t="s">
        <v>26512</v>
      </c>
      <c r="C43382" t="s">
        <v>13005</v>
      </c>
      <c r="D43382" t="s">
        <v>13006</v>
      </c>
      <c r="E43382" t="s">
        <v>12925</v>
      </c>
      <c r="F43382" t="s">
        <v>12926</v>
      </c>
      <c r="G43382" t="s">
        <v>10214</v>
      </c>
      <c r="H43382" t="s">
        <v>10215</v>
      </c>
      <c r="I43382" s="2">
        <v>1</v>
      </c>
      <c r="J43382" s="2">
        <v>0</v>
      </c>
      <c r="K43382" s="2">
        <v>0</v>
      </c>
      <c r="L43382" t="s">
        <v>120</v>
      </c>
      <c r="M43382" t="s">
        <v>83</v>
      </c>
      <c r="N43382" t="s">
        <v>84</v>
      </c>
      <c r="O43382" t="s">
        <v>85</v>
      </c>
      <c r="P43382" t="s">
        <v>86</v>
      </c>
      <c r="Q43382">
        <v>174</v>
      </c>
      <c r="R43382">
        <v>176</v>
      </c>
      <c r="S43382">
        <v>178</v>
      </c>
      <c r="T43382">
        <v>180</v>
      </c>
      <c r="U43382">
        <v>182</v>
      </c>
      <c r="V43382">
        <v>185</v>
      </c>
      <c r="W43382">
        <v>187</v>
      </c>
      <c r="X43382">
        <v>189</v>
      </c>
      <c r="Y43382">
        <v>191</v>
      </c>
      <c r="Z43382">
        <v>193</v>
      </c>
      <c r="AA43382">
        <v>195</v>
      </c>
      <c r="AB43382">
        <v>197</v>
      </c>
      <c r="AC43382">
        <v>198</v>
      </c>
      <c r="AD43382">
        <v>200</v>
      </c>
      <c r="AE43382">
        <v>202</v>
      </c>
      <c r="AF43382">
        <v>204</v>
      </c>
      <c r="AG43382">
        <v>206</v>
      </c>
      <c r="AH43382">
        <v>207</v>
      </c>
      <c r="AI43382">
        <v>209</v>
      </c>
      <c r="AJ43382">
        <v>211</v>
      </c>
      <c r="AK43382">
        <v>212</v>
      </c>
      <c r="AL43382">
        <v>213</v>
      </c>
      <c r="AM43382">
        <v>213</v>
      </c>
      <c r="AN43382">
        <v>213</v>
      </c>
      <c r="AO43382">
        <v>213</v>
      </c>
      <c r="AP43382">
        <v>213</v>
      </c>
      <c r="AQ43382">
        <v>213</v>
      </c>
    </row>
    <row r="43383" spans="1:43">
      <c r="A43383" t="s">
        <v>26511</v>
      </c>
      <c r="B43383" t="s">
        <v>26512</v>
      </c>
      <c r="C43383" t="s">
        <v>13005</v>
      </c>
      <c r="D43383" t="s">
        <v>13006</v>
      </c>
      <c r="E43383" t="s">
        <v>12925</v>
      </c>
      <c r="F43383" t="s">
        <v>12926</v>
      </c>
      <c r="G43383" t="s">
        <v>10214</v>
      </c>
      <c r="H43383" t="s">
        <v>10215</v>
      </c>
      <c r="I43383" s="2">
        <v>1</v>
      </c>
      <c r="J43383" s="2">
        <v>0</v>
      </c>
      <c r="K43383" s="2">
        <v>0</v>
      </c>
      <c r="L43383" t="s">
        <v>120</v>
      </c>
      <c r="M43383" t="s">
        <v>87</v>
      </c>
      <c r="N43383" t="s">
        <v>88</v>
      </c>
      <c r="O43383" t="s">
        <v>85</v>
      </c>
      <c r="P43383" t="s">
        <v>86</v>
      </c>
      <c r="Q43383">
        <v>174</v>
      </c>
      <c r="R43383">
        <v>175</v>
      </c>
      <c r="S43383">
        <v>175</v>
      </c>
      <c r="T43383">
        <v>176</v>
      </c>
      <c r="U43383">
        <v>176</v>
      </c>
      <c r="V43383">
        <v>177</v>
      </c>
      <c r="W43383">
        <v>177</v>
      </c>
      <c r="X43383">
        <v>178</v>
      </c>
      <c r="Y43383">
        <v>179</v>
      </c>
      <c r="Z43383">
        <v>179</v>
      </c>
      <c r="AA43383">
        <v>180</v>
      </c>
      <c r="AB43383">
        <v>180</v>
      </c>
      <c r="AC43383">
        <v>180</v>
      </c>
      <c r="AD43383">
        <v>181</v>
      </c>
      <c r="AE43383">
        <v>181</v>
      </c>
      <c r="AF43383">
        <v>182</v>
      </c>
      <c r="AG43383">
        <v>182</v>
      </c>
      <c r="AH43383">
        <v>183</v>
      </c>
      <c r="AI43383">
        <v>183</v>
      </c>
      <c r="AJ43383">
        <v>183</v>
      </c>
      <c r="AK43383">
        <v>184</v>
      </c>
      <c r="AL43383">
        <v>184</v>
      </c>
      <c r="AM43383">
        <v>184</v>
      </c>
      <c r="AN43383">
        <v>185</v>
      </c>
      <c r="AO43383">
        <v>185</v>
      </c>
      <c r="AP43383">
        <v>185</v>
      </c>
      <c r="AQ43383">
        <v>185</v>
      </c>
    </row>
    <row r="43384" spans="1:43">
      <c r="A43384" t="s">
        <v>26511</v>
      </c>
      <c r="B43384" t="s">
        <v>26512</v>
      </c>
      <c r="C43384" t="s">
        <v>13005</v>
      </c>
      <c r="D43384" t="s">
        <v>13006</v>
      </c>
      <c r="E43384" t="s">
        <v>12925</v>
      </c>
      <c r="F43384" t="s">
        <v>12926</v>
      </c>
      <c r="G43384" t="s">
        <v>10214</v>
      </c>
      <c r="H43384" t="s">
        <v>10215</v>
      </c>
      <c r="I43384" s="2">
        <v>1</v>
      </c>
      <c r="J43384" s="2">
        <v>0</v>
      </c>
      <c r="K43384" s="2">
        <v>0</v>
      </c>
      <c r="L43384" t="s">
        <v>120</v>
      </c>
      <c r="M43384" t="s">
        <v>89</v>
      </c>
      <c r="N43384" t="s">
        <v>90</v>
      </c>
      <c r="O43384" t="s">
        <v>85</v>
      </c>
      <c r="P43384" t="s">
        <v>86</v>
      </c>
      <c r="Q43384">
        <v>174</v>
      </c>
      <c r="R43384">
        <v>178</v>
      </c>
      <c r="S43384">
        <v>182</v>
      </c>
      <c r="T43384">
        <v>185</v>
      </c>
      <c r="U43384">
        <v>189</v>
      </c>
      <c r="V43384">
        <v>192</v>
      </c>
      <c r="W43384">
        <v>195</v>
      </c>
      <c r="X43384">
        <v>198</v>
      </c>
      <c r="Y43384">
        <v>201</v>
      </c>
      <c r="Z43384">
        <v>204</v>
      </c>
      <c r="AA43384">
        <v>206</v>
      </c>
      <c r="AB43384">
        <v>209</v>
      </c>
      <c r="AC43384">
        <v>212</v>
      </c>
      <c r="AD43384">
        <v>214</v>
      </c>
      <c r="AE43384">
        <v>216</v>
      </c>
      <c r="AF43384">
        <v>216</v>
      </c>
      <c r="AG43384">
        <v>216</v>
      </c>
      <c r="AH43384">
        <v>216</v>
      </c>
      <c r="AI43384">
        <v>216</v>
      </c>
      <c r="AJ43384">
        <v>217</v>
      </c>
      <c r="AK43384">
        <v>217</v>
      </c>
      <c r="AL43384">
        <v>217</v>
      </c>
      <c r="AM43384">
        <v>217</v>
      </c>
      <c r="AN43384">
        <v>217</v>
      </c>
      <c r="AO43384">
        <v>217</v>
      </c>
      <c r="AP43384">
        <v>216</v>
      </c>
      <c r="AQ43384">
        <v>216</v>
      </c>
    </row>
    <row r="43385" spans="1:43">
      <c r="A43385" t="s">
        <v>26511</v>
      </c>
      <c r="B43385" t="s">
        <v>26512</v>
      </c>
      <c r="C43385" t="s">
        <v>13005</v>
      </c>
      <c r="D43385" t="s">
        <v>13006</v>
      </c>
      <c r="E43385" t="s">
        <v>12925</v>
      </c>
      <c r="F43385" t="s">
        <v>12926</v>
      </c>
      <c r="G43385" t="s">
        <v>10214</v>
      </c>
      <c r="H43385" t="s">
        <v>10215</v>
      </c>
      <c r="I43385" s="2">
        <v>1</v>
      </c>
      <c r="J43385" s="2">
        <v>0</v>
      </c>
      <c r="K43385" s="2">
        <v>0</v>
      </c>
      <c r="L43385" t="s">
        <v>120</v>
      </c>
      <c r="M43385" t="s">
        <v>83</v>
      </c>
      <c r="N43385" t="s">
        <v>91</v>
      </c>
      <c r="O43385" t="s">
        <v>85</v>
      </c>
      <c r="P43385" t="s">
        <v>86</v>
      </c>
      <c r="Q43385">
        <v>174</v>
      </c>
      <c r="R43385">
        <v>176</v>
      </c>
      <c r="S43385">
        <v>178</v>
      </c>
      <c r="T43385">
        <v>180</v>
      </c>
      <c r="U43385">
        <v>182</v>
      </c>
      <c r="V43385">
        <v>185</v>
      </c>
      <c r="W43385">
        <v>187</v>
      </c>
      <c r="X43385">
        <v>189</v>
      </c>
      <c r="Y43385">
        <v>191</v>
      </c>
      <c r="Z43385">
        <v>193</v>
      </c>
      <c r="AA43385">
        <v>195</v>
      </c>
      <c r="AB43385">
        <v>197</v>
      </c>
      <c r="AC43385">
        <v>198</v>
      </c>
      <c r="AD43385">
        <v>200</v>
      </c>
      <c r="AE43385">
        <v>202</v>
      </c>
      <c r="AF43385">
        <v>204</v>
      </c>
      <c r="AG43385">
        <v>206</v>
      </c>
      <c r="AH43385">
        <v>207</v>
      </c>
      <c r="AI43385">
        <v>209</v>
      </c>
      <c r="AJ43385">
        <v>211</v>
      </c>
      <c r="AK43385">
        <v>212</v>
      </c>
      <c r="AL43385">
        <v>213</v>
      </c>
      <c r="AM43385">
        <v>213</v>
      </c>
      <c r="AN43385">
        <v>213</v>
      </c>
      <c r="AO43385">
        <v>213</v>
      </c>
      <c r="AP43385">
        <v>213</v>
      </c>
      <c r="AQ43385">
        <v>213</v>
      </c>
    </row>
    <row r="43386" spans="1:43">
      <c r="A43386" t="s">
        <v>26513</v>
      </c>
      <c r="B43386" t="s">
        <v>26514</v>
      </c>
      <c r="C43386" t="s">
        <v>13005</v>
      </c>
      <c r="D43386" t="s">
        <v>13006</v>
      </c>
      <c r="E43386" t="s">
        <v>12925</v>
      </c>
      <c r="F43386" t="s">
        <v>12926</v>
      </c>
      <c r="G43386" t="s">
        <v>10214</v>
      </c>
      <c r="H43386" t="s">
        <v>10215</v>
      </c>
      <c r="I43386" s="2">
        <v>1</v>
      </c>
      <c r="J43386" s="2">
        <v>0</v>
      </c>
      <c r="K43386" s="2">
        <v>0</v>
      </c>
      <c r="L43386" t="s">
        <v>120</v>
      </c>
      <c r="M43386" t="s">
        <v>83</v>
      </c>
      <c r="N43386" t="s">
        <v>84</v>
      </c>
      <c r="O43386" t="s">
        <v>85</v>
      </c>
      <c r="P43386" t="s">
        <v>86</v>
      </c>
      <c r="Q43386">
        <v>96</v>
      </c>
      <c r="R43386">
        <v>97</v>
      </c>
      <c r="S43386">
        <v>98</v>
      </c>
      <c r="T43386">
        <v>99</v>
      </c>
      <c r="U43386">
        <v>100</v>
      </c>
      <c r="V43386">
        <v>102</v>
      </c>
      <c r="W43386">
        <v>103</v>
      </c>
      <c r="X43386">
        <v>104</v>
      </c>
      <c r="Y43386">
        <v>105</v>
      </c>
      <c r="Z43386">
        <v>105</v>
      </c>
      <c r="AA43386">
        <v>106</v>
      </c>
      <c r="AB43386">
        <v>107</v>
      </c>
      <c r="AC43386">
        <v>108</v>
      </c>
      <c r="AD43386">
        <v>109</v>
      </c>
      <c r="AE43386">
        <v>110</v>
      </c>
      <c r="AF43386">
        <v>111</v>
      </c>
      <c r="AG43386">
        <v>112</v>
      </c>
      <c r="AH43386">
        <v>112</v>
      </c>
      <c r="AI43386">
        <v>113</v>
      </c>
      <c r="AJ43386">
        <v>114</v>
      </c>
      <c r="AK43386">
        <v>115</v>
      </c>
      <c r="AL43386">
        <v>115</v>
      </c>
      <c r="AM43386">
        <v>114</v>
      </c>
      <c r="AN43386">
        <v>114</v>
      </c>
      <c r="AO43386">
        <v>114</v>
      </c>
      <c r="AP43386">
        <v>113</v>
      </c>
      <c r="AQ43386">
        <v>113</v>
      </c>
    </row>
    <row r="43387" spans="1:43">
      <c r="A43387" t="s">
        <v>26513</v>
      </c>
      <c r="B43387" t="s">
        <v>26514</v>
      </c>
      <c r="C43387" t="s">
        <v>13005</v>
      </c>
      <c r="D43387" t="s">
        <v>13006</v>
      </c>
      <c r="E43387" t="s">
        <v>12925</v>
      </c>
      <c r="F43387" t="s">
        <v>12926</v>
      </c>
      <c r="G43387" t="s">
        <v>10214</v>
      </c>
      <c r="H43387" t="s">
        <v>10215</v>
      </c>
      <c r="I43387" s="2">
        <v>1</v>
      </c>
      <c r="J43387" s="2">
        <v>0</v>
      </c>
      <c r="K43387" s="2">
        <v>0</v>
      </c>
      <c r="L43387" t="s">
        <v>120</v>
      </c>
      <c r="M43387" t="s">
        <v>87</v>
      </c>
      <c r="N43387" t="s">
        <v>88</v>
      </c>
      <c r="O43387" t="s">
        <v>85</v>
      </c>
      <c r="P43387" t="s">
        <v>86</v>
      </c>
      <c r="Q43387">
        <v>96</v>
      </c>
      <c r="R43387">
        <v>96</v>
      </c>
      <c r="S43387">
        <v>97</v>
      </c>
      <c r="T43387">
        <v>97</v>
      </c>
      <c r="U43387">
        <v>97</v>
      </c>
      <c r="V43387">
        <v>97</v>
      </c>
      <c r="W43387">
        <v>97</v>
      </c>
      <c r="X43387">
        <v>98</v>
      </c>
      <c r="Y43387">
        <v>98</v>
      </c>
      <c r="Z43387">
        <v>98</v>
      </c>
      <c r="AA43387">
        <v>98</v>
      </c>
      <c r="AB43387">
        <v>98</v>
      </c>
      <c r="AC43387">
        <v>98</v>
      </c>
      <c r="AD43387">
        <v>98</v>
      </c>
      <c r="AE43387">
        <v>99</v>
      </c>
      <c r="AF43387">
        <v>99</v>
      </c>
      <c r="AG43387">
        <v>99</v>
      </c>
      <c r="AH43387">
        <v>99</v>
      </c>
      <c r="AI43387">
        <v>99</v>
      </c>
      <c r="AJ43387">
        <v>99</v>
      </c>
      <c r="AK43387">
        <v>99</v>
      </c>
      <c r="AL43387">
        <v>99</v>
      </c>
      <c r="AM43387">
        <v>99</v>
      </c>
      <c r="AN43387">
        <v>99</v>
      </c>
      <c r="AO43387">
        <v>99</v>
      </c>
      <c r="AP43387">
        <v>100</v>
      </c>
      <c r="AQ43387">
        <v>100</v>
      </c>
    </row>
    <row r="43388" spans="1:43">
      <c r="A43388" t="s">
        <v>26513</v>
      </c>
      <c r="B43388" t="s">
        <v>26514</v>
      </c>
      <c r="C43388" t="s">
        <v>13005</v>
      </c>
      <c r="D43388" t="s">
        <v>13006</v>
      </c>
      <c r="E43388" t="s">
        <v>12925</v>
      </c>
      <c r="F43388" t="s">
        <v>12926</v>
      </c>
      <c r="G43388" t="s">
        <v>10214</v>
      </c>
      <c r="H43388" t="s">
        <v>10215</v>
      </c>
      <c r="I43388" s="2">
        <v>1</v>
      </c>
      <c r="J43388" s="2">
        <v>0</v>
      </c>
      <c r="K43388" s="2">
        <v>0</v>
      </c>
      <c r="L43388" t="s">
        <v>120</v>
      </c>
      <c r="M43388" t="s">
        <v>89</v>
      </c>
      <c r="N43388" t="s">
        <v>90</v>
      </c>
      <c r="O43388" t="s">
        <v>85</v>
      </c>
      <c r="P43388" t="s">
        <v>86</v>
      </c>
      <c r="Q43388">
        <v>96</v>
      </c>
      <c r="R43388">
        <v>98</v>
      </c>
      <c r="S43388">
        <v>100</v>
      </c>
      <c r="T43388">
        <v>102</v>
      </c>
      <c r="U43388">
        <v>103</v>
      </c>
      <c r="V43388">
        <v>105</v>
      </c>
      <c r="W43388">
        <v>107</v>
      </c>
      <c r="X43388">
        <v>108</v>
      </c>
      <c r="Y43388">
        <v>109</v>
      </c>
      <c r="Z43388">
        <v>111</v>
      </c>
      <c r="AA43388">
        <v>112</v>
      </c>
      <c r="AB43388">
        <v>113</v>
      </c>
      <c r="AC43388">
        <v>115</v>
      </c>
      <c r="AD43388">
        <v>116</v>
      </c>
      <c r="AE43388">
        <v>117</v>
      </c>
      <c r="AF43388">
        <v>116</v>
      </c>
      <c r="AG43388">
        <v>116</v>
      </c>
      <c r="AH43388">
        <v>116</v>
      </c>
      <c r="AI43388">
        <v>116</v>
      </c>
      <c r="AJ43388">
        <v>115</v>
      </c>
      <c r="AK43388">
        <v>115</v>
      </c>
      <c r="AL43388">
        <v>115</v>
      </c>
      <c r="AM43388">
        <v>114</v>
      </c>
      <c r="AN43388">
        <v>114</v>
      </c>
      <c r="AO43388">
        <v>113</v>
      </c>
      <c r="AP43388">
        <v>113</v>
      </c>
      <c r="AQ43388">
        <v>113</v>
      </c>
    </row>
    <row r="43389" spans="1:43">
      <c r="A43389" t="s">
        <v>26513</v>
      </c>
      <c r="B43389" t="s">
        <v>26514</v>
      </c>
      <c r="C43389" t="s">
        <v>13005</v>
      </c>
      <c r="D43389" t="s">
        <v>13006</v>
      </c>
      <c r="E43389" t="s">
        <v>12925</v>
      </c>
      <c r="F43389" t="s">
        <v>12926</v>
      </c>
      <c r="G43389" t="s">
        <v>10214</v>
      </c>
      <c r="H43389" t="s">
        <v>10215</v>
      </c>
      <c r="I43389" s="2">
        <v>1</v>
      </c>
      <c r="J43389" s="2">
        <v>0</v>
      </c>
      <c r="K43389" s="2">
        <v>0</v>
      </c>
      <c r="L43389" t="s">
        <v>120</v>
      </c>
      <c r="M43389" t="s">
        <v>83</v>
      </c>
      <c r="N43389" t="s">
        <v>91</v>
      </c>
      <c r="O43389" t="s">
        <v>85</v>
      </c>
      <c r="P43389" t="s">
        <v>86</v>
      </c>
      <c r="Q43389">
        <v>96</v>
      </c>
      <c r="R43389">
        <v>97</v>
      </c>
      <c r="S43389">
        <v>98</v>
      </c>
      <c r="T43389">
        <v>99</v>
      </c>
      <c r="U43389">
        <v>100</v>
      </c>
      <c r="V43389">
        <v>102</v>
      </c>
      <c r="W43389">
        <v>103</v>
      </c>
      <c r="X43389">
        <v>104</v>
      </c>
      <c r="Y43389">
        <v>105</v>
      </c>
      <c r="Z43389">
        <v>105</v>
      </c>
      <c r="AA43389">
        <v>106</v>
      </c>
      <c r="AB43389">
        <v>107</v>
      </c>
      <c r="AC43389">
        <v>108</v>
      </c>
      <c r="AD43389">
        <v>109</v>
      </c>
      <c r="AE43389">
        <v>110</v>
      </c>
      <c r="AF43389">
        <v>111</v>
      </c>
      <c r="AG43389">
        <v>112</v>
      </c>
      <c r="AH43389">
        <v>112</v>
      </c>
      <c r="AI43389">
        <v>113</v>
      </c>
      <c r="AJ43389">
        <v>114</v>
      </c>
      <c r="AK43389">
        <v>115</v>
      </c>
      <c r="AL43389">
        <v>115</v>
      </c>
      <c r="AM43389">
        <v>114</v>
      </c>
      <c r="AN43389">
        <v>114</v>
      </c>
      <c r="AO43389">
        <v>114</v>
      </c>
      <c r="AP43389">
        <v>113</v>
      </c>
      <c r="AQ43389">
        <v>113</v>
      </c>
    </row>
    <row r="43390" spans="1:43">
      <c r="A43390" t="s">
        <v>26515</v>
      </c>
      <c r="B43390" t="s">
        <v>26516</v>
      </c>
      <c r="C43390" t="s">
        <v>13005</v>
      </c>
      <c r="D43390" t="s">
        <v>13006</v>
      </c>
      <c r="E43390" t="s">
        <v>12925</v>
      </c>
      <c r="F43390" t="s">
        <v>12926</v>
      </c>
      <c r="G43390" t="s">
        <v>10214</v>
      </c>
      <c r="H43390" t="s">
        <v>10215</v>
      </c>
      <c r="I43390" s="2">
        <v>1</v>
      </c>
      <c r="J43390" s="2">
        <v>0</v>
      </c>
      <c r="K43390" s="2">
        <v>0</v>
      </c>
      <c r="L43390" t="s">
        <v>120</v>
      </c>
      <c r="M43390" t="s">
        <v>83</v>
      </c>
      <c r="N43390" t="s">
        <v>84</v>
      </c>
      <c r="O43390" t="s">
        <v>85</v>
      </c>
      <c r="P43390" t="s">
        <v>86</v>
      </c>
      <c r="Q43390">
        <v>202</v>
      </c>
      <c r="R43390">
        <v>204</v>
      </c>
      <c r="S43390">
        <v>207</v>
      </c>
      <c r="T43390">
        <v>210</v>
      </c>
      <c r="U43390">
        <v>212</v>
      </c>
      <c r="V43390">
        <v>215</v>
      </c>
      <c r="W43390">
        <v>217</v>
      </c>
      <c r="X43390">
        <v>220</v>
      </c>
      <c r="Y43390">
        <v>222</v>
      </c>
      <c r="Z43390">
        <v>224</v>
      </c>
      <c r="AA43390">
        <v>226</v>
      </c>
      <c r="AB43390">
        <v>229</v>
      </c>
      <c r="AC43390">
        <v>231</v>
      </c>
      <c r="AD43390">
        <v>233</v>
      </c>
      <c r="AE43390">
        <v>235</v>
      </c>
      <c r="AF43390">
        <v>237</v>
      </c>
      <c r="AG43390">
        <v>239</v>
      </c>
      <c r="AH43390">
        <v>241</v>
      </c>
      <c r="AI43390">
        <v>243</v>
      </c>
      <c r="AJ43390">
        <v>245</v>
      </c>
      <c r="AK43390">
        <v>247</v>
      </c>
      <c r="AL43390">
        <v>248</v>
      </c>
      <c r="AM43390">
        <v>248</v>
      </c>
      <c r="AN43390">
        <v>248</v>
      </c>
      <c r="AO43390">
        <v>248</v>
      </c>
      <c r="AP43390">
        <v>248</v>
      </c>
      <c r="AQ43390">
        <v>248</v>
      </c>
    </row>
    <row r="43391" spans="1:43">
      <c r="A43391" t="s">
        <v>26515</v>
      </c>
      <c r="B43391" t="s">
        <v>26516</v>
      </c>
      <c r="C43391" t="s">
        <v>13005</v>
      </c>
      <c r="D43391" t="s">
        <v>13006</v>
      </c>
      <c r="E43391" t="s">
        <v>12925</v>
      </c>
      <c r="F43391" t="s">
        <v>12926</v>
      </c>
      <c r="G43391" t="s">
        <v>10214</v>
      </c>
      <c r="H43391" t="s">
        <v>10215</v>
      </c>
      <c r="I43391" s="2">
        <v>1</v>
      </c>
      <c r="J43391" s="2">
        <v>0</v>
      </c>
      <c r="K43391" s="2">
        <v>0</v>
      </c>
      <c r="L43391" t="s">
        <v>120</v>
      </c>
      <c r="M43391" t="s">
        <v>87</v>
      </c>
      <c r="N43391" t="s">
        <v>88</v>
      </c>
      <c r="O43391" t="s">
        <v>85</v>
      </c>
      <c r="P43391" t="s">
        <v>86</v>
      </c>
      <c r="Q43391">
        <v>202</v>
      </c>
      <c r="R43391">
        <v>203</v>
      </c>
      <c r="S43391">
        <v>203</v>
      </c>
      <c r="T43391">
        <v>204</v>
      </c>
      <c r="U43391">
        <v>205</v>
      </c>
      <c r="V43391">
        <v>205</v>
      </c>
      <c r="W43391">
        <v>206</v>
      </c>
      <c r="X43391">
        <v>207</v>
      </c>
      <c r="Y43391">
        <v>207</v>
      </c>
      <c r="Z43391">
        <v>208</v>
      </c>
      <c r="AA43391">
        <v>208</v>
      </c>
      <c r="AB43391">
        <v>209</v>
      </c>
      <c r="AC43391">
        <v>209</v>
      </c>
      <c r="AD43391">
        <v>210</v>
      </c>
      <c r="AE43391">
        <v>211</v>
      </c>
      <c r="AF43391">
        <v>211</v>
      </c>
      <c r="AG43391">
        <v>211</v>
      </c>
      <c r="AH43391">
        <v>212</v>
      </c>
      <c r="AI43391">
        <v>212</v>
      </c>
      <c r="AJ43391">
        <v>213</v>
      </c>
      <c r="AK43391">
        <v>213</v>
      </c>
      <c r="AL43391">
        <v>214</v>
      </c>
      <c r="AM43391">
        <v>214</v>
      </c>
      <c r="AN43391">
        <v>214</v>
      </c>
      <c r="AO43391">
        <v>215</v>
      </c>
      <c r="AP43391">
        <v>215</v>
      </c>
      <c r="AQ43391">
        <v>215</v>
      </c>
    </row>
    <row r="43392" spans="1:43">
      <c r="A43392" t="s">
        <v>26515</v>
      </c>
      <c r="B43392" t="s">
        <v>26516</v>
      </c>
      <c r="C43392" t="s">
        <v>13005</v>
      </c>
      <c r="D43392" t="s">
        <v>13006</v>
      </c>
      <c r="E43392" t="s">
        <v>12925</v>
      </c>
      <c r="F43392" t="s">
        <v>12926</v>
      </c>
      <c r="G43392" t="s">
        <v>10214</v>
      </c>
      <c r="H43392" t="s">
        <v>10215</v>
      </c>
      <c r="I43392" s="2">
        <v>1</v>
      </c>
      <c r="J43392" s="2">
        <v>0</v>
      </c>
      <c r="K43392" s="2">
        <v>0</v>
      </c>
      <c r="L43392" t="s">
        <v>120</v>
      </c>
      <c r="M43392" t="s">
        <v>89</v>
      </c>
      <c r="N43392" t="s">
        <v>90</v>
      </c>
      <c r="O43392" t="s">
        <v>85</v>
      </c>
      <c r="P43392" t="s">
        <v>86</v>
      </c>
      <c r="Q43392">
        <v>202</v>
      </c>
      <c r="R43392">
        <v>206</v>
      </c>
      <c r="S43392">
        <v>210</v>
      </c>
      <c r="T43392">
        <v>214</v>
      </c>
      <c r="U43392">
        <v>218</v>
      </c>
      <c r="V43392">
        <v>222</v>
      </c>
      <c r="W43392">
        <v>226</v>
      </c>
      <c r="X43392">
        <v>229</v>
      </c>
      <c r="Y43392">
        <v>233</v>
      </c>
      <c r="Z43392">
        <v>236</v>
      </c>
      <c r="AA43392">
        <v>239</v>
      </c>
      <c r="AB43392">
        <v>242</v>
      </c>
      <c r="AC43392">
        <v>245</v>
      </c>
      <c r="AD43392">
        <v>248</v>
      </c>
      <c r="AE43392">
        <v>250</v>
      </c>
      <c r="AF43392">
        <v>250</v>
      </c>
      <c r="AG43392">
        <v>250</v>
      </c>
      <c r="AH43392">
        <v>251</v>
      </c>
      <c r="AI43392">
        <v>251</v>
      </c>
      <c r="AJ43392">
        <v>251</v>
      </c>
      <c r="AK43392">
        <v>251</v>
      </c>
      <c r="AL43392">
        <v>251</v>
      </c>
      <c r="AM43392">
        <v>251</v>
      </c>
      <c r="AN43392">
        <v>251</v>
      </c>
      <c r="AO43392">
        <v>251</v>
      </c>
      <c r="AP43392">
        <v>251</v>
      </c>
      <c r="AQ43392">
        <v>251</v>
      </c>
    </row>
    <row r="43393" spans="1:43">
      <c r="A43393" t="s">
        <v>26515</v>
      </c>
      <c r="B43393" t="s">
        <v>26516</v>
      </c>
      <c r="C43393" t="s">
        <v>13005</v>
      </c>
      <c r="D43393" t="s">
        <v>13006</v>
      </c>
      <c r="E43393" t="s">
        <v>12925</v>
      </c>
      <c r="F43393" t="s">
        <v>12926</v>
      </c>
      <c r="G43393" t="s">
        <v>10214</v>
      </c>
      <c r="H43393" t="s">
        <v>10215</v>
      </c>
      <c r="I43393" s="2">
        <v>1</v>
      </c>
      <c r="J43393" s="2">
        <v>0</v>
      </c>
      <c r="K43393" s="2">
        <v>0</v>
      </c>
      <c r="L43393" t="s">
        <v>120</v>
      </c>
      <c r="M43393" t="s">
        <v>83</v>
      </c>
      <c r="N43393" t="s">
        <v>91</v>
      </c>
      <c r="O43393" t="s">
        <v>85</v>
      </c>
      <c r="P43393" t="s">
        <v>86</v>
      </c>
      <c r="Q43393">
        <v>202</v>
      </c>
      <c r="R43393">
        <v>204</v>
      </c>
      <c r="S43393">
        <v>207</v>
      </c>
      <c r="T43393">
        <v>210</v>
      </c>
      <c r="U43393">
        <v>212</v>
      </c>
      <c r="V43393">
        <v>215</v>
      </c>
      <c r="W43393">
        <v>217</v>
      </c>
      <c r="X43393">
        <v>220</v>
      </c>
      <c r="Y43393">
        <v>222</v>
      </c>
      <c r="Z43393">
        <v>224</v>
      </c>
      <c r="AA43393">
        <v>226</v>
      </c>
      <c r="AB43393">
        <v>229</v>
      </c>
      <c r="AC43393">
        <v>231</v>
      </c>
      <c r="AD43393">
        <v>233</v>
      </c>
      <c r="AE43393">
        <v>235</v>
      </c>
      <c r="AF43393">
        <v>237</v>
      </c>
      <c r="AG43393">
        <v>239</v>
      </c>
      <c r="AH43393">
        <v>241</v>
      </c>
      <c r="AI43393">
        <v>243</v>
      </c>
      <c r="AJ43393">
        <v>245</v>
      </c>
      <c r="AK43393">
        <v>247</v>
      </c>
      <c r="AL43393">
        <v>248</v>
      </c>
      <c r="AM43393">
        <v>248</v>
      </c>
      <c r="AN43393">
        <v>248</v>
      </c>
      <c r="AO43393">
        <v>248</v>
      </c>
      <c r="AP43393">
        <v>248</v>
      </c>
      <c r="AQ43393">
        <v>248</v>
      </c>
    </row>
    <row r="43394" spans="1:43">
      <c r="A43394" t="s">
        <v>26517</v>
      </c>
      <c r="B43394" t="s">
        <v>26518</v>
      </c>
      <c r="C43394" t="s">
        <v>12971</v>
      </c>
      <c r="D43394" t="s">
        <v>12972</v>
      </c>
      <c r="E43394" t="s">
        <v>12925</v>
      </c>
      <c r="F43394" t="s">
        <v>12926</v>
      </c>
      <c r="G43394" t="s">
        <v>10214</v>
      </c>
      <c r="H43394" t="s">
        <v>10215</v>
      </c>
      <c r="I43394" s="2">
        <v>1</v>
      </c>
      <c r="J43394" s="2">
        <v>0</v>
      </c>
      <c r="K43394" s="2">
        <v>0</v>
      </c>
      <c r="L43394" t="s">
        <v>120</v>
      </c>
      <c r="M43394" t="s">
        <v>83</v>
      </c>
      <c r="N43394" t="s">
        <v>84</v>
      </c>
      <c r="O43394" t="s">
        <v>85</v>
      </c>
      <c r="P43394" t="s">
        <v>86</v>
      </c>
      <c r="Q43394">
        <v>102</v>
      </c>
      <c r="R43394">
        <v>104</v>
      </c>
      <c r="S43394">
        <v>105</v>
      </c>
      <c r="T43394">
        <v>106</v>
      </c>
      <c r="U43394">
        <v>107</v>
      </c>
      <c r="V43394">
        <v>109</v>
      </c>
      <c r="W43394">
        <v>110</v>
      </c>
      <c r="X43394">
        <v>111</v>
      </c>
      <c r="Y43394">
        <v>112</v>
      </c>
      <c r="Z43394">
        <v>113</v>
      </c>
      <c r="AA43394">
        <v>114</v>
      </c>
      <c r="AB43394">
        <v>115</v>
      </c>
      <c r="AC43394">
        <v>116</v>
      </c>
      <c r="AD43394">
        <v>117</v>
      </c>
      <c r="AE43394">
        <v>118</v>
      </c>
      <c r="AF43394">
        <v>119</v>
      </c>
      <c r="AG43394">
        <v>120</v>
      </c>
      <c r="AH43394">
        <v>121</v>
      </c>
      <c r="AI43394">
        <v>122</v>
      </c>
      <c r="AJ43394">
        <v>123</v>
      </c>
      <c r="AK43394">
        <v>123</v>
      </c>
      <c r="AL43394">
        <v>124</v>
      </c>
      <c r="AM43394">
        <v>123</v>
      </c>
      <c r="AN43394">
        <v>123</v>
      </c>
      <c r="AO43394">
        <v>123</v>
      </c>
      <c r="AP43394">
        <v>123</v>
      </c>
      <c r="AQ43394">
        <v>122</v>
      </c>
    </row>
    <row r="43395" spans="1:43">
      <c r="A43395" t="s">
        <v>26517</v>
      </c>
      <c r="B43395" t="s">
        <v>26518</v>
      </c>
      <c r="C43395" t="s">
        <v>12971</v>
      </c>
      <c r="D43395" t="s">
        <v>12972</v>
      </c>
      <c r="E43395" t="s">
        <v>12925</v>
      </c>
      <c r="F43395" t="s">
        <v>12926</v>
      </c>
      <c r="G43395" t="s">
        <v>10214</v>
      </c>
      <c r="H43395" t="s">
        <v>10215</v>
      </c>
      <c r="I43395" s="2">
        <v>1</v>
      </c>
      <c r="J43395" s="2">
        <v>0</v>
      </c>
      <c r="K43395" s="2">
        <v>0</v>
      </c>
      <c r="L43395" t="s">
        <v>120</v>
      </c>
      <c r="M43395" t="s">
        <v>87</v>
      </c>
      <c r="N43395" t="s">
        <v>88</v>
      </c>
      <c r="O43395" t="s">
        <v>85</v>
      </c>
      <c r="P43395" t="s">
        <v>86</v>
      </c>
      <c r="Q43395">
        <v>102</v>
      </c>
      <c r="R43395">
        <v>103</v>
      </c>
      <c r="S43395">
        <v>103</v>
      </c>
      <c r="T43395">
        <v>103</v>
      </c>
      <c r="U43395">
        <v>104</v>
      </c>
      <c r="V43395">
        <v>104</v>
      </c>
      <c r="W43395">
        <v>104</v>
      </c>
      <c r="X43395">
        <v>104</v>
      </c>
      <c r="Y43395">
        <v>105</v>
      </c>
      <c r="Z43395">
        <v>105</v>
      </c>
      <c r="AA43395">
        <v>105</v>
      </c>
      <c r="AB43395">
        <v>105</v>
      </c>
      <c r="AC43395">
        <v>106</v>
      </c>
      <c r="AD43395">
        <v>106</v>
      </c>
      <c r="AE43395">
        <v>106</v>
      </c>
      <c r="AF43395">
        <v>106</v>
      </c>
      <c r="AG43395">
        <v>107</v>
      </c>
      <c r="AH43395">
        <v>107</v>
      </c>
      <c r="AI43395">
        <v>107</v>
      </c>
      <c r="AJ43395">
        <v>107</v>
      </c>
      <c r="AK43395">
        <v>107</v>
      </c>
      <c r="AL43395">
        <v>108</v>
      </c>
      <c r="AM43395">
        <v>108</v>
      </c>
      <c r="AN43395">
        <v>108</v>
      </c>
      <c r="AO43395">
        <v>108</v>
      </c>
      <c r="AP43395">
        <v>108</v>
      </c>
      <c r="AQ43395">
        <v>108</v>
      </c>
    </row>
    <row r="43396" spans="1:43">
      <c r="A43396" t="s">
        <v>26517</v>
      </c>
      <c r="B43396" t="s">
        <v>26518</v>
      </c>
      <c r="C43396" t="s">
        <v>12971</v>
      </c>
      <c r="D43396" t="s">
        <v>12972</v>
      </c>
      <c r="E43396" t="s">
        <v>12925</v>
      </c>
      <c r="F43396" t="s">
        <v>12926</v>
      </c>
      <c r="G43396" t="s">
        <v>10214</v>
      </c>
      <c r="H43396" t="s">
        <v>10215</v>
      </c>
      <c r="I43396" s="2">
        <v>1</v>
      </c>
      <c r="J43396" s="2">
        <v>0</v>
      </c>
      <c r="K43396" s="2">
        <v>0</v>
      </c>
      <c r="L43396" t="s">
        <v>120</v>
      </c>
      <c r="M43396" t="s">
        <v>89</v>
      </c>
      <c r="N43396" t="s">
        <v>90</v>
      </c>
      <c r="O43396" t="s">
        <v>85</v>
      </c>
      <c r="P43396" t="s">
        <v>86</v>
      </c>
      <c r="Q43396">
        <v>102</v>
      </c>
      <c r="R43396">
        <v>104</v>
      </c>
      <c r="S43396">
        <v>106</v>
      </c>
      <c r="T43396">
        <v>109</v>
      </c>
      <c r="U43396">
        <v>111</v>
      </c>
      <c r="V43396">
        <v>112</v>
      </c>
      <c r="W43396">
        <v>114</v>
      </c>
      <c r="X43396">
        <v>116</v>
      </c>
      <c r="Y43396">
        <v>117</v>
      </c>
      <c r="Z43396">
        <v>119</v>
      </c>
      <c r="AA43396">
        <v>120</v>
      </c>
      <c r="AB43396">
        <v>121</v>
      </c>
      <c r="AC43396">
        <v>123</v>
      </c>
      <c r="AD43396">
        <v>124</v>
      </c>
      <c r="AE43396">
        <v>125</v>
      </c>
      <c r="AF43396">
        <v>125</v>
      </c>
      <c r="AG43396">
        <v>125</v>
      </c>
      <c r="AH43396">
        <v>125</v>
      </c>
      <c r="AI43396">
        <v>124</v>
      </c>
      <c r="AJ43396">
        <v>124</v>
      </c>
      <c r="AK43396">
        <v>124</v>
      </c>
      <c r="AL43396">
        <v>124</v>
      </c>
      <c r="AM43396">
        <v>123</v>
      </c>
      <c r="AN43396">
        <v>123</v>
      </c>
      <c r="AO43396">
        <v>123</v>
      </c>
      <c r="AP43396">
        <v>123</v>
      </c>
      <c r="AQ43396">
        <v>122</v>
      </c>
    </row>
    <row r="43397" spans="1:43">
      <c r="A43397" t="s">
        <v>26517</v>
      </c>
      <c r="B43397" t="s">
        <v>26518</v>
      </c>
      <c r="C43397" t="s">
        <v>12971</v>
      </c>
      <c r="D43397" t="s">
        <v>12972</v>
      </c>
      <c r="E43397" t="s">
        <v>12925</v>
      </c>
      <c r="F43397" t="s">
        <v>12926</v>
      </c>
      <c r="G43397" t="s">
        <v>10214</v>
      </c>
      <c r="H43397" t="s">
        <v>10215</v>
      </c>
      <c r="I43397" s="2">
        <v>1</v>
      </c>
      <c r="J43397" s="2">
        <v>0</v>
      </c>
      <c r="K43397" s="2">
        <v>0</v>
      </c>
      <c r="L43397" t="s">
        <v>120</v>
      </c>
      <c r="M43397" t="s">
        <v>83</v>
      </c>
      <c r="N43397" t="s">
        <v>91</v>
      </c>
      <c r="O43397" t="s">
        <v>85</v>
      </c>
      <c r="P43397" t="s">
        <v>86</v>
      </c>
      <c r="Q43397">
        <v>102</v>
      </c>
      <c r="R43397">
        <v>104</v>
      </c>
      <c r="S43397">
        <v>105</v>
      </c>
      <c r="T43397">
        <v>106</v>
      </c>
      <c r="U43397">
        <v>107</v>
      </c>
      <c r="V43397">
        <v>109</v>
      </c>
      <c r="W43397">
        <v>110</v>
      </c>
      <c r="X43397">
        <v>111</v>
      </c>
      <c r="Y43397">
        <v>112</v>
      </c>
      <c r="Z43397">
        <v>113</v>
      </c>
      <c r="AA43397">
        <v>114</v>
      </c>
      <c r="AB43397">
        <v>115</v>
      </c>
      <c r="AC43397">
        <v>116</v>
      </c>
      <c r="AD43397">
        <v>117</v>
      </c>
      <c r="AE43397">
        <v>118</v>
      </c>
      <c r="AF43397">
        <v>119</v>
      </c>
      <c r="AG43397">
        <v>120</v>
      </c>
      <c r="AH43397">
        <v>121</v>
      </c>
      <c r="AI43397">
        <v>122</v>
      </c>
      <c r="AJ43397">
        <v>123</v>
      </c>
      <c r="AK43397">
        <v>123</v>
      </c>
      <c r="AL43397">
        <v>124</v>
      </c>
      <c r="AM43397">
        <v>123</v>
      </c>
      <c r="AN43397">
        <v>123</v>
      </c>
      <c r="AO43397">
        <v>123</v>
      </c>
      <c r="AP43397">
        <v>123</v>
      </c>
      <c r="AQ43397">
        <v>122</v>
      </c>
    </row>
    <row r="43398" spans="1:43">
      <c r="A43398" t="s">
        <v>26519</v>
      </c>
      <c r="B43398" t="s">
        <v>26520</v>
      </c>
      <c r="C43398" t="s">
        <v>12971</v>
      </c>
      <c r="D43398" t="s">
        <v>12972</v>
      </c>
      <c r="E43398" t="s">
        <v>12925</v>
      </c>
      <c r="F43398" t="s">
        <v>12926</v>
      </c>
      <c r="G43398" t="s">
        <v>10214</v>
      </c>
      <c r="H43398" t="s">
        <v>10215</v>
      </c>
      <c r="I43398" s="2">
        <v>1</v>
      </c>
      <c r="J43398" s="2">
        <v>0</v>
      </c>
      <c r="K43398" s="2">
        <v>0</v>
      </c>
      <c r="L43398" t="s">
        <v>120</v>
      </c>
      <c r="M43398" t="s">
        <v>83</v>
      </c>
      <c r="N43398" t="s">
        <v>84</v>
      </c>
      <c r="O43398" t="s">
        <v>85</v>
      </c>
      <c r="P43398" t="s">
        <v>86</v>
      </c>
      <c r="Q43398">
        <v>61</v>
      </c>
      <c r="R43398">
        <v>62</v>
      </c>
      <c r="S43398">
        <v>63</v>
      </c>
      <c r="T43398">
        <v>63</v>
      </c>
      <c r="U43398">
        <v>64</v>
      </c>
      <c r="V43398">
        <v>65</v>
      </c>
      <c r="W43398">
        <v>66</v>
      </c>
      <c r="X43398">
        <v>66</v>
      </c>
      <c r="Y43398">
        <v>67</v>
      </c>
      <c r="Z43398">
        <v>68</v>
      </c>
      <c r="AA43398">
        <v>68</v>
      </c>
      <c r="AB43398">
        <v>69</v>
      </c>
      <c r="AC43398">
        <v>69</v>
      </c>
      <c r="AD43398">
        <v>70</v>
      </c>
      <c r="AE43398">
        <v>70</v>
      </c>
      <c r="AF43398">
        <v>71</v>
      </c>
      <c r="AG43398">
        <v>72</v>
      </c>
      <c r="AH43398">
        <v>72</v>
      </c>
      <c r="AI43398">
        <v>73</v>
      </c>
      <c r="AJ43398">
        <v>73</v>
      </c>
      <c r="AK43398">
        <v>74</v>
      </c>
      <c r="AL43398">
        <v>74</v>
      </c>
      <c r="AM43398">
        <v>74</v>
      </c>
      <c r="AN43398">
        <v>74</v>
      </c>
      <c r="AO43398">
        <v>73</v>
      </c>
      <c r="AP43398">
        <v>73</v>
      </c>
      <c r="AQ43398">
        <v>73</v>
      </c>
    </row>
    <row r="43399" spans="1:43">
      <c r="A43399" t="s">
        <v>26519</v>
      </c>
      <c r="B43399" t="s">
        <v>26520</v>
      </c>
      <c r="C43399" t="s">
        <v>12971</v>
      </c>
      <c r="D43399" t="s">
        <v>12972</v>
      </c>
      <c r="E43399" t="s">
        <v>12925</v>
      </c>
      <c r="F43399" t="s">
        <v>12926</v>
      </c>
      <c r="G43399" t="s">
        <v>10214</v>
      </c>
      <c r="H43399" t="s">
        <v>10215</v>
      </c>
      <c r="I43399" s="2">
        <v>1</v>
      </c>
      <c r="J43399" s="2">
        <v>0</v>
      </c>
      <c r="K43399" s="2">
        <v>0</v>
      </c>
      <c r="L43399" t="s">
        <v>120</v>
      </c>
      <c r="M43399" t="s">
        <v>87</v>
      </c>
      <c r="N43399" t="s">
        <v>88</v>
      </c>
      <c r="O43399" t="s">
        <v>85</v>
      </c>
      <c r="P43399" t="s">
        <v>86</v>
      </c>
      <c r="Q43399">
        <v>61</v>
      </c>
      <c r="R43399">
        <v>61</v>
      </c>
      <c r="S43399">
        <v>61</v>
      </c>
      <c r="T43399">
        <v>61</v>
      </c>
      <c r="U43399">
        <v>61</v>
      </c>
      <c r="V43399">
        <v>61</v>
      </c>
      <c r="W43399">
        <v>62</v>
      </c>
      <c r="X43399">
        <v>62</v>
      </c>
      <c r="Y43399">
        <v>62</v>
      </c>
      <c r="Z43399">
        <v>62</v>
      </c>
      <c r="AA43399">
        <v>62</v>
      </c>
      <c r="AB43399">
        <v>62</v>
      </c>
      <c r="AC43399">
        <v>63</v>
      </c>
      <c r="AD43399">
        <v>63</v>
      </c>
      <c r="AE43399">
        <v>63</v>
      </c>
      <c r="AF43399">
        <v>63</v>
      </c>
      <c r="AG43399">
        <v>63</v>
      </c>
      <c r="AH43399">
        <v>63</v>
      </c>
      <c r="AI43399">
        <v>63</v>
      </c>
      <c r="AJ43399">
        <v>63</v>
      </c>
      <c r="AK43399">
        <v>64</v>
      </c>
      <c r="AL43399">
        <v>64</v>
      </c>
      <c r="AM43399">
        <v>64</v>
      </c>
      <c r="AN43399">
        <v>64</v>
      </c>
      <c r="AO43399">
        <v>64</v>
      </c>
      <c r="AP43399">
        <v>64</v>
      </c>
      <c r="AQ43399">
        <v>64</v>
      </c>
    </row>
    <row r="43400" spans="1:43">
      <c r="A43400" t="s">
        <v>26519</v>
      </c>
      <c r="B43400" t="s">
        <v>26520</v>
      </c>
      <c r="C43400" t="s">
        <v>12971</v>
      </c>
      <c r="D43400" t="s">
        <v>12972</v>
      </c>
      <c r="E43400" t="s">
        <v>12925</v>
      </c>
      <c r="F43400" t="s">
        <v>12926</v>
      </c>
      <c r="G43400" t="s">
        <v>10214</v>
      </c>
      <c r="H43400" t="s">
        <v>10215</v>
      </c>
      <c r="I43400" s="2">
        <v>1</v>
      </c>
      <c r="J43400" s="2">
        <v>0</v>
      </c>
      <c r="K43400" s="2">
        <v>0</v>
      </c>
      <c r="L43400" t="s">
        <v>120</v>
      </c>
      <c r="M43400" t="s">
        <v>89</v>
      </c>
      <c r="N43400" t="s">
        <v>90</v>
      </c>
      <c r="O43400" t="s">
        <v>85</v>
      </c>
      <c r="P43400" t="s">
        <v>86</v>
      </c>
      <c r="Q43400">
        <v>61</v>
      </c>
      <c r="R43400">
        <v>62</v>
      </c>
      <c r="S43400">
        <v>63</v>
      </c>
      <c r="T43400">
        <v>64</v>
      </c>
      <c r="U43400">
        <v>66</v>
      </c>
      <c r="V43400">
        <v>67</v>
      </c>
      <c r="W43400">
        <v>68</v>
      </c>
      <c r="X43400">
        <v>69</v>
      </c>
      <c r="Y43400">
        <v>70</v>
      </c>
      <c r="Z43400">
        <v>70</v>
      </c>
      <c r="AA43400">
        <v>71</v>
      </c>
      <c r="AB43400">
        <v>72</v>
      </c>
      <c r="AC43400">
        <v>73</v>
      </c>
      <c r="AD43400">
        <v>74</v>
      </c>
      <c r="AE43400">
        <v>74</v>
      </c>
      <c r="AF43400">
        <v>74</v>
      </c>
      <c r="AG43400">
        <v>74</v>
      </c>
      <c r="AH43400">
        <v>74</v>
      </c>
      <c r="AI43400">
        <v>74</v>
      </c>
      <c r="AJ43400">
        <v>74</v>
      </c>
      <c r="AK43400">
        <v>74</v>
      </c>
      <c r="AL43400">
        <v>73</v>
      </c>
      <c r="AM43400">
        <v>73</v>
      </c>
      <c r="AN43400">
        <v>73</v>
      </c>
      <c r="AO43400">
        <v>73</v>
      </c>
      <c r="AP43400">
        <v>73</v>
      </c>
      <c r="AQ43400">
        <v>73</v>
      </c>
    </row>
    <row r="43401" spans="1:43">
      <c r="A43401" t="s">
        <v>26519</v>
      </c>
      <c r="B43401" t="s">
        <v>26520</v>
      </c>
      <c r="C43401" t="s">
        <v>12971</v>
      </c>
      <c r="D43401" t="s">
        <v>12972</v>
      </c>
      <c r="E43401" t="s">
        <v>12925</v>
      </c>
      <c r="F43401" t="s">
        <v>12926</v>
      </c>
      <c r="G43401" t="s">
        <v>10214</v>
      </c>
      <c r="H43401" t="s">
        <v>10215</v>
      </c>
      <c r="I43401" s="2">
        <v>1</v>
      </c>
      <c r="J43401" s="2">
        <v>0</v>
      </c>
      <c r="K43401" s="2">
        <v>0</v>
      </c>
      <c r="L43401" t="s">
        <v>120</v>
      </c>
      <c r="M43401" t="s">
        <v>83</v>
      </c>
      <c r="N43401" t="s">
        <v>91</v>
      </c>
      <c r="O43401" t="s">
        <v>85</v>
      </c>
      <c r="P43401" t="s">
        <v>86</v>
      </c>
      <c r="Q43401">
        <v>61</v>
      </c>
      <c r="R43401">
        <v>62</v>
      </c>
      <c r="S43401">
        <v>63</v>
      </c>
      <c r="T43401">
        <v>63</v>
      </c>
      <c r="U43401">
        <v>64</v>
      </c>
      <c r="V43401">
        <v>65</v>
      </c>
      <c r="W43401">
        <v>66</v>
      </c>
      <c r="X43401">
        <v>66</v>
      </c>
      <c r="Y43401">
        <v>67</v>
      </c>
      <c r="Z43401">
        <v>68</v>
      </c>
      <c r="AA43401">
        <v>68</v>
      </c>
      <c r="AB43401">
        <v>69</v>
      </c>
      <c r="AC43401">
        <v>69</v>
      </c>
      <c r="AD43401">
        <v>70</v>
      </c>
      <c r="AE43401">
        <v>70</v>
      </c>
      <c r="AF43401">
        <v>71</v>
      </c>
      <c r="AG43401">
        <v>72</v>
      </c>
      <c r="AH43401">
        <v>72</v>
      </c>
      <c r="AI43401">
        <v>73</v>
      </c>
      <c r="AJ43401">
        <v>73</v>
      </c>
      <c r="AK43401">
        <v>74</v>
      </c>
      <c r="AL43401">
        <v>74</v>
      </c>
      <c r="AM43401">
        <v>74</v>
      </c>
      <c r="AN43401">
        <v>74</v>
      </c>
      <c r="AO43401">
        <v>73</v>
      </c>
      <c r="AP43401">
        <v>73</v>
      </c>
      <c r="AQ43401">
        <v>73</v>
      </c>
    </row>
    <row r="43402" spans="1:43">
      <c r="A43402" t="s">
        <v>26521</v>
      </c>
      <c r="B43402" t="s">
        <v>26522</v>
      </c>
      <c r="C43402" t="s">
        <v>13023</v>
      </c>
      <c r="D43402" t="s">
        <v>13024</v>
      </c>
      <c r="E43402" t="s">
        <v>12925</v>
      </c>
      <c r="F43402" t="s">
        <v>12926</v>
      </c>
      <c r="G43402" t="s">
        <v>10214</v>
      </c>
      <c r="H43402" t="s">
        <v>10215</v>
      </c>
      <c r="I43402" s="2">
        <v>1</v>
      </c>
      <c r="J43402" s="2">
        <v>0</v>
      </c>
      <c r="K43402" s="2">
        <v>0</v>
      </c>
      <c r="L43402" t="s">
        <v>120</v>
      </c>
      <c r="M43402" t="s">
        <v>83</v>
      </c>
      <c r="N43402" t="s">
        <v>84</v>
      </c>
      <c r="O43402" t="s">
        <v>85</v>
      </c>
      <c r="P43402" t="s">
        <v>86</v>
      </c>
      <c r="Q43402">
        <v>5</v>
      </c>
      <c r="R43402">
        <v>6</v>
      </c>
      <c r="S43402">
        <v>6</v>
      </c>
      <c r="T43402">
        <v>6</v>
      </c>
      <c r="U43402">
        <v>6</v>
      </c>
      <c r="V43402">
        <v>6</v>
      </c>
      <c r="W43402">
        <v>6</v>
      </c>
      <c r="X43402">
        <v>6</v>
      </c>
      <c r="Y43402">
        <v>6</v>
      </c>
      <c r="Z43402">
        <v>6</v>
      </c>
      <c r="AA43402">
        <v>6</v>
      </c>
      <c r="AB43402">
        <v>6</v>
      </c>
      <c r="AC43402">
        <v>6</v>
      </c>
      <c r="AD43402">
        <v>6</v>
      </c>
      <c r="AE43402">
        <v>6</v>
      </c>
      <c r="AF43402">
        <v>6</v>
      </c>
      <c r="AG43402">
        <v>6</v>
      </c>
      <c r="AH43402">
        <v>7</v>
      </c>
      <c r="AI43402">
        <v>7</v>
      </c>
      <c r="AJ43402">
        <v>7</v>
      </c>
      <c r="AK43402">
        <v>7</v>
      </c>
      <c r="AL43402">
        <v>7</v>
      </c>
      <c r="AM43402">
        <v>7</v>
      </c>
      <c r="AN43402">
        <v>7</v>
      </c>
      <c r="AO43402">
        <v>7</v>
      </c>
      <c r="AP43402">
        <v>7</v>
      </c>
      <c r="AQ43402">
        <v>7</v>
      </c>
    </row>
    <row r="43403" spans="1:43">
      <c r="A43403" t="s">
        <v>26521</v>
      </c>
      <c r="B43403" t="s">
        <v>26522</v>
      </c>
      <c r="C43403" t="s">
        <v>13023</v>
      </c>
      <c r="D43403" t="s">
        <v>13024</v>
      </c>
      <c r="E43403" t="s">
        <v>12925</v>
      </c>
      <c r="F43403" t="s">
        <v>12926</v>
      </c>
      <c r="G43403" t="s">
        <v>10214</v>
      </c>
      <c r="H43403" t="s">
        <v>10215</v>
      </c>
      <c r="I43403" s="2">
        <v>1</v>
      </c>
      <c r="J43403" s="2">
        <v>0</v>
      </c>
      <c r="K43403" s="2">
        <v>0</v>
      </c>
      <c r="L43403" t="s">
        <v>120</v>
      </c>
      <c r="M43403" t="s">
        <v>87</v>
      </c>
      <c r="N43403" t="s">
        <v>88</v>
      </c>
      <c r="O43403" t="s">
        <v>85</v>
      </c>
      <c r="P43403" t="s">
        <v>86</v>
      </c>
      <c r="Q43403">
        <v>5</v>
      </c>
      <c r="R43403">
        <v>5</v>
      </c>
      <c r="S43403">
        <v>5</v>
      </c>
      <c r="T43403">
        <v>5</v>
      </c>
      <c r="U43403">
        <v>6</v>
      </c>
      <c r="V43403">
        <v>6</v>
      </c>
      <c r="W43403">
        <v>6</v>
      </c>
      <c r="X43403">
        <v>6</v>
      </c>
      <c r="Y43403">
        <v>6</v>
      </c>
      <c r="Z43403">
        <v>6</v>
      </c>
      <c r="AA43403">
        <v>6</v>
      </c>
      <c r="AB43403">
        <v>6</v>
      </c>
      <c r="AC43403">
        <v>6</v>
      </c>
      <c r="AD43403">
        <v>6</v>
      </c>
      <c r="AE43403">
        <v>6</v>
      </c>
      <c r="AF43403">
        <v>6</v>
      </c>
      <c r="AG43403">
        <v>6</v>
      </c>
      <c r="AH43403">
        <v>6</v>
      </c>
      <c r="AI43403">
        <v>6</v>
      </c>
      <c r="AJ43403">
        <v>6</v>
      </c>
      <c r="AK43403">
        <v>6</v>
      </c>
      <c r="AL43403">
        <v>6</v>
      </c>
      <c r="AM43403">
        <v>6</v>
      </c>
      <c r="AN43403">
        <v>6</v>
      </c>
      <c r="AO43403">
        <v>6</v>
      </c>
      <c r="AP43403">
        <v>6</v>
      </c>
      <c r="AQ43403">
        <v>6</v>
      </c>
    </row>
    <row r="43404" spans="1:43">
      <c r="A43404" t="s">
        <v>26521</v>
      </c>
      <c r="B43404" t="s">
        <v>26522</v>
      </c>
      <c r="C43404" t="s">
        <v>13023</v>
      </c>
      <c r="D43404" t="s">
        <v>13024</v>
      </c>
      <c r="E43404" t="s">
        <v>12925</v>
      </c>
      <c r="F43404" t="s">
        <v>12926</v>
      </c>
      <c r="G43404" t="s">
        <v>10214</v>
      </c>
      <c r="H43404" t="s">
        <v>10215</v>
      </c>
      <c r="I43404" s="2">
        <v>1</v>
      </c>
      <c r="J43404" s="2">
        <v>0</v>
      </c>
      <c r="K43404" s="2">
        <v>0</v>
      </c>
      <c r="L43404" t="s">
        <v>120</v>
      </c>
      <c r="M43404" t="s">
        <v>89</v>
      </c>
      <c r="N43404" t="s">
        <v>90</v>
      </c>
      <c r="O43404" t="s">
        <v>85</v>
      </c>
      <c r="P43404" t="s">
        <v>86</v>
      </c>
      <c r="Q43404">
        <v>5</v>
      </c>
      <c r="R43404">
        <v>5</v>
      </c>
      <c r="S43404">
        <v>5</v>
      </c>
      <c r="T43404">
        <v>5</v>
      </c>
      <c r="U43404">
        <v>5</v>
      </c>
      <c r="V43404">
        <v>5</v>
      </c>
      <c r="W43404">
        <v>5</v>
      </c>
      <c r="X43404">
        <v>5</v>
      </c>
      <c r="Y43404">
        <v>5</v>
      </c>
      <c r="Z43404">
        <v>5</v>
      </c>
      <c r="AA43404">
        <v>6</v>
      </c>
      <c r="AB43404">
        <v>6</v>
      </c>
      <c r="AC43404">
        <v>6</v>
      </c>
      <c r="AD43404">
        <v>6</v>
      </c>
      <c r="AE43404">
        <v>6</v>
      </c>
      <c r="AF43404">
        <v>6</v>
      </c>
      <c r="AG43404">
        <v>6</v>
      </c>
      <c r="AH43404">
        <v>6</v>
      </c>
      <c r="AI43404">
        <v>6</v>
      </c>
      <c r="AJ43404">
        <v>6</v>
      </c>
      <c r="AK43404">
        <v>6</v>
      </c>
      <c r="AL43404">
        <v>6</v>
      </c>
      <c r="AM43404">
        <v>6</v>
      </c>
      <c r="AN43404">
        <v>6</v>
      </c>
      <c r="AO43404">
        <v>6</v>
      </c>
      <c r="AP43404">
        <v>6</v>
      </c>
      <c r="AQ43404">
        <v>6</v>
      </c>
    </row>
    <row r="43405" spans="1:43">
      <c r="A43405" t="s">
        <v>26521</v>
      </c>
      <c r="B43405" t="s">
        <v>26522</v>
      </c>
      <c r="C43405" t="s">
        <v>13023</v>
      </c>
      <c r="D43405" t="s">
        <v>13024</v>
      </c>
      <c r="E43405" t="s">
        <v>12925</v>
      </c>
      <c r="F43405" t="s">
        <v>12926</v>
      </c>
      <c r="G43405" t="s">
        <v>10214</v>
      </c>
      <c r="H43405" t="s">
        <v>10215</v>
      </c>
      <c r="I43405" s="2">
        <v>1</v>
      </c>
      <c r="J43405" s="2">
        <v>0</v>
      </c>
      <c r="K43405" s="2">
        <v>0</v>
      </c>
      <c r="L43405" t="s">
        <v>120</v>
      </c>
      <c r="M43405" t="s">
        <v>83</v>
      </c>
      <c r="N43405" t="s">
        <v>91</v>
      </c>
      <c r="O43405" t="s">
        <v>85</v>
      </c>
      <c r="P43405" t="s">
        <v>86</v>
      </c>
      <c r="Q43405">
        <v>5</v>
      </c>
      <c r="R43405">
        <v>6</v>
      </c>
      <c r="S43405">
        <v>6</v>
      </c>
      <c r="T43405">
        <v>6</v>
      </c>
      <c r="U43405">
        <v>6</v>
      </c>
      <c r="V43405">
        <v>6</v>
      </c>
      <c r="W43405">
        <v>6</v>
      </c>
      <c r="X43405">
        <v>6</v>
      </c>
      <c r="Y43405">
        <v>6</v>
      </c>
      <c r="Z43405">
        <v>6</v>
      </c>
      <c r="AA43405">
        <v>6</v>
      </c>
      <c r="AB43405">
        <v>6</v>
      </c>
      <c r="AC43405">
        <v>6</v>
      </c>
      <c r="AD43405">
        <v>6</v>
      </c>
      <c r="AE43405">
        <v>6</v>
      </c>
      <c r="AF43405">
        <v>6</v>
      </c>
      <c r="AG43405">
        <v>6</v>
      </c>
      <c r="AH43405">
        <v>7</v>
      </c>
      <c r="AI43405">
        <v>7</v>
      </c>
      <c r="AJ43405">
        <v>7</v>
      </c>
      <c r="AK43405">
        <v>7</v>
      </c>
      <c r="AL43405">
        <v>7</v>
      </c>
      <c r="AM43405">
        <v>7</v>
      </c>
      <c r="AN43405">
        <v>7</v>
      </c>
      <c r="AO43405">
        <v>7</v>
      </c>
      <c r="AP43405">
        <v>7</v>
      </c>
      <c r="AQ43405">
        <v>7</v>
      </c>
    </row>
    <row r="43406" spans="1:43">
      <c r="A43406" t="s">
        <v>26523</v>
      </c>
      <c r="B43406" t="s">
        <v>26524</v>
      </c>
      <c r="C43406" t="s">
        <v>13023</v>
      </c>
      <c r="D43406" t="s">
        <v>13024</v>
      </c>
      <c r="E43406" t="s">
        <v>12925</v>
      </c>
      <c r="F43406" t="s">
        <v>12926</v>
      </c>
      <c r="G43406" t="s">
        <v>10214</v>
      </c>
      <c r="H43406" t="s">
        <v>10215</v>
      </c>
      <c r="I43406" s="2">
        <v>1</v>
      </c>
      <c r="J43406" s="2">
        <v>0</v>
      </c>
      <c r="K43406" s="2">
        <v>0</v>
      </c>
      <c r="L43406" t="s">
        <v>120</v>
      </c>
      <c r="M43406" t="s">
        <v>83</v>
      </c>
      <c r="N43406" t="s">
        <v>84</v>
      </c>
      <c r="O43406" t="s">
        <v>85</v>
      </c>
      <c r="P43406" t="s">
        <v>86</v>
      </c>
      <c r="Q43406">
        <v>7</v>
      </c>
      <c r="R43406">
        <v>7</v>
      </c>
      <c r="S43406">
        <v>7</v>
      </c>
      <c r="T43406">
        <v>7</v>
      </c>
      <c r="U43406">
        <v>7</v>
      </c>
      <c r="V43406">
        <v>7</v>
      </c>
      <c r="W43406">
        <v>7</v>
      </c>
      <c r="X43406">
        <v>7</v>
      </c>
      <c r="Y43406">
        <v>8</v>
      </c>
      <c r="Z43406">
        <v>8</v>
      </c>
      <c r="AA43406">
        <v>8</v>
      </c>
      <c r="AB43406">
        <v>8</v>
      </c>
      <c r="AC43406">
        <v>8</v>
      </c>
      <c r="AD43406">
        <v>8</v>
      </c>
      <c r="AE43406">
        <v>8</v>
      </c>
      <c r="AF43406">
        <v>8</v>
      </c>
      <c r="AG43406">
        <v>8</v>
      </c>
      <c r="AH43406">
        <v>8</v>
      </c>
      <c r="AI43406">
        <v>8</v>
      </c>
      <c r="AJ43406">
        <v>8</v>
      </c>
      <c r="AK43406">
        <v>8</v>
      </c>
      <c r="AL43406">
        <v>8</v>
      </c>
      <c r="AM43406">
        <v>8</v>
      </c>
      <c r="AN43406">
        <v>8</v>
      </c>
      <c r="AO43406">
        <v>8</v>
      </c>
      <c r="AP43406">
        <v>8</v>
      </c>
      <c r="AQ43406">
        <v>8</v>
      </c>
    </row>
    <row r="43407" spans="1:43">
      <c r="A43407" t="s">
        <v>26523</v>
      </c>
      <c r="B43407" t="s">
        <v>26524</v>
      </c>
      <c r="C43407" t="s">
        <v>13023</v>
      </c>
      <c r="D43407" t="s">
        <v>13024</v>
      </c>
      <c r="E43407" t="s">
        <v>12925</v>
      </c>
      <c r="F43407" t="s">
        <v>12926</v>
      </c>
      <c r="G43407" t="s">
        <v>10214</v>
      </c>
      <c r="H43407" t="s">
        <v>10215</v>
      </c>
      <c r="I43407" s="2">
        <v>1</v>
      </c>
      <c r="J43407" s="2">
        <v>0</v>
      </c>
      <c r="K43407" s="2">
        <v>0</v>
      </c>
      <c r="L43407" t="s">
        <v>120</v>
      </c>
      <c r="M43407" t="s">
        <v>87</v>
      </c>
      <c r="N43407" t="s">
        <v>88</v>
      </c>
      <c r="O43407" t="s">
        <v>85</v>
      </c>
      <c r="P43407" t="s">
        <v>86</v>
      </c>
      <c r="Q43407">
        <v>7</v>
      </c>
      <c r="R43407">
        <v>7</v>
      </c>
      <c r="S43407">
        <v>7</v>
      </c>
      <c r="T43407">
        <v>7</v>
      </c>
      <c r="U43407">
        <v>7</v>
      </c>
      <c r="V43407">
        <v>7</v>
      </c>
      <c r="W43407">
        <v>7</v>
      </c>
      <c r="X43407">
        <v>7</v>
      </c>
      <c r="Y43407">
        <v>7</v>
      </c>
      <c r="Z43407">
        <v>7</v>
      </c>
      <c r="AA43407">
        <v>7</v>
      </c>
      <c r="AB43407">
        <v>7</v>
      </c>
      <c r="AC43407">
        <v>7</v>
      </c>
      <c r="AD43407">
        <v>7</v>
      </c>
      <c r="AE43407">
        <v>7</v>
      </c>
      <c r="AF43407">
        <v>7</v>
      </c>
      <c r="AG43407">
        <v>7</v>
      </c>
      <c r="AH43407">
        <v>7</v>
      </c>
      <c r="AI43407">
        <v>7</v>
      </c>
      <c r="AJ43407">
        <v>7</v>
      </c>
      <c r="AK43407">
        <v>7</v>
      </c>
      <c r="AL43407">
        <v>7</v>
      </c>
      <c r="AM43407">
        <v>7</v>
      </c>
      <c r="AN43407">
        <v>7</v>
      </c>
      <c r="AO43407">
        <v>7</v>
      </c>
      <c r="AP43407">
        <v>7</v>
      </c>
      <c r="AQ43407">
        <v>7</v>
      </c>
    </row>
    <row r="43408" spans="1:43">
      <c r="A43408" t="s">
        <v>26523</v>
      </c>
      <c r="B43408" t="s">
        <v>26524</v>
      </c>
      <c r="C43408" t="s">
        <v>13023</v>
      </c>
      <c r="D43408" t="s">
        <v>13024</v>
      </c>
      <c r="E43408" t="s">
        <v>12925</v>
      </c>
      <c r="F43408" t="s">
        <v>12926</v>
      </c>
      <c r="G43408" t="s">
        <v>10214</v>
      </c>
      <c r="H43408" t="s">
        <v>10215</v>
      </c>
      <c r="I43408" s="2">
        <v>1</v>
      </c>
      <c r="J43408" s="2">
        <v>0</v>
      </c>
      <c r="K43408" s="2">
        <v>0</v>
      </c>
      <c r="L43408" t="s">
        <v>120</v>
      </c>
      <c r="M43408" t="s">
        <v>89</v>
      </c>
      <c r="N43408" t="s">
        <v>90</v>
      </c>
      <c r="O43408" t="s">
        <v>85</v>
      </c>
      <c r="P43408" t="s">
        <v>86</v>
      </c>
      <c r="Q43408">
        <v>7</v>
      </c>
      <c r="R43408">
        <v>7</v>
      </c>
      <c r="S43408">
        <v>7</v>
      </c>
      <c r="T43408">
        <v>7</v>
      </c>
      <c r="U43408">
        <v>7</v>
      </c>
      <c r="V43408">
        <v>8</v>
      </c>
      <c r="W43408">
        <v>8</v>
      </c>
      <c r="X43408">
        <v>8</v>
      </c>
      <c r="Y43408">
        <v>8</v>
      </c>
      <c r="Z43408">
        <v>8</v>
      </c>
      <c r="AA43408">
        <v>8</v>
      </c>
      <c r="AB43408">
        <v>8</v>
      </c>
      <c r="AC43408">
        <v>8</v>
      </c>
      <c r="AD43408">
        <v>8</v>
      </c>
      <c r="AE43408">
        <v>8</v>
      </c>
      <c r="AF43408">
        <v>8</v>
      </c>
      <c r="AG43408">
        <v>8</v>
      </c>
      <c r="AH43408">
        <v>8</v>
      </c>
      <c r="AI43408">
        <v>8</v>
      </c>
      <c r="AJ43408">
        <v>8</v>
      </c>
      <c r="AK43408">
        <v>8</v>
      </c>
      <c r="AL43408">
        <v>8</v>
      </c>
      <c r="AM43408">
        <v>8</v>
      </c>
      <c r="AN43408">
        <v>8</v>
      </c>
      <c r="AO43408">
        <v>8</v>
      </c>
      <c r="AP43408">
        <v>8</v>
      </c>
      <c r="AQ43408">
        <v>8</v>
      </c>
    </row>
    <row r="43409" spans="1:43">
      <c r="A43409" t="s">
        <v>26523</v>
      </c>
      <c r="B43409" t="s">
        <v>26524</v>
      </c>
      <c r="C43409" t="s">
        <v>13023</v>
      </c>
      <c r="D43409" t="s">
        <v>13024</v>
      </c>
      <c r="E43409" t="s">
        <v>12925</v>
      </c>
      <c r="F43409" t="s">
        <v>12926</v>
      </c>
      <c r="G43409" t="s">
        <v>10214</v>
      </c>
      <c r="H43409" t="s">
        <v>10215</v>
      </c>
      <c r="I43409" s="2">
        <v>1</v>
      </c>
      <c r="J43409" s="2">
        <v>0</v>
      </c>
      <c r="K43409" s="2">
        <v>0</v>
      </c>
      <c r="L43409" t="s">
        <v>120</v>
      </c>
      <c r="M43409" t="s">
        <v>83</v>
      </c>
      <c r="N43409" t="s">
        <v>91</v>
      </c>
      <c r="O43409" t="s">
        <v>85</v>
      </c>
      <c r="P43409" t="s">
        <v>86</v>
      </c>
      <c r="Q43409">
        <v>7</v>
      </c>
      <c r="R43409">
        <v>7</v>
      </c>
      <c r="S43409">
        <v>7</v>
      </c>
      <c r="T43409">
        <v>7</v>
      </c>
      <c r="U43409">
        <v>7</v>
      </c>
      <c r="V43409">
        <v>7</v>
      </c>
      <c r="W43409">
        <v>7</v>
      </c>
      <c r="X43409">
        <v>7</v>
      </c>
      <c r="Y43409">
        <v>8</v>
      </c>
      <c r="Z43409">
        <v>8</v>
      </c>
      <c r="AA43409">
        <v>8</v>
      </c>
      <c r="AB43409">
        <v>8</v>
      </c>
      <c r="AC43409">
        <v>8</v>
      </c>
      <c r="AD43409">
        <v>8</v>
      </c>
      <c r="AE43409">
        <v>8</v>
      </c>
      <c r="AF43409">
        <v>8</v>
      </c>
      <c r="AG43409">
        <v>8</v>
      </c>
      <c r="AH43409">
        <v>8</v>
      </c>
      <c r="AI43409">
        <v>8</v>
      </c>
      <c r="AJ43409">
        <v>8</v>
      </c>
      <c r="AK43409">
        <v>8</v>
      </c>
      <c r="AL43409">
        <v>8</v>
      </c>
      <c r="AM43409">
        <v>8</v>
      </c>
      <c r="AN43409">
        <v>8</v>
      </c>
      <c r="AO43409">
        <v>8</v>
      </c>
      <c r="AP43409">
        <v>8</v>
      </c>
      <c r="AQ43409">
        <v>8</v>
      </c>
    </row>
    <row r="43410" spans="1:43">
      <c r="A43410" t="s">
        <v>26525</v>
      </c>
      <c r="B43410" t="s">
        <v>26526</v>
      </c>
      <c r="C43410" t="s">
        <v>13045</v>
      </c>
      <c r="D43410" t="s">
        <v>13046</v>
      </c>
      <c r="E43410" t="s">
        <v>12925</v>
      </c>
      <c r="F43410" t="s">
        <v>12926</v>
      </c>
      <c r="G43410" t="s">
        <v>10214</v>
      </c>
      <c r="H43410" t="s">
        <v>10215</v>
      </c>
      <c r="I43410" s="2">
        <v>1</v>
      </c>
      <c r="J43410" s="2">
        <v>0</v>
      </c>
      <c r="K43410" s="2">
        <v>0</v>
      </c>
      <c r="L43410" t="s">
        <v>120</v>
      </c>
      <c r="M43410" t="s">
        <v>83</v>
      </c>
      <c r="N43410" t="s">
        <v>84</v>
      </c>
      <c r="O43410" t="s">
        <v>85</v>
      </c>
      <c r="P43410" t="s">
        <v>86</v>
      </c>
      <c r="Q43410">
        <v>37</v>
      </c>
      <c r="R43410">
        <v>37</v>
      </c>
      <c r="S43410">
        <v>37</v>
      </c>
      <c r="T43410">
        <v>38</v>
      </c>
      <c r="U43410">
        <v>38</v>
      </c>
      <c r="V43410">
        <v>39</v>
      </c>
      <c r="W43410">
        <v>39</v>
      </c>
      <c r="X43410">
        <v>40</v>
      </c>
      <c r="Y43410">
        <v>40</v>
      </c>
      <c r="Z43410">
        <v>40</v>
      </c>
      <c r="AA43410">
        <v>41</v>
      </c>
      <c r="AB43410">
        <v>41</v>
      </c>
      <c r="AC43410">
        <v>42</v>
      </c>
      <c r="AD43410">
        <v>42</v>
      </c>
      <c r="AE43410">
        <v>42</v>
      </c>
      <c r="AF43410">
        <v>43</v>
      </c>
      <c r="AG43410">
        <v>43</v>
      </c>
      <c r="AH43410">
        <v>43</v>
      </c>
      <c r="AI43410">
        <v>44</v>
      </c>
      <c r="AJ43410">
        <v>44</v>
      </c>
      <c r="AK43410">
        <v>44</v>
      </c>
      <c r="AL43410">
        <v>44</v>
      </c>
      <c r="AM43410">
        <v>44</v>
      </c>
      <c r="AN43410">
        <v>44</v>
      </c>
      <c r="AO43410">
        <v>44</v>
      </c>
      <c r="AP43410">
        <v>44</v>
      </c>
      <c r="AQ43410">
        <v>44</v>
      </c>
    </row>
    <row r="43411" spans="1:43">
      <c r="A43411" t="s">
        <v>26525</v>
      </c>
      <c r="B43411" t="s">
        <v>26526</v>
      </c>
      <c r="C43411" t="s">
        <v>13045</v>
      </c>
      <c r="D43411" t="s">
        <v>13046</v>
      </c>
      <c r="E43411" t="s">
        <v>12925</v>
      </c>
      <c r="F43411" t="s">
        <v>12926</v>
      </c>
      <c r="G43411" t="s">
        <v>10214</v>
      </c>
      <c r="H43411" t="s">
        <v>10215</v>
      </c>
      <c r="I43411" s="2">
        <v>1</v>
      </c>
      <c r="J43411" s="2">
        <v>0</v>
      </c>
      <c r="K43411" s="2">
        <v>0</v>
      </c>
      <c r="L43411" t="s">
        <v>120</v>
      </c>
      <c r="M43411" t="s">
        <v>87</v>
      </c>
      <c r="N43411" t="s">
        <v>88</v>
      </c>
      <c r="O43411" t="s">
        <v>85</v>
      </c>
      <c r="P43411" t="s">
        <v>86</v>
      </c>
      <c r="Q43411">
        <v>37</v>
      </c>
      <c r="R43411">
        <v>37</v>
      </c>
      <c r="S43411">
        <v>37</v>
      </c>
      <c r="T43411">
        <v>38</v>
      </c>
      <c r="U43411">
        <v>38</v>
      </c>
      <c r="V43411">
        <v>38</v>
      </c>
      <c r="W43411">
        <v>38</v>
      </c>
      <c r="X43411">
        <v>38</v>
      </c>
      <c r="Y43411">
        <v>38</v>
      </c>
      <c r="Z43411">
        <v>38</v>
      </c>
      <c r="AA43411">
        <v>38</v>
      </c>
      <c r="AB43411">
        <v>38</v>
      </c>
      <c r="AC43411">
        <v>38</v>
      </c>
      <c r="AD43411">
        <v>39</v>
      </c>
      <c r="AE43411">
        <v>39</v>
      </c>
      <c r="AF43411">
        <v>39</v>
      </c>
      <c r="AG43411">
        <v>39</v>
      </c>
      <c r="AH43411">
        <v>39</v>
      </c>
      <c r="AI43411">
        <v>39</v>
      </c>
      <c r="AJ43411">
        <v>39</v>
      </c>
      <c r="AK43411">
        <v>39</v>
      </c>
      <c r="AL43411">
        <v>39</v>
      </c>
      <c r="AM43411">
        <v>39</v>
      </c>
      <c r="AN43411">
        <v>39</v>
      </c>
      <c r="AO43411">
        <v>39</v>
      </c>
      <c r="AP43411">
        <v>39</v>
      </c>
      <c r="AQ43411">
        <v>40</v>
      </c>
    </row>
    <row r="43412" spans="1:43">
      <c r="A43412" t="s">
        <v>26525</v>
      </c>
      <c r="B43412" t="s">
        <v>26526</v>
      </c>
      <c r="C43412" t="s">
        <v>13045</v>
      </c>
      <c r="D43412" t="s">
        <v>13046</v>
      </c>
      <c r="E43412" t="s">
        <v>12925</v>
      </c>
      <c r="F43412" t="s">
        <v>12926</v>
      </c>
      <c r="G43412" t="s">
        <v>10214</v>
      </c>
      <c r="H43412" t="s">
        <v>10215</v>
      </c>
      <c r="I43412" s="2">
        <v>1</v>
      </c>
      <c r="J43412" s="2">
        <v>0</v>
      </c>
      <c r="K43412" s="2">
        <v>0</v>
      </c>
      <c r="L43412" t="s">
        <v>120</v>
      </c>
      <c r="M43412" t="s">
        <v>89</v>
      </c>
      <c r="N43412" t="s">
        <v>90</v>
      </c>
      <c r="O43412" t="s">
        <v>85</v>
      </c>
      <c r="P43412" t="s">
        <v>86</v>
      </c>
      <c r="Q43412">
        <v>37</v>
      </c>
      <c r="R43412">
        <v>38</v>
      </c>
      <c r="S43412">
        <v>38</v>
      </c>
      <c r="T43412">
        <v>39</v>
      </c>
      <c r="U43412">
        <v>40</v>
      </c>
      <c r="V43412">
        <v>41</v>
      </c>
      <c r="W43412">
        <v>41</v>
      </c>
      <c r="X43412">
        <v>42</v>
      </c>
      <c r="Y43412">
        <v>42</v>
      </c>
      <c r="Z43412">
        <v>43</v>
      </c>
      <c r="AA43412">
        <v>43</v>
      </c>
      <c r="AB43412">
        <v>44</v>
      </c>
      <c r="AC43412">
        <v>44</v>
      </c>
      <c r="AD43412">
        <v>45</v>
      </c>
      <c r="AE43412">
        <v>45</v>
      </c>
      <c r="AF43412">
        <v>45</v>
      </c>
      <c r="AG43412">
        <v>45</v>
      </c>
      <c r="AH43412">
        <v>45</v>
      </c>
      <c r="AI43412">
        <v>45</v>
      </c>
      <c r="AJ43412">
        <v>45</v>
      </c>
      <c r="AK43412">
        <v>45</v>
      </c>
      <c r="AL43412">
        <v>45</v>
      </c>
      <c r="AM43412">
        <v>45</v>
      </c>
      <c r="AN43412">
        <v>44</v>
      </c>
      <c r="AO43412">
        <v>44</v>
      </c>
      <c r="AP43412">
        <v>44</v>
      </c>
      <c r="AQ43412">
        <v>44</v>
      </c>
    </row>
    <row r="43413" spans="1:43">
      <c r="A43413" t="s">
        <v>26525</v>
      </c>
      <c r="B43413" t="s">
        <v>26526</v>
      </c>
      <c r="C43413" t="s">
        <v>13045</v>
      </c>
      <c r="D43413" t="s">
        <v>13046</v>
      </c>
      <c r="E43413" t="s">
        <v>12925</v>
      </c>
      <c r="F43413" t="s">
        <v>12926</v>
      </c>
      <c r="G43413" t="s">
        <v>10214</v>
      </c>
      <c r="H43413" t="s">
        <v>10215</v>
      </c>
      <c r="I43413" s="2">
        <v>1</v>
      </c>
      <c r="J43413" s="2">
        <v>0</v>
      </c>
      <c r="K43413" s="2">
        <v>0</v>
      </c>
      <c r="L43413" t="s">
        <v>120</v>
      </c>
      <c r="M43413" t="s">
        <v>83</v>
      </c>
      <c r="N43413" t="s">
        <v>91</v>
      </c>
      <c r="O43413" t="s">
        <v>85</v>
      </c>
      <c r="P43413" t="s">
        <v>86</v>
      </c>
      <c r="Q43413">
        <v>37</v>
      </c>
      <c r="R43413">
        <v>37</v>
      </c>
      <c r="S43413">
        <v>37</v>
      </c>
      <c r="T43413">
        <v>38</v>
      </c>
      <c r="U43413">
        <v>38</v>
      </c>
      <c r="V43413">
        <v>39</v>
      </c>
      <c r="W43413">
        <v>39</v>
      </c>
      <c r="X43413">
        <v>40</v>
      </c>
      <c r="Y43413">
        <v>40</v>
      </c>
      <c r="Z43413">
        <v>40</v>
      </c>
      <c r="AA43413">
        <v>41</v>
      </c>
      <c r="AB43413">
        <v>41</v>
      </c>
      <c r="AC43413">
        <v>42</v>
      </c>
      <c r="AD43413">
        <v>42</v>
      </c>
      <c r="AE43413">
        <v>42</v>
      </c>
      <c r="AF43413">
        <v>43</v>
      </c>
      <c r="AG43413">
        <v>43</v>
      </c>
      <c r="AH43413">
        <v>43</v>
      </c>
      <c r="AI43413">
        <v>44</v>
      </c>
      <c r="AJ43413">
        <v>44</v>
      </c>
      <c r="AK43413">
        <v>44</v>
      </c>
      <c r="AL43413">
        <v>44</v>
      </c>
      <c r="AM43413">
        <v>44</v>
      </c>
      <c r="AN43413">
        <v>44</v>
      </c>
      <c r="AO43413">
        <v>44</v>
      </c>
      <c r="AP43413">
        <v>44</v>
      </c>
      <c r="AQ43413">
        <v>44</v>
      </c>
    </row>
    <row r="43414" spans="1:43">
      <c r="A43414" t="s">
        <v>26527</v>
      </c>
      <c r="B43414" t="s">
        <v>26528</v>
      </c>
      <c r="C43414" t="s">
        <v>13045</v>
      </c>
      <c r="D43414" t="s">
        <v>13046</v>
      </c>
      <c r="E43414" t="s">
        <v>12925</v>
      </c>
      <c r="F43414" t="s">
        <v>12926</v>
      </c>
      <c r="G43414" t="s">
        <v>10214</v>
      </c>
      <c r="H43414" t="s">
        <v>10215</v>
      </c>
      <c r="I43414" s="2">
        <v>1</v>
      </c>
      <c r="J43414" s="2">
        <v>0</v>
      </c>
      <c r="K43414" s="2">
        <v>0</v>
      </c>
      <c r="L43414" t="s">
        <v>120</v>
      </c>
      <c r="M43414" t="s">
        <v>83</v>
      </c>
      <c r="N43414" t="s">
        <v>84</v>
      </c>
      <c r="O43414" t="s">
        <v>85</v>
      </c>
      <c r="P43414" t="s">
        <v>86</v>
      </c>
      <c r="Q43414">
        <v>18</v>
      </c>
      <c r="R43414">
        <v>18</v>
      </c>
      <c r="S43414">
        <v>18</v>
      </c>
      <c r="T43414">
        <v>19</v>
      </c>
      <c r="U43414">
        <v>19</v>
      </c>
      <c r="V43414">
        <v>19</v>
      </c>
      <c r="W43414">
        <v>19</v>
      </c>
      <c r="X43414">
        <v>19</v>
      </c>
      <c r="Y43414">
        <v>20</v>
      </c>
      <c r="Z43414">
        <v>20</v>
      </c>
      <c r="AA43414">
        <v>20</v>
      </c>
      <c r="AB43414">
        <v>20</v>
      </c>
      <c r="AC43414">
        <v>20</v>
      </c>
      <c r="AD43414">
        <v>20</v>
      </c>
      <c r="AE43414">
        <v>21</v>
      </c>
      <c r="AF43414">
        <v>21</v>
      </c>
      <c r="AG43414">
        <v>21</v>
      </c>
      <c r="AH43414">
        <v>21</v>
      </c>
      <c r="AI43414">
        <v>21</v>
      </c>
      <c r="AJ43414">
        <v>21</v>
      </c>
      <c r="AK43414">
        <v>22</v>
      </c>
      <c r="AL43414">
        <v>22</v>
      </c>
      <c r="AM43414">
        <v>22</v>
      </c>
      <c r="AN43414">
        <v>22</v>
      </c>
      <c r="AO43414">
        <v>21</v>
      </c>
      <c r="AP43414">
        <v>21</v>
      </c>
      <c r="AQ43414">
        <v>21</v>
      </c>
    </row>
    <row r="43415" spans="1:43">
      <c r="A43415" t="s">
        <v>26527</v>
      </c>
      <c r="B43415" t="s">
        <v>26528</v>
      </c>
      <c r="C43415" t="s">
        <v>13045</v>
      </c>
      <c r="D43415" t="s">
        <v>13046</v>
      </c>
      <c r="E43415" t="s">
        <v>12925</v>
      </c>
      <c r="F43415" t="s">
        <v>12926</v>
      </c>
      <c r="G43415" t="s">
        <v>10214</v>
      </c>
      <c r="H43415" t="s">
        <v>10215</v>
      </c>
      <c r="I43415" s="2">
        <v>1</v>
      </c>
      <c r="J43415" s="2">
        <v>0</v>
      </c>
      <c r="K43415" s="2">
        <v>0</v>
      </c>
      <c r="L43415" t="s">
        <v>120</v>
      </c>
      <c r="M43415" t="s">
        <v>87</v>
      </c>
      <c r="N43415" t="s">
        <v>88</v>
      </c>
      <c r="O43415" t="s">
        <v>85</v>
      </c>
      <c r="P43415" t="s">
        <v>86</v>
      </c>
      <c r="Q43415">
        <v>18</v>
      </c>
      <c r="R43415">
        <v>18</v>
      </c>
      <c r="S43415">
        <v>18</v>
      </c>
      <c r="T43415">
        <v>18</v>
      </c>
      <c r="U43415">
        <v>18</v>
      </c>
      <c r="V43415">
        <v>18</v>
      </c>
      <c r="W43415">
        <v>18</v>
      </c>
      <c r="X43415">
        <v>18</v>
      </c>
      <c r="Y43415">
        <v>18</v>
      </c>
      <c r="Z43415">
        <v>18</v>
      </c>
      <c r="AA43415">
        <v>18</v>
      </c>
      <c r="AB43415">
        <v>18</v>
      </c>
      <c r="AC43415">
        <v>18</v>
      </c>
      <c r="AD43415">
        <v>18</v>
      </c>
      <c r="AE43415">
        <v>18</v>
      </c>
      <c r="AF43415">
        <v>18</v>
      </c>
      <c r="AG43415">
        <v>18</v>
      </c>
      <c r="AH43415">
        <v>19</v>
      </c>
      <c r="AI43415">
        <v>19</v>
      </c>
      <c r="AJ43415">
        <v>19</v>
      </c>
      <c r="AK43415">
        <v>19</v>
      </c>
      <c r="AL43415">
        <v>19</v>
      </c>
      <c r="AM43415">
        <v>19</v>
      </c>
      <c r="AN43415">
        <v>19</v>
      </c>
      <c r="AO43415">
        <v>19</v>
      </c>
      <c r="AP43415">
        <v>19</v>
      </c>
      <c r="AQ43415">
        <v>19</v>
      </c>
    </row>
    <row r="43416" spans="1:43">
      <c r="A43416" t="s">
        <v>26527</v>
      </c>
      <c r="B43416" t="s">
        <v>26528</v>
      </c>
      <c r="C43416" t="s">
        <v>13045</v>
      </c>
      <c r="D43416" t="s">
        <v>13046</v>
      </c>
      <c r="E43416" t="s">
        <v>12925</v>
      </c>
      <c r="F43416" t="s">
        <v>12926</v>
      </c>
      <c r="G43416" t="s">
        <v>10214</v>
      </c>
      <c r="H43416" t="s">
        <v>10215</v>
      </c>
      <c r="I43416" s="2">
        <v>1</v>
      </c>
      <c r="J43416" s="2">
        <v>0</v>
      </c>
      <c r="K43416" s="2">
        <v>0</v>
      </c>
      <c r="L43416" t="s">
        <v>120</v>
      </c>
      <c r="M43416" t="s">
        <v>89</v>
      </c>
      <c r="N43416" t="s">
        <v>90</v>
      </c>
      <c r="O43416" t="s">
        <v>85</v>
      </c>
      <c r="P43416" t="s">
        <v>86</v>
      </c>
      <c r="Q43416">
        <v>18</v>
      </c>
      <c r="R43416">
        <v>18</v>
      </c>
      <c r="S43416">
        <v>19</v>
      </c>
      <c r="T43416">
        <v>19</v>
      </c>
      <c r="U43416">
        <v>19</v>
      </c>
      <c r="V43416">
        <v>20</v>
      </c>
      <c r="W43416">
        <v>20</v>
      </c>
      <c r="X43416">
        <v>20</v>
      </c>
      <c r="Y43416">
        <v>21</v>
      </c>
      <c r="Z43416">
        <v>21</v>
      </c>
      <c r="AA43416">
        <v>21</v>
      </c>
      <c r="AB43416">
        <v>21</v>
      </c>
      <c r="AC43416">
        <v>22</v>
      </c>
      <c r="AD43416">
        <v>22</v>
      </c>
      <c r="AE43416">
        <v>22</v>
      </c>
      <c r="AF43416">
        <v>22</v>
      </c>
      <c r="AG43416">
        <v>22</v>
      </c>
      <c r="AH43416">
        <v>22</v>
      </c>
      <c r="AI43416">
        <v>22</v>
      </c>
      <c r="AJ43416">
        <v>22</v>
      </c>
      <c r="AK43416">
        <v>22</v>
      </c>
      <c r="AL43416">
        <v>22</v>
      </c>
      <c r="AM43416">
        <v>22</v>
      </c>
      <c r="AN43416">
        <v>22</v>
      </c>
      <c r="AO43416">
        <v>22</v>
      </c>
      <c r="AP43416">
        <v>22</v>
      </c>
      <c r="AQ43416">
        <v>22</v>
      </c>
    </row>
    <row r="43417" spans="1:43">
      <c r="A43417" t="s">
        <v>26527</v>
      </c>
      <c r="B43417" t="s">
        <v>26528</v>
      </c>
      <c r="C43417" t="s">
        <v>13045</v>
      </c>
      <c r="D43417" t="s">
        <v>13046</v>
      </c>
      <c r="E43417" t="s">
        <v>12925</v>
      </c>
      <c r="F43417" t="s">
        <v>12926</v>
      </c>
      <c r="G43417" t="s">
        <v>10214</v>
      </c>
      <c r="H43417" t="s">
        <v>10215</v>
      </c>
      <c r="I43417" s="2">
        <v>1</v>
      </c>
      <c r="J43417" s="2">
        <v>0</v>
      </c>
      <c r="K43417" s="2">
        <v>0</v>
      </c>
      <c r="L43417" t="s">
        <v>120</v>
      </c>
      <c r="M43417" t="s">
        <v>83</v>
      </c>
      <c r="N43417" t="s">
        <v>91</v>
      </c>
      <c r="O43417" t="s">
        <v>85</v>
      </c>
      <c r="P43417" t="s">
        <v>86</v>
      </c>
      <c r="Q43417">
        <v>18</v>
      </c>
      <c r="R43417">
        <v>18</v>
      </c>
      <c r="S43417">
        <v>18</v>
      </c>
      <c r="T43417">
        <v>19</v>
      </c>
      <c r="U43417">
        <v>19</v>
      </c>
      <c r="V43417">
        <v>19</v>
      </c>
      <c r="W43417">
        <v>19</v>
      </c>
      <c r="X43417">
        <v>19</v>
      </c>
      <c r="Y43417">
        <v>20</v>
      </c>
      <c r="Z43417">
        <v>20</v>
      </c>
      <c r="AA43417">
        <v>20</v>
      </c>
      <c r="AB43417">
        <v>20</v>
      </c>
      <c r="AC43417">
        <v>20</v>
      </c>
      <c r="AD43417">
        <v>20</v>
      </c>
      <c r="AE43417">
        <v>21</v>
      </c>
      <c r="AF43417">
        <v>21</v>
      </c>
      <c r="AG43417">
        <v>21</v>
      </c>
      <c r="AH43417">
        <v>21</v>
      </c>
      <c r="AI43417">
        <v>21</v>
      </c>
      <c r="AJ43417">
        <v>21</v>
      </c>
      <c r="AK43417">
        <v>22</v>
      </c>
      <c r="AL43417">
        <v>22</v>
      </c>
      <c r="AM43417">
        <v>22</v>
      </c>
      <c r="AN43417">
        <v>22</v>
      </c>
      <c r="AO43417">
        <v>21</v>
      </c>
      <c r="AP43417">
        <v>21</v>
      </c>
      <c r="AQ43417">
        <v>21</v>
      </c>
    </row>
    <row r="43418" spans="1:43">
      <c r="A43418" t="s">
        <v>26529</v>
      </c>
      <c r="B43418" t="s">
        <v>26530</v>
      </c>
      <c r="C43418" t="s">
        <v>26531</v>
      </c>
      <c r="D43418" t="s">
        <v>26532</v>
      </c>
      <c r="E43418" t="s">
        <v>12925</v>
      </c>
      <c r="F43418" t="s">
        <v>12926</v>
      </c>
      <c r="G43418" t="s">
        <v>10214</v>
      </c>
      <c r="H43418" t="s">
        <v>10215</v>
      </c>
      <c r="I43418" s="2">
        <v>1</v>
      </c>
      <c r="J43418" s="2">
        <v>0</v>
      </c>
      <c r="K43418" s="2">
        <v>0</v>
      </c>
      <c r="L43418" t="s">
        <v>120</v>
      </c>
      <c r="M43418" t="s">
        <v>83</v>
      </c>
      <c r="N43418" t="s">
        <v>84</v>
      </c>
      <c r="O43418" t="s">
        <v>85</v>
      </c>
      <c r="P43418" t="s">
        <v>86</v>
      </c>
      <c r="Q43418">
        <v>0</v>
      </c>
      <c r="R43418">
        <v>0</v>
      </c>
      <c r="S43418">
        <v>0</v>
      </c>
      <c r="T43418">
        <v>0</v>
      </c>
      <c r="U43418">
        <v>0</v>
      </c>
      <c r="V43418">
        <v>0</v>
      </c>
      <c r="W43418">
        <v>0</v>
      </c>
      <c r="X43418">
        <v>0</v>
      </c>
      <c r="Y43418">
        <v>0</v>
      </c>
      <c r="Z43418">
        <v>0</v>
      </c>
      <c r="AA43418">
        <v>0</v>
      </c>
      <c r="AB43418">
        <v>0</v>
      </c>
      <c r="AC43418">
        <v>0</v>
      </c>
      <c r="AD43418">
        <v>0</v>
      </c>
      <c r="AE43418">
        <v>0</v>
      </c>
      <c r="AF43418">
        <v>0</v>
      </c>
      <c r="AG43418">
        <v>0</v>
      </c>
      <c r="AH43418">
        <v>0</v>
      </c>
      <c r="AI43418">
        <v>0</v>
      </c>
      <c r="AJ43418">
        <v>0</v>
      </c>
      <c r="AK43418">
        <v>0</v>
      </c>
      <c r="AL43418">
        <v>0</v>
      </c>
      <c r="AM43418">
        <v>0</v>
      </c>
      <c r="AN43418">
        <v>0</v>
      </c>
      <c r="AO43418">
        <v>0</v>
      </c>
      <c r="AP43418">
        <v>0</v>
      </c>
      <c r="AQ43418">
        <v>0</v>
      </c>
    </row>
    <row r="43419" spans="1:43">
      <c r="A43419" t="s">
        <v>26529</v>
      </c>
      <c r="B43419" t="s">
        <v>26530</v>
      </c>
      <c r="C43419" t="s">
        <v>26531</v>
      </c>
      <c r="D43419" t="s">
        <v>26532</v>
      </c>
      <c r="E43419" t="s">
        <v>12925</v>
      </c>
      <c r="F43419" t="s">
        <v>12926</v>
      </c>
      <c r="G43419" t="s">
        <v>10214</v>
      </c>
      <c r="H43419" t="s">
        <v>10215</v>
      </c>
      <c r="I43419" s="2">
        <v>1</v>
      </c>
      <c r="J43419" s="2">
        <v>0</v>
      </c>
      <c r="K43419" s="2">
        <v>0</v>
      </c>
      <c r="L43419" t="s">
        <v>120</v>
      </c>
      <c r="M43419" t="s">
        <v>87</v>
      </c>
      <c r="N43419" t="s">
        <v>88</v>
      </c>
      <c r="O43419" t="s">
        <v>85</v>
      </c>
      <c r="P43419" t="s">
        <v>86</v>
      </c>
      <c r="Q43419">
        <v>0</v>
      </c>
      <c r="R43419">
        <v>0</v>
      </c>
      <c r="S43419">
        <v>0</v>
      </c>
      <c r="T43419">
        <v>0</v>
      </c>
      <c r="U43419">
        <v>0</v>
      </c>
      <c r="V43419">
        <v>0</v>
      </c>
      <c r="W43419">
        <v>0</v>
      </c>
      <c r="X43419">
        <v>0</v>
      </c>
      <c r="Y43419">
        <v>0</v>
      </c>
      <c r="Z43419">
        <v>0</v>
      </c>
      <c r="AA43419">
        <v>0</v>
      </c>
      <c r="AB43419">
        <v>0</v>
      </c>
      <c r="AC43419">
        <v>0</v>
      </c>
      <c r="AD43419">
        <v>0</v>
      </c>
      <c r="AE43419">
        <v>0</v>
      </c>
      <c r="AF43419">
        <v>0</v>
      </c>
      <c r="AG43419">
        <v>0</v>
      </c>
      <c r="AH43419">
        <v>0</v>
      </c>
      <c r="AI43419">
        <v>0</v>
      </c>
      <c r="AJ43419">
        <v>0</v>
      </c>
      <c r="AK43419">
        <v>0</v>
      </c>
      <c r="AL43419">
        <v>0</v>
      </c>
      <c r="AM43419">
        <v>0</v>
      </c>
      <c r="AN43419">
        <v>0</v>
      </c>
      <c r="AO43419">
        <v>0</v>
      </c>
      <c r="AP43419">
        <v>0</v>
      </c>
      <c r="AQ43419">
        <v>0</v>
      </c>
    </row>
    <row r="43420" spans="1:43">
      <c r="A43420" t="s">
        <v>26529</v>
      </c>
      <c r="B43420" t="s">
        <v>26530</v>
      </c>
      <c r="C43420" t="s">
        <v>26531</v>
      </c>
      <c r="D43420" t="s">
        <v>26532</v>
      </c>
      <c r="E43420" t="s">
        <v>12925</v>
      </c>
      <c r="F43420" t="s">
        <v>12926</v>
      </c>
      <c r="G43420" t="s">
        <v>10214</v>
      </c>
      <c r="H43420" t="s">
        <v>10215</v>
      </c>
      <c r="I43420" s="2">
        <v>1</v>
      </c>
      <c r="J43420" s="2">
        <v>0</v>
      </c>
      <c r="K43420" s="2">
        <v>0</v>
      </c>
      <c r="L43420" t="s">
        <v>120</v>
      </c>
      <c r="M43420" t="s">
        <v>89</v>
      </c>
      <c r="N43420" t="s">
        <v>90</v>
      </c>
      <c r="O43420" t="s">
        <v>85</v>
      </c>
      <c r="P43420" t="s">
        <v>86</v>
      </c>
      <c r="Q43420">
        <v>0</v>
      </c>
      <c r="R43420">
        <v>0</v>
      </c>
      <c r="S43420">
        <v>0</v>
      </c>
      <c r="T43420">
        <v>0</v>
      </c>
      <c r="U43420">
        <v>0</v>
      </c>
      <c r="V43420">
        <v>0</v>
      </c>
      <c r="W43420">
        <v>0</v>
      </c>
      <c r="X43420">
        <v>0</v>
      </c>
      <c r="Y43420">
        <v>0</v>
      </c>
      <c r="Z43420">
        <v>0</v>
      </c>
      <c r="AA43420">
        <v>0</v>
      </c>
      <c r="AB43420">
        <v>0</v>
      </c>
      <c r="AC43420">
        <v>0</v>
      </c>
      <c r="AD43420">
        <v>0</v>
      </c>
      <c r="AE43420">
        <v>0</v>
      </c>
      <c r="AF43420">
        <v>0</v>
      </c>
      <c r="AG43420">
        <v>0</v>
      </c>
      <c r="AH43420">
        <v>0</v>
      </c>
      <c r="AI43420">
        <v>0</v>
      </c>
      <c r="AJ43420">
        <v>0</v>
      </c>
      <c r="AK43420">
        <v>0</v>
      </c>
      <c r="AL43420">
        <v>0</v>
      </c>
      <c r="AM43420">
        <v>0</v>
      </c>
      <c r="AN43420">
        <v>0</v>
      </c>
      <c r="AO43420">
        <v>0</v>
      </c>
      <c r="AP43420">
        <v>0</v>
      </c>
      <c r="AQ43420">
        <v>0</v>
      </c>
    </row>
    <row r="43421" spans="1:43">
      <c r="A43421" t="s">
        <v>26529</v>
      </c>
      <c r="B43421" t="s">
        <v>26530</v>
      </c>
      <c r="C43421" t="s">
        <v>26531</v>
      </c>
      <c r="D43421" t="s">
        <v>26532</v>
      </c>
      <c r="E43421" t="s">
        <v>12925</v>
      </c>
      <c r="F43421" t="s">
        <v>12926</v>
      </c>
      <c r="G43421" t="s">
        <v>10214</v>
      </c>
      <c r="H43421" t="s">
        <v>10215</v>
      </c>
      <c r="I43421" s="2">
        <v>1</v>
      </c>
      <c r="J43421" s="2">
        <v>0</v>
      </c>
      <c r="K43421" s="2">
        <v>0</v>
      </c>
      <c r="L43421" t="s">
        <v>120</v>
      </c>
      <c r="M43421" t="s">
        <v>83</v>
      </c>
      <c r="N43421" t="s">
        <v>91</v>
      </c>
      <c r="O43421" t="s">
        <v>85</v>
      </c>
      <c r="P43421" t="s">
        <v>86</v>
      </c>
      <c r="Q43421">
        <v>0</v>
      </c>
      <c r="R43421">
        <v>0</v>
      </c>
      <c r="S43421">
        <v>0</v>
      </c>
      <c r="T43421">
        <v>0</v>
      </c>
      <c r="U43421">
        <v>0</v>
      </c>
      <c r="V43421">
        <v>0</v>
      </c>
      <c r="W43421">
        <v>0</v>
      </c>
      <c r="X43421">
        <v>0</v>
      </c>
      <c r="Y43421">
        <v>0</v>
      </c>
      <c r="Z43421">
        <v>0</v>
      </c>
      <c r="AA43421">
        <v>0</v>
      </c>
      <c r="AB43421">
        <v>0</v>
      </c>
      <c r="AC43421">
        <v>0</v>
      </c>
      <c r="AD43421">
        <v>0</v>
      </c>
      <c r="AE43421">
        <v>0</v>
      </c>
      <c r="AF43421">
        <v>0</v>
      </c>
      <c r="AG43421">
        <v>0</v>
      </c>
      <c r="AH43421">
        <v>0</v>
      </c>
      <c r="AI43421">
        <v>0</v>
      </c>
      <c r="AJ43421">
        <v>0</v>
      </c>
      <c r="AK43421">
        <v>0</v>
      </c>
      <c r="AL43421">
        <v>0</v>
      </c>
      <c r="AM43421">
        <v>0</v>
      </c>
      <c r="AN43421">
        <v>0</v>
      </c>
      <c r="AO43421">
        <v>0</v>
      </c>
      <c r="AP43421">
        <v>0</v>
      </c>
      <c r="AQ43421">
        <v>0</v>
      </c>
    </row>
    <row r="43422" spans="1:43">
      <c r="A43422" t="s">
        <v>26533</v>
      </c>
      <c r="B43422" t="s">
        <v>26534</v>
      </c>
      <c r="C43422" t="s">
        <v>26531</v>
      </c>
      <c r="D43422" t="s">
        <v>26532</v>
      </c>
      <c r="E43422" t="s">
        <v>12925</v>
      </c>
      <c r="F43422" t="s">
        <v>12926</v>
      </c>
      <c r="G43422" t="s">
        <v>10214</v>
      </c>
      <c r="H43422" t="s">
        <v>10215</v>
      </c>
      <c r="I43422" s="2">
        <v>1</v>
      </c>
      <c r="J43422" s="2">
        <v>0</v>
      </c>
      <c r="K43422" s="2">
        <v>0</v>
      </c>
      <c r="L43422" t="s">
        <v>120</v>
      </c>
      <c r="M43422" t="s">
        <v>83</v>
      </c>
      <c r="N43422" t="s">
        <v>84</v>
      </c>
      <c r="O43422" t="s">
        <v>85</v>
      </c>
      <c r="P43422" t="s">
        <v>86</v>
      </c>
      <c r="Q43422">
        <v>20</v>
      </c>
      <c r="R43422">
        <v>20</v>
      </c>
      <c r="S43422">
        <v>20</v>
      </c>
      <c r="T43422">
        <v>21</v>
      </c>
      <c r="U43422">
        <v>21</v>
      </c>
      <c r="V43422">
        <v>21</v>
      </c>
      <c r="W43422">
        <v>21</v>
      </c>
      <c r="X43422">
        <v>21</v>
      </c>
      <c r="Y43422">
        <v>22</v>
      </c>
      <c r="Z43422">
        <v>22</v>
      </c>
      <c r="AA43422">
        <v>22</v>
      </c>
      <c r="AB43422">
        <v>22</v>
      </c>
      <c r="AC43422">
        <v>22</v>
      </c>
      <c r="AD43422">
        <v>23</v>
      </c>
      <c r="AE43422">
        <v>23</v>
      </c>
      <c r="AF43422">
        <v>23</v>
      </c>
      <c r="AG43422">
        <v>23</v>
      </c>
      <c r="AH43422">
        <v>23</v>
      </c>
      <c r="AI43422">
        <v>23</v>
      </c>
      <c r="AJ43422">
        <v>24</v>
      </c>
      <c r="AK43422">
        <v>24</v>
      </c>
      <c r="AL43422">
        <v>24</v>
      </c>
      <c r="AM43422">
        <v>24</v>
      </c>
      <c r="AN43422">
        <v>24</v>
      </c>
      <c r="AO43422">
        <v>24</v>
      </c>
      <c r="AP43422">
        <v>23</v>
      </c>
      <c r="AQ43422">
        <v>23</v>
      </c>
    </row>
    <row r="43423" spans="1:43">
      <c r="A43423" t="s">
        <v>26533</v>
      </c>
      <c r="B43423" t="s">
        <v>26534</v>
      </c>
      <c r="C43423" t="s">
        <v>26531</v>
      </c>
      <c r="D43423" t="s">
        <v>26532</v>
      </c>
      <c r="E43423" t="s">
        <v>12925</v>
      </c>
      <c r="F43423" t="s">
        <v>12926</v>
      </c>
      <c r="G43423" t="s">
        <v>10214</v>
      </c>
      <c r="H43423" t="s">
        <v>10215</v>
      </c>
      <c r="I43423" s="2">
        <v>1</v>
      </c>
      <c r="J43423" s="2">
        <v>0</v>
      </c>
      <c r="K43423" s="2">
        <v>0</v>
      </c>
      <c r="L43423" t="s">
        <v>120</v>
      </c>
      <c r="M43423" t="s">
        <v>87</v>
      </c>
      <c r="N43423" t="s">
        <v>88</v>
      </c>
      <c r="O43423" t="s">
        <v>85</v>
      </c>
      <c r="P43423" t="s">
        <v>86</v>
      </c>
      <c r="Q43423">
        <v>20</v>
      </c>
      <c r="R43423">
        <v>20</v>
      </c>
      <c r="S43423">
        <v>20</v>
      </c>
      <c r="T43423">
        <v>20</v>
      </c>
      <c r="U43423">
        <v>20</v>
      </c>
      <c r="V43423">
        <v>20</v>
      </c>
      <c r="W43423">
        <v>20</v>
      </c>
      <c r="X43423">
        <v>20</v>
      </c>
      <c r="Y43423">
        <v>20</v>
      </c>
      <c r="Z43423">
        <v>20</v>
      </c>
      <c r="AA43423">
        <v>20</v>
      </c>
      <c r="AB43423">
        <v>20</v>
      </c>
      <c r="AC43423">
        <v>20</v>
      </c>
      <c r="AD43423">
        <v>20</v>
      </c>
      <c r="AE43423">
        <v>20</v>
      </c>
      <c r="AF43423">
        <v>20</v>
      </c>
      <c r="AG43423">
        <v>20</v>
      </c>
      <c r="AH43423">
        <v>20</v>
      </c>
      <c r="AI43423">
        <v>20</v>
      </c>
      <c r="AJ43423">
        <v>20</v>
      </c>
      <c r="AK43423">
        <v>20</v>
      </c>
      <c r="AL43423">
        <v>20</v>
      </c>
      <c r="AM43423">
        <v>20</v>
      </c>
      <c r="AN43423">
        <v>21</v>
      </c>
      <c r="AO43423">
        <v>21</v>
      </c>
      <c r="AP43423">
        <v>21</v>
      </c>
      <c r="AQ43423">
        <v>21</v>
      </c>
    </row>
    <row r="43424" spans="1:43">
      <c r="A43424" t="s">
        <v>26533</v>
      </c>
      <c r="B43424" t="s">
        <v>26534</v>
      </c>
      <c r="C43424" t="s">
        <v>26531</v>
      </c>
      <c r="D43424" t="s">
        <v>26532</v>
      </c>
      <c r="E43424" t="s">
        <v>12925</v>
      </c>
      <c r="F43424" t="s">
        <v>12926</v>
      </c>
      <c r="G43424" t="s">
        <v>10214</v>
      </c>
      <c r="H43424" t="s">
        <v>10215</v>
      </c>
      <c r="I43424" s="2">
        <v>1</v>
      </c>
      <c r="J43424" s="2">
        <v>0</v>
      </c>
      <c r="K43424" s="2">
        <v>0</v>
      </c>
      <c r="L43424" t="s">
        <v>120</v>
      </c>
      <c r="M43424" t="s">
        <v>89</v>
      </c>
      <c r="N43424" t="s">
        <v>90</v>
      </c>
      <c r="O43424" t="s">
        <v>85</v>
      </c>
      <c r="P43424" t="s">
        <v>86</v>
      </c>
      <c r="Q43424">
        <v>20</v>
      </c>
      <c r="R43424">
        <v>20</v>
      </c>
      <c r="S43424">
        <v>21</v>
      </c>
      <c r="T43424">
        <v>21</v>
      </c>
      <c r="U43424">
        <v>22</v>
      </c>
      <c r="V43424">
        <v>22</v>
      </c>
      <c r="W43424">
        <v>22</v>
      </c>
      <c r="X43424">
        <v>23</v>
      </c>
      <c r="Y43424">
        <v>23</v>
      </c>
      <c r="Z43424">
        <v>23</v>
      </c>
      <c r="AA43424">
        <v>23</v>
      </c>
      <c r="AB43424">
        <v>24</v>
      </c>
      <c r="AC43424">
        <v>24</v>
      </c>
      <c r="AD43424">
        <v>24</v>
      </c>
      <c r="AE43424">
        <v>24</v>
      </c>
      <c r="AF43424">
        <v>24</v>
      </c>
      <c r="AG43424">
        <v>24</v>
      </c>
      <c r="AH43424">
        <v>24</v>
      </c>
      <c r="AI43424">
        <v>24</v>
      </c>
      <c r="AJ43424">
        <v>24</v>
      </c>
      <c r="AK43424">
        <v>24</v>
      </c>
      <c r="AL43424">
        <v>24</v>
      </c>
      <c r="AM43424">
        <v>24</v>
      </c>
      <c r="AN43424">
        <v>24</v>
      </c>
      <c r="AO43424">
        <v>24</v>
      </c>
      <c r="AP43424">
        <v>24</v>
      </c>
      <c r="AQ43424">
        <v>23</v>
      </c>
    </row>
    <row r="43425" spans="1:43">
      <c r="A43425" t="s">
        <v>26533</v>
      </c>
      <c r="B43425" t="s">
        <v>26534</v>
      </c>
      <c r="C43425" t="s">
        <v>26531</v>
      </c>
      <c r="D43425" t="s">
        <v>26532</v>
      </c>
      <c r="E43425" t="s">
        <v>12925</v>
      </c>
      <c r="F43425" t="s">
        <v>12926</v>
      </c>
      <c r="G43425" t="s">
        <v>10214</v>
      </c>
      <c r="H43425" t="s">
        <v>10215</v>
      </c>
      <c r="I43425" s="2">
        <v>1</v>
      </c>
      <c r="J43425" s="2">
        <v>0</v>
      </c>
      <c r="K43425" s="2">
        <v>0</v>
      </c>
      <c r="L43425" t="s">
        <v>120</v>
      </c>
      <c r="M43425" t="s">
        <v>83</v>
      </c>
      <c r="N43425" t="s">
        <v>91</v>
      </c>
      <c r="O43425" t="s">
        <v>85</v>
      </c>
      <c r="P43425" t="s">
        <v>86</v>
      </c>
      <c r="Q43425">
        <v>20</v>
      </c>
      <c r="R43425">
        <v>20</v>
      </c>
      <c r="S43425">
        <v>20</v>
      </c>
      <c r="T43425">
        <v>21</v>
      </c>
      <c r="U43425">
        <v>21</v>
      </c>
      <c r="V43425">
        <v>21</v>
      </c>
      <c r="W43425">
        <v>21</v>
      </c>
      <c r="X43425">
        <v>21</v>
      </c>
      <c r="Y43425">
        <v>22</v>
      </c>
      <c r="Z43425">
        <v>22</v>
      </c>
      <c r="AA43425">
        <v>22</v>
      </c>
      <c r="AB43425">
        <v>22</v>
      </c>
      <c r="AC43425">
        <v>22</v>
      </c>
      <c r="AD43425">
        <v>23</v>
      </c>
      <c r="AE43425">
        <v>23</v>
      </c>
      <c r="AF43425">
        <v>23</v>
      </c>
      <c r="AG43425">
        <v>23</v>
      </c>
      <c r="AH43425">
        <v>23</v>
      </c>
      <c r="AI43425">
        <v>23</v>
      </c>
      <c r="AJ43425">
        <v>24</v>
      </c>
      <c r="AK43425">
        <v>24</v>
      </c>
      <c r="AL43425">
        <v>24</v>
      </c>
      <c r="AM43425">
        <v>24</v>
      </c>
      <c r="AN43425">
        <v>24</v>
      </c>
      <c r="AO43425">
        <v>24</v>
      </c>
      <c r="AP43425">
        <v>23</v>
      </c>
      <c r="AQ43425">
        <v>23</v>
      </c>
    </row>
    <row r="43426" spans="1:43">
      <c r="A43426" t="s">
        <v>26535</v>
      </c>
      <c r="B43426" t="s">
        <v>26536</v>
      </c>
      <c r="C43426" t="s">
        <v>26531</v>
      </c>
      <c r="D43426" t="s">
        <v>26532</v>
      </c>
      <c r="E43426" t="s">
        <v>12925</v>
      </c>
      <c r="F43426" t="s">
        <v>12926</v>
      </c>
      <c r="G43426" t="s">
        <v>10214</v>
      </c>
      <c r="H43426" t="s">
        <v>10215</v>
      </c>
      <c r="I43426" s="2">
        <v>1</v>
      </c>
      <c r="J43426" s="2">
        <v>0</v>
      </c>
      <c r="K43426" s="2">
        <v>0</v>
      </c>
      <c r="L43426" t="s">
        <v>120</v>
      </c>
      <c r="M43426" t="s">
        <v>83</v>
      </c>
      <c r="N43426" t="s">
        <v>84</v>
      </c>
      <c r="O43426" t="s">
        <v>85</v>
      </c>
      <c r="P43426" t="s">
        <v>86</v>
      </c>
      <c r="Q43426">
        <v>17</v>
      </c>
      <c r="R43426">
        <v>17</v>
      </c>
      <c r="S43426">
        <v>17</v>
      </c>
      <c r="T43426">
        <v>17</v>
      </c>
      <c r="U43426">
        <v>17</v>
      </c>
      <c r="V43426">
        <v>18</v>
      </c>
      <c r="W43426">
        <v>18</v>
      </c>
      <c r="X43426">
        <v>18</v>
      </c>
      <c r="Y43426">
        <v>18</v>
      </c>
      <c r="Z43426">
        <v>18</v>
      </c>
      <c r="AA43426">
        <v>18</v>
      </c>
      <c r="AB43426">
        <v>19</v>
      </c>
      <c r="AC43426">
        <v>19</v>
      </c>
      <c r="AD43426">
        <v>19</v>
      </c>
      <c r="AE43426">
        <v>19</v>
      </c>
      <c r="AF43426">
        <v>19</v>
      </c>
      <c r="AG43426">
        <v>19</v>
      </c>
      <c r="AH43426">
        <v>19</v>
      </c>
      <c r="AI43426">
        <v>20</v>
      </c>
      <c r="AJ43426">
        <v>20</v>
      </c>
      <c r="AK43426">
        <v>20</v>
      </c>
      <c r="AL43426">
        <v>20</v>
      </c>
      <c r="AM43426">
        <v>20</v>
      </c>
      <c r="AN43426">
        <v>20</v>
      </c>
      <c r="AO43426">
        <v>20</v>
      </c>
      <c r="AP43426">
        <v>20</v>
      </c>
      <c r="AQ43426">
        <v>20</v>
      </c>
    </row>
    <row r="43427" spans="1:43">
      <c r="A43427" t="s">
        <v>26535</v>
      </c>
      <c r="B43427" t="s">
        <v>26536</v>
      </c>
      <c r="C43427" t="s">
        <v>26531</v>
      </c>
      <c r="D43427" t="s">
        <v>26532</v>
      </c>
      <c r="E43427" t="s">
        <v>12925</v>
      </c>
      <c r="F43427" t="s">
        <v>12926</v>
      </c>
      <c r="G43427" t="s">
        <v>10214</v>
      </c>
      <c r="H43427" t="s">
        <v>10215</v>
      </c>
      <c r="I43427" s="2">
        <v>1</v>
      </c>
      <c r="J43427" s="2">
        <v>0</v>
      </c>
      <c r="K43427" s="2">
        <v>0</v>
      </c>
      <c r="L43427" t="s">
        <v>120</v>
      </c>
      <c r="M43427" t="s">
        <v>87</v>
      </c>
      <c r="N43427" t="s">
        <v>88</v>
      </c>
      <c r="O43427" t="s">
        <v>85</v>
      </c>
      <c r="P43427" t="s">
        <v>86</v>
      </c>
      <c r="Q43427">
        <v>17</v>
      </c>
      <c r="R43427">
        <v>18</v>
      </c>
      <c r="S43427">
        <v>18</v>
      </c>
      <c r="T43427">
        <v>18</v>
      </c>
      <c r="U43427">
        <v>18</v>
      </c>
      <c r="V43427">
        <v>18</v>
      </c>
      <c r="W43427">
        <v>18</v>
      </c>
      <c r="X43427">
        <v>18</v>
      </c>
      <c r="Y43427">
        <v>18</v>
      </c>
      <c r="Z43427">
        <v>18</v>
      </c>
      <c r="AA43427">
        <v>18</v>
      </c>
      <c r="AB43427">
        <v>18</v>
      </c>
      <c r="AC43427">
        <v>18</v>
      </c>
      <c r="AD43427">
        <v>18</v>
      </c>
      <c r="AE43427">
        <v>18</v>
      </c>
      <c r="AF43427">
        <v>18</v>
      </c>
      <c r="AG43427">
        <v>18</v>
      </c>
      <c r="AH43427">
        <v>18</v>
      </c>
      <c r="AI43427">
        <v>18</v>
      </c>
      <c r="AJ43427">
        <v>18</v>
      </c>
      <c r="AK43427">
        <v>18</v>
      </c>
      <c r="AL43427">
        <v>18</v>
      </c>
      <c r="AM43427">
        <v>18</v>
      </c>
      <c r="AN43427">
        <v>18</v>
      </c>
      <c r="AO43427">
        <v>18</v>
      </c>
      <c r="AP43427">
        <v>18</v>
      </c>
      <c r="AQ43427">
        <v>18</v>
      </c>
    </row>
    <row r="43428" spans="1:43">
      <c r="A43428" t="s">
        <v>26535</v>
      </c>
      <c r="B43428" t="s">
        <v>26536</v>
      </c>
      <c r="C43428" t="s">
        <v>26531</v>
      </c>
      <c r="D43428" t="s">
        <v>26532</v>
      </c>
      <c r="E43428" t="s">
        <v>12925</v>
      </c>
      <c r="F43428" t="s">
        <v>12926</v>
      </c>
      <c r="G43428" t="s">
        <v>10214</v>
      </c>
      <c r="H43428" t="s">
        <v>10215</v>
      </c>
      <c r="I43428" s="2">
        <v>1</v>
      </c>
      <c r="J43428" s="2">
        <v>0</v>
      </c>
      <c r="K43428" s="2">
        <v>0</v>
      </c>
      <c r="L43428" t="s">
        <v>120</v>
      </c>
      <c r="M43428" t="s">
        <v>89</v>
      </c>
      <c r="N43428" t="s">
        <v>90</v>
      </c>
      <c r="O43428" t="s">
        <v>85</v>
      </c>
      <c r="P43428" t="s">
        <v>86</v>
      </c>
      <c r="Q43428">
        <v>17</v>
      </c>
      <c r="R43428">
        <v>17</v>
      </c>
      <c r="S43428">
        <v>17</v>
      </c>
      <c r="T43428">
        <v>18</v>
      </c>
      <c r="U43428">
        <v>18</v>
      </c>
      <c r="V43428">
        <v>18</v>
      </c>
      <c r="W43428">
        <v>19</v>
      </c>
      <c r="X43428">
        <v>19</v>
      </c>
      <c r="Y43428">
        <v>19</v>
      </c>
      <c r="Z43428">
        <v>19</v>
      </c>
      <c r="AA43428">
        <v>20</v>
      </c>
      <c r="AB43428">
        <v>20</v>
      </c>
      <c r="AC43428">
        <v>20</v>
      </c>
      <c r="AD43428">
        <v>20</v>
      </c>
      <c r="AE43428">
        <v>20</v>
      </c>
      <c r="AF43428">
        <v>20</v>
      </c>
      <c r="AG43428">
        <v>20</v>
      </c>
      <c r="AH43428">
        <v>20</v>
      </c>
      <c r="AI43428">
        <v>20</v>
      </c>
      <c r="AJ43428">
        <v>20</v>
      </c>
      <c r="AK43428">
        <v>20</v>
      </c>
      <c r="AL43428">
        <v>20</v>
      </c>
      <c r="AM43428">
        <v>20</v>
      </c>
      <c r="AN43428">
        <v>20</v>
      </c>
      <c r="AO43428">
        <v>20</v>
      </c>
      <c r="AP43428">
        <v>20</v>
      </c>
      <c r="AQ43428">
        <v>20</v>
      </c>
    </row>
    <row r="43429" spans="1:43">
      <c r="A43429" t="s">
        <v>26535</v>
      </c>
      <c r="B43429" t="s">
        <v>26536</v>
      </c>
      <c r="C43429" t="s">
        <v>26531</v>
      </c>
      <c r="D43429" t="s">
        <v>26532</v>
      </c>
      <c r="E43429" t="s">
        <v>12925</v>
      </c>
      <c r="F43429" t="s">
        <v>12926</v>
      </c>
      <c r="G43429" t="s">
        <v>10214</v>
      </c>
      <c r="H43429" t="s">
        <v>10215</v>
      </c>
      <c r="I43429" s="2">
        <v>1</v>
      </c>
      <c r="J43429" s="2">
        <v>0</v>
      </c>
      <c r="K43429" s="2">
        <v>0</v>
      </c>
      <c r="L43429" t="s">
        <v>120</v>
      </c>
      <c r="M43429" t="s">
        <v>83</v>
      </c>
      <c r="N43429" t="s">
        <v>91</v>
      </c>
      <c r="O43429" t="s">
        <v>85</v>
      </c>
      <c r="P43429" t="s">
        <v>86</v>
      </c>
      <c r="Q43429">
        <v>17</v>
      </c>
      <c r="R43429">
        <v>17</v>
      </c>
      <c r="S43429">
        <v>17</v>
      </c>
      <c r="T43429">
        <v>17</v>
      </c>
      <c r="U43429">
        <v>17</v>
      </c>
      <c r="V43429">
        <v>18</v>
      </c>
      <c r="W43429">
        <v>18</v>
      </c>
      <c r="X43429">
        <v>18</v>
      </c>
      <c r="Y43429">
        <v>18</v>
      </c>
      <c r="Z43429">
        <v>18</v>
      </c>
      <c r="AA43429">
        <v>18</v>
      </c>
      <c r="AB43429">
        <v>19</v>
      </c>
      <c r="AC43429">
        <v>19</v>
      </c>
      <c r="AD43429">
        <v>19</v>
      </c>
      <c r="AE43429">
        <v>19</v>
      </c>
      <c r="AF43429">
        <v>19</v>
      </c>
      <c r="AG43429">
        <v>19</v>
      </c>
      <c r="AH43429">
        <v>19</v>
      </c>
      <c r="AI43429">
        <v>20</v>
      </c>
      <c r="AJ43429">
        <v>20</v>
      </c>
      <c r="AK43429">
        <v>20</v>
      </c>
      <c r="AL43429">
        <v>20</v>
      </c>
      <c r="AM43429">
        <v>20</v>
      </c>
      <c r="AN43429">
        <v>20</v>
      </c>
      <c r="AO43429">
        <v>20</v>
      </c>
      <c r="AP43429">
        <v>20</v>
      </c>
      <c r="AQ43429">
        <v>20</v>
      </c>
    </row>
    <row r="43430" spans="1:43">
      <c r="A43430" t="s">
        <v>26537</v>
      </c>
      <c r="B43430" t="s">
        <v>26538</v>
      </c>
      <c r="C43430" t="s">
        <v>26531</v>
      </c>
      <c r="D43430" t="s">
        <v>26532</v>
      </c>
      <c r="E43430" t="s">
        <v>12925</v>
      </c>
      <c r="F43430" t="s">
        <v>12926</v>
      </c>
      <c r="G43430" t="s">
        <v>10214</v>
      </c>
      <c r="H43430" t="s">
        <v>10215</v>
      </c>
      <c r="I43430" s="2">
        <v>1</v>
      </c>
      <c r="J43430" s="2">
        <v>0</v>
      </c>
      <c r="K43430" s="2">
        <v>0</v>
      </c>
      <c r="L43430" t="s">
        <v>120</v>
      </c>
      <c r="M43430" t="s">
        <v>83</v>
      </c>
      <c r="N43430" t="s">
        <v>84</v>
      </c>
      <c r="O43430" t="s">
        <v>85</v>
      </c>
      <c r="P43430" t="s">
        <v>86</v>
      </c>
      <c r="Q43430">
        <v>0</v>
      </c>
      <c r="R43430">
        <v>0</v>
      </c>
      <c r="S43430">
        <v>0</v>
      </c>
      <c r="T43430">
        <v>0</v>
      </c>
      <c r="U43430">
        <v>0</v>
      </c>
      <c r="V43430">
        <v>0</v>
      </c>
      <c r="W43430">
        <v>0</v>
      </c>
      <c r="X43430">
        <v>0</v>
      </c>
      <c r="Y43430">
        <v>0</v>
      </c>
      <c r="Z43430">
        <v>0</v>
      </c>
      <c r="AA43430">
        <v>0</v>
      </c>
      <c r="AB43430">
        <v>0</v>
      </c>
      <c r="AC43430">
        <v>0</v>
      </c>
      <c r="AD43430">
        <v>0</v>
      </c>
      <c r="AE43430">
        <v>0</v>
      </c>
      <c r="AF43430">
        <v>0</v>
      </c>
      <c r="AG43430">
        <v>0</v>
      </c>
      <c r="AH43430">
        <v>0</v>
      </c>
      <c r="AI43430">
        <v>0</v>
      </c>
      <c r="AJ43430">
        <v>0</v>
      </c>
      <c r="AK43430">
        <v>0</v>
      </c>
      <c r="AL43430">
        <v>0</v>
      </c>
      <c r="AM43430">
        <v>0</v>
      </c>
      <c r="AN43430">
        <v>0</v>
      </c>
      <c r="AO43430">
        <v>0</v>
      </c>
      <c r="AP43430">
        <v>0</v>
      </c>
      <c r="AQ43430">
        <v>0</v>
      </c>
    </row>
    <row r="43431" spans="1:43">
      <c r="A43431" t="s">
        <v>26537</v>
      </c>
      <c r="B43431" t="s">
        <v>26538</v>
      </c>
      <c r="C43431" t="s">
        <v>26531</v>
      </c>
      <c r="D43431" t="s">
        <v>26532</v>
      </c>
      <c r="E43431" t="s">
        <v>12925</v>
      </c>
      <c r="F43431" t="s">
        <v>12926</v>
      </c>
      <c r="G43431" t="s">
        <v>10214</v>
      </c>
      <c r="H43431" t="s">
        <v>10215</v>
      </c>
      <c r="I43431" s="2">
        <v>1</v>
      </c>
      <c r="J43431" s="2">
        <v>0</v>
      </c>
      <c r="K43431" s="2">
        <v>0</v>
      </c>
      <c r="L43431" t="s">
        <v>120</v>
      </c>
      <c r="M43431" t="s">
        <v>87</v>
      </c>
      <c r="N43431" t="s">
        <v>88</v>
      </c>
      <c r="O43431" t="s">
        <v>85</v>
      </c>
      <c r="P43431" t="s">
        <v>86</v>
      </c>
      <c r="Q43431">
        <v>0</v>
      </c>
      <c r="R43431">
        <v>0</v>
      </c>
      <c r="S43431">
        <v>0</v>
      </c>
      <c r="T43431">
        <v>0</v>
      </c>
      <c r="U43431">
        <v>0</v>
      </c>
      <c r="V43431">
        <v>0</v>
      </c>
      <c r="W43431">
        <v>0</v>
      </c>
      <c r="X43431">
        <v>0</v>
      </c>
      <c r="Y43431">
        <v>0</v>
      </c>
      <c r="Z43431">
        <v>0</v>
      </c>
      <c r="AA43431">
        <v>0</v>
      </c>
      <c r="AB43431">
        <v>0</v>
      </c>
      <c r="AC43431">
        <v>0</v>
      </c>
      <c r="AD43431">
        <v>0</v>
      </c>
      <c r="AE43431">
        <v>0</v>
      </c>
      <c r="AF43431">
        <v>0</v>
      </c>
      <c r="AG43431">
        <v>0</v>
      </c>
      <c r="AH43431">
        <v>0</v>
      </c>
      <c r="AI43431">
        <v>0</v>
      </c>
      <c r="AJ43431">
        <v>0</v>
      </c>
      <c r="AK43431">
        <v>0</v>
      </c>
      <c r="AL43431">
        <v>0</v>
      </c>
      <c r="AM43431">
        <v>0</v>
      </c>
      <c r="AN43431">
        <v>0</v>
      </c>
      <c r="AO43431">
        <v>0</v>
      </c>
      <c r="AP43431">
        <v>0</v>
      </c>
      <c r="AQ43431">
        <v>0</v>
      </c>
    </row>
    <row r="43432" spans="1:43">
      <c r="A43432" t="s">
        <v>26537</v>
      </c>
      <c r="B43432" t="s">
        <v>26538</v>
      </c>
      <c r="C43432" t="s">
        <v>26531</v>
      </c>
      <c r="D43432" t="s">
        <v>26532</v>
      </c>
      <c r="E43432" t="s">
        <v>12925</v>
      </c>
      <c r="F43432" t="s">
        <v>12926</v>
      </c>
      <c r="G43432" t="s">
        <v>10214</v>
      </c>
      <c r="H43432" t="s">
        <v>10215</v>
      </c>
      <c r="I43432" s="2">
        <v>1</v>
      </c>
      <c r="J43432" s="2">
        <v>0</v>
      </c>
      <c r="K43432" s="2">
        <v>0</v>
      </c>
      <c r="L43432" t="s">
        <v>120</v>
      </c>
      <c r="M43432" t="s">
        <v>89</v>
      </c>
      <c r="N43432" t="s">
        <v>90</v>
      </c>
      <c r="O43432" t="s">
        <v>85</v>
      </c>
      <c r="P43432" t="s">
        <v>86</v>
      </c>
      <c r="Q43432">
        <v>0</v>
      </c>
      <c r="R43432">
        <v>0</v>
      </c>
      <c r="S43432">
        <v>0</v>
      </c>
      <c r="T43432">
        <v>0</v>
      </c>
      <c r="U43432">
        <v>0</v>
      </c>
      <c r="V43432">
        <v>0</v>
      </c>
      <c r="W43432">
        <v>0</v>
      </c>
      <c r="X43432">
        <v>0</v>
      </c>
      <c r="Y43432">
        <v>0</v>
      </c>
      <c r="Z43432">
        <v>0</v>
      </c>
      <c r="AA43432">
        <v>0</v>
      </c>
      <c r="AB43432">
        <v>0</v>
      </c>
      <c r="AC43432">
        <v>0</v>
      </c>
      <c r="AD43432">
        <v>0</v>
      </c>
      <c r="AE43432">
        <v>0</v>
      </c>
      <c r="AF43432">
        <v>0</v>
      </c>
      <c r="AG43432">
        <v>0</v>
      </c>
      <c r="AH43432">
        <v>0</v>
      </c>
      <c r="AI43432">
        <v>0</v>
      </c>
      <c r="AJ43432">
        <v>0</v>
      </c>
      <c r="AK43432">
        <v>0</v>
      </c>
      <c r="AL43432">
        <v>0</v>
      </c>
      <c r="AM43432">
        <v>0</v>
      </c>
      <c r="AN43432">
        <v>0</v>
      </c>
      <c r="AO43432">
        <v>0</v>
      </c>
      <c r="AP43432">
        <v>0</v>
      </c>
      <c r="AQ43432">
        <v>0</v>
      </c>
    </row>
    <row r="43433" spans="1:43">
      <c r="A43433" t="s">
        <v>26537</v>
      </c>
      <c r="B43433" t="s">
        <v>26538</v>
      </c>
      <c r="C43433" t="s">
        <v>26531</v>
      </c>
      <c r="D43433" t="s">
        <v>26532</v>
      </c>
      <c r="E43433" t="s">
        <v>12925</v>
      </c>
      <c r="F43433" t="s">
        <v>12926</v>
      </c>
      <c r="G43433" t="s">
        <v>10214</v>
      </c>
      <c r="H43433" t="s">
        <v>10215</v>
      </c>
      <c r="I43433" s="2">
        <v>1</v>
      </c>
      <c r="J43433" s="2">
        <v>0</v>
      </c>
      <c r="K43433" s="2">
        <v>0</v>
      </c>
      <c r="L43433" t="s">
        <v>120</v>
      </c>
      <c r="M43433" t="s">
        <v>83</v>
      </c>
      <c r="N43433" t="s">
        <v>91</v>
      </c>
      <c r="O43433" t="s">
        <v>85</v>
      </c>
      <c r="P43433" t="s">
        <v>86</v>
      </c>
      <c r="Q43433">
        <v>0</v>
      </c>
      <c r="R43433">
        <v>0</v>
      </c>
      <c r="S43433">
        <v>0</v>
      </c>
      <c r="T43433">
        <v>0</v>
      </c>
      <c r="U43433">
        <v>0</v>
      </c>
      <c r="V43433">
        <v>0</v>
      </c>
      <c r="W43433">
        <v>0</v>
      </c>
      <c r="X43433">
        <v>0</v>
      </c>
      <c r="Y43433">
        <v>0</v>
      </c>
      <c r="Z43433">
        <v>0</v>
      </c>
      <c r="AA43433">
        <v>0</v>
      </c>
      <c r="AB43433">
        <v>0</v>
      </c>
      <c r="AC43433">
        <v>0</v>
      </c>
      <c r="AD43433">
        <v>0</v>
      </c>
      <c r="AE43433">
        <v>0</v>
      </c>
      <c r="AF43433">
        <v>0</v>
      </c>
      <c r="AG43433">
        <v>0</v>
      </c>
      <c r="AH43433">
        <v>0</v>
      </c>
      <c r="AI43433">
        <v>0</v>
      </c>
      <c r="AJ43433">
        <v>0</v>
      </c>
      <c r="AK43433">
        <v>0</v>
      </c>
      <c r="AL43433">
        <v>0</v>
      </c>
      <c r="AM43433">
        <v>0</v>
      </c>
      <c r="AN43433">
        <v>0</v>
      </c>
      <c r="AO43433">
        <v>0</v>
      </c>
      <c r="AP43433">
        <v>0</v>
      </c>
      <c r="AQ43433">
        <v>0</v>
      </c>
    </row>
    <row r="43434" spans="1:43">
      <c r="A43434" t="s">
        <v>26539</v>
      </c>
      <c r="B43434" t="s">
        <v>26540</v>
      </c>
      <c r="C43434" t="s">
        <v>26531</v>
      </c>
      <c r="D43434" t="s">
        <v>26532</v>
      </c>
      <c r="E43434" t="s">
        <v>12925</v>
      </c>
      <c r="F43434" t="s">
        <v>12926</v>
      </c>
      <c r="G43434" t="s">
        <v>10214</v>
      </c>
      <c r="H43434" t="s">
        <v>10215</v>
      </c>
      <c r="I43434" s="2">
        <v>1</v>
      </c>
      <c r="J43434" s="2">
        <v>0</v>
      </c>
      <c r="K43434" s="2">
        <v>0</v>
      </c>
      <c r="L43434" t="s">
        <v>120</v>
      </c>
      <c r="M43434" t="s">
        <v>83</v>
      </c>
      <c r="N43434" t="s">
        <v>84</v>
      </c>
      <c r="O43434" t="s">
        <v>85</v>
      </c>
      <c r="P43434" t="s">
        <v>86</v>
      </c>
      <c r="Q43434">
        <v>16</v>
      </c>
      <c r="R43434">
        <v>16</v>
      </c>
      <c r="S43434">
        <v>17</v>
      </c>
      <c r="T43434">
        <v>17</v>
      </c>
      <c r="U43434">
        <v>17</v>
      </c>
      <c r="V43434">
        <v>17</v>
      </c>
      <c r="W43434">
        <v>17</v>
      </c>
      <c r="X43434">
        <v>18</v>
      </c>
      <c r="Y43434">
        <v>18</v>
      </c>
      <c r="Z43434">
        <v>18</v>
      </c>
      <c r="AA43434">
        <v>18</v>
      </c>
      <c r="AB43434">
        <v>18</v>
      </c>
      <c r="AC43434">
        <v>18</v>
      </c>
      <c r="AD43434">
        <v>18</v>
      </c>
      <c r="AE43434">
        <v>19</v>
      </c>
      <c r="AF43434">
        <v>19</v>
      </c>
      <c r="AG43434">
        <v>19</v>
      </c>
      <c r="AH43434">
        <v>19</v>
      </c>
      <c r="AI43434">
        <v>19</v>
      </c>
      <c r="AJ43434">
        <v>19</v>
      </c>
      <c r="AK43434">
        <v>19</v>
      </c>
      <c r="AL43434">
        <v>19</v>
      </c>
      <c r="AM43434">
        <v>19</v>
      </c>
      <c r="AN43434">
        <v>19</v>
      </c>
      <c r="AO43434">
        <v>19</v>
      </c>
      <c r="AP43434">
        <v>19</v>
      </c>
      <c r="AQ43434">
        <v>19</v>
      </c>
    </row>
    <row r="43435" spans="1:43">
      <c r="A43435" t="s">
        <v>26539</v>
      </c>
      <c r="B43435" t="s">
        <v>26540</v>
      </c>
      <c r="C43435" t="s">
        <v>26531</v>
      </c>
      <c r="D43435" t="s">
        <v>26532</v>
      </c>
      <c r="E43435" t="s">
        <v>12925</v>
      </c>
      <c r="F43435" t="s">
        <v>12926</v>
      </c>
      <c r="G43435" t="s">
        <v>10214</v>
      </c>
      <c r="H43435" t="s">
        <v>10215</v>
      </c>
      <c r="I43435" s="2">
        <v>1</v>
      </c>
      <c r="J43435" s="2">
        <v>0</v>
      </c>
      <c r="K43435" s="2">
        <v>0</v>
      </c>
      <c r="L43435" t="s">
        <v>120</v>
      </c>
      <c r="M43435" t="s">
        <v>87</v>
      </c>
      <c r="N43435" t="s">
        <v>88</v>
      </c>
      <c r="O43435" t="s">
        <v>85</v>
      </c>
      <c r="P43435" t="s">
        <v>86</v>
      </c>
      <c r="Q43435">
        <v>16</v>
      </c>
      <c r="R43435">
        <v>16</v>
      </c>
      <c r="S43435">
        <v>16</v>
      </c>
      <c r="T43435">
        <v>16</v>
      </c>
      <c r="U43435">
        <v>16</v>
      </c>
      <c r="V43435">
        <v>16</v>
      </c>
      <c r="W43435">
        <v>16</v>
      </c>
      <c r="X43435">
        <v>16</v>
      </c>
      <c r="Y43435">
        <v>16</v>
      </c>
      <c r="Z43435">
        <v>16</v>
      </c>
      <c r="AA43435">
        <v>16</v>
      </c>
      <c r="AB43435">
        <v>16</v>
      </c>
      <c r="AC43435">
        <v>17</v>
      </c>
      <c r="AD43435">
        <v>17</v>
      </c>
      <c r="AE43435">
        <v>17</v>
      </c>
      <c r="AF43435">
        <v>17</v>
      </c>
      <c r="AG43435">
        <v>17</v>
      </c>
      <c r="AH43435">
        <v>17</v>
      </c>
      <c r="AI43435">
        <v>17</v>
      </c>
      <c r="AJ43435">
        <v>17</v>
      </c>
      <c r="AK43435">
        <v>17</v>
      </c>
      <c r="AL43435">
        <v>17</v>
      </c>
      <c r="AM43435">
        <v>17</v>
      </c>
      <c r="AN43435">
        <v>17</v>
      </c>
      <c r="AO43435">
        <v>17</v>
      </c>
      <c r="AP43435">
        <v>17</v>
      </c>
      <c r="AQ43435">
        <v>17</v>
      </c>
    </row>
    <row r="43436" spans="1:43">
      <c r="A43436" t="s">
        <v>26539</v>
      </c>
      <c r="B43436" t="s">
        <v>26540</v>
      </c>
      <c r="C43436" t="s">
        <v>26531</v>
      </c>
      <c r="D43436" t="s">
        <v>26532</v>
      </c>
      <c r="E43436" t="s">
        <v>12925</v>
      </c>
      <c r="F43436" t="s">
        <v>12926</v>
      </c>
      <c r="G43436" t="s">
        <v>10214</v>
      </c>
      <c r="H43436" t="s">
        <v>10215</v>
      </c>
      <c r="I43436" s="2">
        <v>1</v>
      </c>
      <c r="J43436" s="2">
        <v>0</v>
      </c>
      <c r="K43436" s="2">
        <v>0</v>
      </c>
      <c r="L43436" t="s">
        <v>120</v>
      </c>
      <c r="M43436" t="s">
        <v>89</v>
      </c>
      <c r="N43436" t="s">
        <v>90</v>
      </c>
      <c r="O43436" t="s">
        <v>85</v>
      </c>
      <c r="P43436" t="s">
        <v>86</v>
      </c>
      <c r="Q43436">
        <v>16</v>
      </c>
      <c r="R43436">
        <v>17</v>
      </c>
      <c r="S43436">
        <v>17</v>
      </c>
      <c r="T43436">
        <v>17</v>
      </c>
      <c r="U43436">
        <v>18</v>
      </c>
      <c r="V43436">
        <v>18</v>
      </c>
      <c r="W43436">
        <v>18</v>
      </c>
      <c r="X43436">
        <v>18</v>
      </c>
      <c r="Y43436">
        <v>19</v>
      </c>
      <c r="Z43436">
        <v>19</v>
      </c>
      <c r="AA43436">
        <v>19</v>
      </c>
      <c r="AB43436">
        <v>19</v>
      </c>
      <c r="AC43436">
        <v>20</v>
      </c>
      <c r="AD43436">
        <v>20</v>
      </c>
      <c r="AE43436">
        <v>20</v>
      </c>
      <c r="AF43436">
        <v>20</v>
      </c>
      <c r="AG43436">
        <v>20</v>
      </c>
      <c r="AH43436">
        <v>20</v>
      </c>
      <c r="AI43436">
        <v>20</v>
      </c>
      <c r="AJ43436">
        <v>20</v>
      </c>
      <c r="AK43436">
        <v>20</v>
      </c>
      <c r="AL43436">
        <v>19</v>
      </c>
      <c r="AM43436">
        <v>19</v>
      </c>
      <c r="AN43436">
        <v>19</v>
      </c>
      <c r="AO43436">
        <v>19</v>
      </c>
      <c r="AP43436">
        <v>19</v>
      </c>
      <c r="AQ43436">
        <v>19</v>
      </c>
    </row>
    <row r="43437" spans="1:43">
      <c r="A43437" t="s">
        <v>26539</v>
      </c>
      <c r="B43437" t="s">
        <v>26540</v>
      </c>
      <c r="C43437" t="s">
        <v>26531</v>
      </c>
      <c r="D43437" t="s">
        <v>26532</v>
      </c>
      <c r="E43437" t="s">
        <v>12925</v>
      </c>
      <c r="F43437" t="s">
        <v>12926</v>
      </c>
      <c r="G43437" t="s">
        <v>10214</v>
      </c>
      <c r="H43437" t="s">
        <v>10215</v>
      </c>
      <c r="I43437" s="2">
        <v>1</v>
      </c>
      <c r="J43437" s="2">
        <v>0</v>
      </c>
      <c r="K43437" s="2">
        <v>0</v>
      </c>
      <c r="L43437" t="s">
        <v>120</v>
      </c>
      <c r="M43437" t="s">
        <v>83</v>
      </c>
      <c r="N43437" t="s">
        <v>91</v>
      </c>
      <c r="O43437" t="s">
        <v>85</v>
      </c>
      <c r="P43437" t="s">
        <v>86</v>
      </c>
      <c r="Q43437">
        <v>16</v>
      </c>
      <c r="R43437">
        <v>16</v>
      </c>
      <c r="S43437">
        <v>17</v>
      </c>
      <c r="T43437">
        <v>17</v>
      </c>
      <c r="U43437">
        <v>17</v>
      </c>
      <c r="V43437">
        <v>17</v>
      </c>
      <c r="W43437">
        <v>17</v>
      </c>
      <c r="X43437">
        <v>18</v>
      </c>
      <c r="Y43437">
        <v>18</v>
      </c>
      <c r="Z43437">
        <v>18</v>
      </c>
      <c r="AA43437">
        <v>18</v>
      </c>
      <c r="AB43437">
        <v>18</v>
      </c>
      <c r="AC43437">
        <v>18</v>
      </c>
      <c r="AD43437">
        <v>18</v>
      </c>
      <c r="AE43437">
        <v>19</v>
      </c>
      <c r="AF43437">
        <v>19</v>
      </c>
      <c r="AG43437">
        <v>19</v>
      </c>
      <c r="AH43437">
        <v>19</v>
      </c>
      <c r="AI43437">
        <v>19</v>
      </c>
      <c r="AJ43437">
        <v>19</v>
      </c>
      <c r="AK43437">
        <v>19</v>
      </c>
      <c r="AL43437">
        <v>19</v>
      </c>
      <c r="AM43437">
        <v>19</v>
      </c>
      <c r="AN43437">
        <v>19</v>
      </c>
      <c r="AO43437">
        <v>19</v>
      </c>
      <c r="AP43437">
        <v>19</v>
      </c>
      <c r="AQ43437">
        <v>19</v>
      </c>
    </row>
    <row r="43438" spans="1:43">
      <c r="A43438" t="s">
        <v>26541</v>
      </c>
      <c r="B43438" t="s">
        <v>26542</v>
      </c>
      <c r="C43438" t="s">
        <v>26531</v>
      </c>
      <c r="D43438" t="s">
        <v>26532</v>
      </c>
      <c r="E43438" t="s">
        <v>12925</v>
      </c>
      <c r="F43438" t="s">
        <v>12926</v>
      </c>
      <c r="G43438" t="s">
        <v>10214</v>
      </c>
      <c r="H43438" t="s">
        <v>10215</v>
      </c>
      <c r="I43438" s="2">
        <v>1</v>
      </c>
      <c r="J43438" s="2">
        <v>0</v>
      </c>
      <c r="K43438" s="2">
        <v>0</v>
      </c>
      <c r="L43438" t="s">
        <v>120</v>
      </c>
      <c r="M43438" t="s">
        <v>83</v>
      </c>
      <c r="N43438" t="s">
        <v>84</v>
      </c>
      <c r="O43438" t="s">
        <v>85</v>
      </c>
      <c r="P43438" t="s">
        <v>86</v>
      </c>
      <c r="Q43438">
        <v>0</v>
      </c>
      <c r="R43438">
        <v>0</v>
      </c>
      <c r="S43438">
        <v>0</v>
      </c>
      <c r="T43438">
        <v>0</v>
      </c>
      <c r="U43438">
        <v>0</v>
      </c>
      <c r="V43438">
        <v>0</v>
      </c>
      <c r="W43438">
        <v>0</v>
      </c>
      <c r="X43438">
        <v>0</v>
      </c>
      <c r="Y43438">
        <v>0</v>
      </c>
      <c r="Z43438">
        <v>0</v>
      </c>
      <c r="AA43438">
        <v>0</v>
      </c>
      <c r="AB43438">
        <v>0</v>
      </c>
      <c r="AC43438">
        <v>0</v>
      </c>
      <c r="AD43438">
        <v>0</v>
      </c>
      <c r="AE43438">
        <v>0</v>
      </c>
      <c r="AF43438">
        <v>0</v>
      </c>
      <c r="AG43438">
        <v>0</v>
      </c>
      <c r="AH43438">
        <v>0</v>
      </c>
      <c r="AI43438">
        <v>0</v>
      </c>
      <c r="AJ43438">
        <v>0</v>
      </c>
      <c r="AK43438">
        <v>0</v>
      </c>
      <c r="AL43438">
        <v>0</v>
      </c>
      <c r="AM43438">
        <v>0</v>
      </c>
      <c r="AN43438">
        <v>0</v>
      </c>
      <c r="AO43438">
        <v>0</v>
      </c>
      <c r="AP43438">
        <v>0</v>
      </c>
      <c r="AQ43438">
        <v>0</v>
      </c>
    </row>
    <row r="43439" spans="1:43">
      <c r="A43439" t="s">
        <v>26541</v>
      </c>
      <c r="B43439" t="s">
        <v>26542</v>
      </c>
      <c r="C43439" t="s">
        <v>26531</v>
      </c>
      <c r="D43439" t="s">
        <v>26532</v>
      </c>
      <c r="E43439" t="s">
        <v>12925</v>
      </c>
      <c r="F43439" t="s">
        <v>12926</v>
      </c>
      <c r="G43439" t="s">
        <v>10214</v>
      </c>
      <c r="H43439" t="s">
        <v>10215</v>
      </c>
      <c r="I43439" s="2">
        <v>1</v>
      </c>
      <c r="J43439" s="2">
        <v>0</v>
      </c>
      <c r="K43439" s="2">
        <v>0</v>
      </c>
      <c r="L43439" t="s">
        <v>120</v>
      </c>
      <c r="M43439" t="s">
        <v>87</v>
      </c>
      <c r="N43439" t="s">
        <v>88</v>
      </c>
      <c r="O43439" t="s">
        <v>85</v>
      </c>
      <c r="P43439" t="s">
        <v>86</v>
      </c>
      <c r="Q43439">
        <v>0</v>
      </c>
      <c r="R43439">
        <v>0</v>
      </c>
      <c r="S43439">
        <v>0</v>
      </c>
      <c r="T43439">
        <v>0</v>
      </c>
      <c r="U43439">
        <v>0</v>
      </c>
      <c r="V43439">
        <v>0</v>
      </c>
      <c r="W43439">
        <v>0</v>
      </c>
      <c r="X43439">
        <v>0</v>
      </c>
      <c r="Y43439">
        <v>0</v>
      </c>
      <c r="Z43439">
        <v>0</v>
      </c>
      <c r="AA43439">
        <v>0</v>
      </c>
      <c r="AB43439">
        <v>0</v>
      </c>
      <c r="AC43439">
        <v>0</v>
      </c>
      <c r="AD43439">
        <v>0</v>
      </c>
      <c r="AE43439">
        <v>0</v>
      </c>
      <c r="AF43439">
        <v>0</v>
      </c>
      <c r="AG43439">
        <v>0</v>
      </c>
      <c r="AH43439">
        <v>0</v>
      </c>
      <c r="AI43439">
        <v>0</v>
      </c>
      <c r="AJ43439">
        <v>0</v>
      </c>
      <c r="AK43439">
        <v>0</v>
      </c>
      <c r="AL43439">
        <v>0</v>
      </c>
      <c r="AM43439">
        <v>0</v>
      </c>
      <c r="AN43439">
        <v>0</v>
      </c>
      <c r="AO43439">
        <v>0</v>
      </c>
      <c r="AP43439">
        <v>0</v>
      </c>
      <c r="AQ43439">
        <v>0</v>
      </c>
    </row>
    <row r="43440" spans="1:43">
      <c r="A43440" t="s">
        <v>26541</v>
      </c>
      <c r="B43440" t="s">
        <v>26542</v>
      </c>
      <c r="C43440" t="s">
        <v>26531</v>
      </c>
      <c r="D43440" t="s">
        <v>26532</v>
      </c>
      <c r="E43440" t="s">
        <v>12925</v>
      </c>
      <c r="F43440" t="s">
        <v>12926</v>
      </c>
      <c r="G43440" t="s">
        <v>10214</v>
      </c>
      <c r="H43440" t="s">
        <v>10215</v>
      </c>
      <c r="I43440" s="2">
        <v>1</v>
      </c>
      <c r="J43440" s="2">
        <v>0</v>
      </c>
      <c r="K43440" s="2">
        <v>0</v>
      </c>
      <c r="L43440" t="s">
        <v>120</v>
      </c>
      <c r="M43440" t="s">
        <v>89</v>
      </c>
      <c r="N43440" t="s">
        <v>90</v>
      </c>
      <c r="O43440" t="s">
        <v>85</v>
      </c>
      <c r="P43440" t="s">
        <v>86</v>
      </c>
      <c r="Q43440">
        <v>0</v>
      </c>
      <c r="R43440">
        <v>0</v>
      </c>
      <c r="S43440">
        <v>0</v>
      </c>
      <c r="T43440">
        <v>0</v>
      </c>
      <c r="U43440">
        <v>0</v>
      </c>
      <c r="V43440">
        <v>0</v>
      </c>
      <c r="W43440">
        <v>0</v>
      </c>
      <c r="X43440">
        <v>0</v>
      </c>
      <c r="Y43440">
        <v>0</v>
      </c>
      <c r="Z43440">
        <v>0</v>
      </c>
      <c r="AA43440">
        <v>0</v>
      </c>
      <c r="AB43440">
        <v>0</v>
      </c>
      <c r="AC43440">
        <v>0</v>
      </c>
      <c r="AD43440">
        <v>0</v>
      </c>
      <c r="AE43440">
        <v>0</v>
      </c>
      <c r="AF43440">
        <v>0</v>
      </c>
      <c r="AG43440">
        <v>0</v>
      </c>
      <c r="AH43440">
        <v>0</v>
      </c>
      <c r="AI43440">
        <v>0</v>
      </c>
      <c r="AJ43440">
        <v>0</v>
      </c>
      <c r="AK43440">
        <v>0</v>
      </c>
      <c r="AL43440">
        <v>0</v>
      </c>
      <c r="AM43440">
        <v>0</v>
      </c>
      <c r="AN43440">
        <v>0</v>
      </c>
      <c r="AO43440">
        <v>0</v>
      </c>
      <c r="AP43440">
        <v>0</v>
      </c>
      <c r="AQ43440">
        <v>0</v>
      </c>
    </row>
    <row r="43441" spans="1:43">
      <c r="A43441" t="s">
        <v>26541</v>
      </c>
      <c r="B43441" t="s">
        <v>26542</v>
      </c>
      <c r="C43441" t="s">
        <v>26531</v>
      </c>
      <c r="D43441" t="s">
        <v>26532</v>
      </c>
      <c r="E43441" t="s">
        <v>12925</v>
      </c>
      <c r="F43441" t="s">
        <v>12926</v>
      </c>
      <c r="G43441" t="s">
        <v>10214</v>
      </c>
      <c r="H43441" t="s">
        <v>10215</v>
      </c>
      <c r="I43441" s="2">
        <v>1</v>
      </c>
      <c r="J43441" s="2">
        <v>0</v>
      </c>
      <c r="K43441" s="2">
        <v>0</v>
      </c>
      <c r="L43441" t="s">
        <v>120</v>
      </c>
      <c r="M43441" t="s">
        <v>83</v>
      </c>
      <c r="N43441" t="s">
        <v>91</v>
      </c>
      <c r="O43441" t="s">
        <v>85</v>
      </c>
      <c r="P43441" t="s">
        <v>86</v>
      </c>
      <c r="Q43441">
        <v>0</v>
      </c>
      <c r="R43441">
        <v>0</v>
      </c>
      <c r="S43441">
        <v>0</v>
      </c>
      <c r="T43441">
        <v>0</v>
      </c>
      <c r="U43441">
        <v>0</v>
      </c>
      <c r="V43441">
        <v>0</v>
      </c>
      <c r="W43441">
        <v>0</v>
      </c>
      <c r="X43441">
        <v>0</v>
      </c>
      <c r="Y43441">
        <v>0</v>
      </c>
      <c r="Z43441">
        <v>0</v>
      </c>
      <c r="AA43441">
        <v>0</v>
      </c>
      <c r="AB43441">
        <v>0</v>
      </c>
      <c r="AC43441">
        <v>0</v>
      </c>
      <c r="AD43441">
        <v>0</v>
      </c>
      <c r="AE43441">
        <v>0</v>
      </c>
      <c r="AF43441">
        <v>0</v>
      </c>
      <c r="AG43441">
        <v>0</v>
      </c>
      <c r="AH43441">
        <v>0</v>
      </c>
      <c r="AI43441">
        <v>0</v>
      </c>
      <c r="AJ43441">
        <v>0</v>
      </c>
      <c r="AK43441">
        <v>0</v>
      </c>
      <c r="AL43441">
        <v>0</v>
      </c>
      <c r="AM43441">
        <v>0</v>
      </c>
      <c r="AN43441">
        <v>0</v>
      </c>
      <c r="AO43441">
        <v>0</v>
      </c>
      <c r="AP43441">
        <v>0</v>
      </c>
      <c r="AQ43441">
        <v>0</v>
      </c>
    </row>
    <row r="43442" spans="1:43">
      <c r="A43442" t="s">
        <v>26543</v>
      </c>
      <c r="B43442" t="s">
        <v>26544</v>
      </c>
      <c r="C43442" t="s">
        <v>26531</v>
      </c>
      <c r="D43442" t="s">
        <v>26532</v>
      </c>
      <c r="E43442" t="s">
        <v>12925</v>
      </c>
      <c r="F43442" t="s">
        <v>12926</v>
      </c>
      <c r="G43442" t="s">
        <v>10214</v>
      </c>
      <c r="H43442" t="s">
        <v>10215</v>
      </c>
      <c r="I43442" s="2">
        <v>1</v>
      </c>
      <c r="J43442" s="2">
        <v>0</v>
      </c>
      <c r="K43442" s="2">
        <v>0</v>
      </c>
      <c r="L43442" t="s">
        <v>120</v>
      </c>
      <c r="M43442" t="s">
        <v>83</v>
      </c>
      <c r="N43442" t="s">
        <v>84</v>
      </c>
      <c r="O43442" t="s">
        <v>85</v>
      </c>
      <c r="P43442" t="s">
        <v>86</v>
      </c>
      <c r="Q43442">
        <v>9</v>
      </c>
      <c r="R43442">
        <v>10</v>
      </c>
      <c r="S43442">
        <v>10</v>
      </c>
      <c r="T43442">
        <v>10</v>
      </c>
      <c r="U43442">
        <v>10</v>
      </c>
      <c r="V43442">
        <v>10</v>
      </c>
      <c r="W43442">
        <v>10</v>
      </c>
      <c r="X43442">
        <v>10</v>
      </c>
      <c r="Y43442">
        <v>10</v>
      </c>
      <c r="Z43442">
        <v>10</v>
      </c>
      <c r="AA43442">
        <v>11</v>
      </c>
      <c r="AB43442">
        <v>11</v>
      </c>
      <c r="AC43442">
        <v>11</v>
      </c>
      <c r="AD43442">
        <v>11</v>
      </c>
      <c r="AE43442">
        <v>11</v>
      </c>
      <c r="AF43442">
        <v>11</v>
      </c>
      <c r="AG43442">
        <v>11</v>
      </c>
      <c r="AH43442">
        <v>11</v>
      </c>
      <c r="AI43442">
        <v>11</v>
      </c>
      <c r="AJ43442">
        <v>11</v>
      </c>
      <c r="AK43442">
        <v>11</v>
      </c>
      <c r="AL43442">
        <v>11</v>
      </c>
      <c r="AM43442">
        <v>11</v>
      </c>
      <c r="AN43442">
        <v>11</v>
      </c>
      <c r="AO43442">
        <v>11</v>
      </c>
      <c r="AP43442">
        <v>11</v>
      </c>
      <c r="AQ43442">
        <v>11</v>
      </c>
    </row>
    <row r="43443" spans="1:43">
      <c r="A43443" t="s">
        <v>26543</v>
      </c>
      <c r="B43443" t="s">
        <v>26544</v>
      </c>
      <c r="C43443" t="s">
        <v>26531</v>
      </c>
      <c r="D43443" t="s">
        <v>26532</v>
      </c>
      <c r="E43443" t="s">
        <v>12925</v>
      </c>
      <c r="F43443" t="s">
        <v>12926</v>
      </c>
      <c r="G43443" t="s">
        <v>10214</v>
      </c>
      <c r="H43443" t="s">
        <v>10215</v>
      </c>
      <c r="I43443" s="2">
        <v>1</v>
      </c>
      <c r="J43443" s="2">
        <v>0</v>
      </c>
      <c r="K43443" s="2">
        <v>0</v>
      </c>
      <c r="L43443" t="s">
        <v>120</v>
      </c>
      <c r="M43443" t="s">
        <v>87</v>
      </c>
      <c r="N43443" t="s">
        <v>88</v>
      </c>
      <c r="O43443" t="s">
        <v>85</v>
      </c>
      <c r="P43443" t="s">
        <v>86</v>
      </c>
      <c r="Q43443">
        <v>9</v>
      </c>
      <c r="R43443">
        <v>9</v>
      </c>
      <c r="S43443">
        <v>9</v>
      </c>
      <c r="T43443">
        <v>9</v>
      </c>
      <c r="U43443">
        <v>9</v>
      </c>
      <c r="V43443">
        <v>9</v>
      </c>
      <c r="W43443">
        <v>10</v>
      </c>
      <c r="X43443">
        <v>10</v>
      </c>
      <c r="Y43443">
        <v>10</v>
      </c>
      <c r="Z43443">
        <v>10</v>
      </c>
      <c r="AA43443">
        <v>10</v>
      </c>
      <c r="AB43443">
        <v>10</v>
      </c>
      <c r="AC43443">
        <v>10</v>
      </c>
      <c r="AD43443">
        <v>10</v>
      </c>
      <c r="AE43443">
        <v>10</v>
      </c>
      <c r="AF43443">
        <v>10</v>
      </c>
      <c r="AG43443">
        <v>10</v>
      </c>
      <c r="AH43443">
        <v>10</v>
      </c>
      <c r="AI43443">
        <v>10</v>
      </c>
      <c r="AJ43443">
        <v>10</v>
      </c>
      <c r="AK43443">
        <v>10</v>
      </c>
      <c r="AL43443">
        <v>10</v>
      </c>
      <c r="AM43443">
        <v>10</v>
      </c>
      <c r="AN43443">
        <v>10</v>
      </c>
      <c r="AO43443">
        <v>10</v>
      </c>
      <c r="AP43443">
        <v>10</v>
      </c>
      <c r="AQ43443">
        <v>10</v>
      </c>
    </row>
    <row r="43444" spans="1:43">
      <c r="A43444" t="s">
        <v>26543</v>
      </c>
      <c r="B43444" t="s">
        <v>26544</v>
      </c>
      <c r="C43444" t="s">
        <v>26531</v>
      </c>
      <c r="D43444" t="s">
        <v>26532</v>
      </c>
      <c r="E43444" t="s">
        <v>12925</v>
      </c>
      <c r="F43444" t="s">
        <v>12926</v>
      </c>
      <c r="G43444" t="s">
        <v>10214</v>
      </c>
      <c r="H43444" t="s">
        <v>10215</v>
      </c>
      <c r="I43444" s="2">
        <v>1</v>
      </c>
      <c r="J43444" s="2">
        <v>0</v>
      </c>
      <c r="K43444" s="2">
        <v>0</v>
      </c>
      <c r="L43444" t="s">
        <v>120</v>
      </c>
      <c r="M43444" t="s">
        <v>89</v>
      </c>
      <c r="N43444" t="s">
        <v>90</v>
      </c>
      <c r="O43444" t="s">
        <v>85</v>
      </c>
      <c r="P43444" t="s">
        <v>86</v>
      </c>
      <c r="Q43444">
        <v>9</v>
      </c>
      <c r="R43444">
        <v>9</v>
      </c>
      <c r="S43444">
        <v>9</v>
      </c>
      <c r="T43444">
        <v>9</v>
      </c>
      <c r="U43444">
        <v>9</v>
      </c>
      <c r="V43444">
        <v>9</v>
      </c>
      <c r="W43444">
        <v>10</v>
      </c>
      <c r="X43444">
        <v>10</v>
      </c>
      <c r="Y43444">
        <v>10</v>
      </c>
      <c r="Z43444">
        <v>10</v>
      </c>
      <c r="AA43444">
        <v>10</v>
      </c>
      <c r="AB43444">
        <v>10</v>
      </c>
      <c r="AC43444">
        <v>10</v>
      </c>
      <c r="AD43444">
        <v>11</v>
      </c>
      <c r="AE43444">
        <v>11</v>
      </c>
      <c r="AF43444">
        <v>11</v>
      </c>
      <c r="AG43444">
        <v>11</v>
      </c>
      <c r="AH43444">
        <v>11</v>
      </c>
      <c r="AI43444">
        <v>10</v>
      </c>
      <c r="AJ43444">
        <v>10</v>
      </c>
      <c r="AK43444">
        <v>10</v>
      </c>
      <c r="AL43444">
        <v>10</v>
      </c>
      <c r="AM43444">
        <v>10</v>
      </c>
      <c r="AN43444">
        <v>10</v>
      </c>
      <c r="AO43444">
        <v>10</v>
      </c>
      <c r="AP43444">
        <v>10</v>
      </c>
      <c r="AQ43444">
        <v>10</v>
      </c>
    </row>
    <row r="43445" spans="1:43">
      <c r="A43445" t="s">
        <v>26543</v>
      </c>
      <c r="B43445" t="s">
        <v>26544</v>
      </c>
      <c r="C43445" t="s">
        <v>26531</v>
      </c>
      <c r="D43445" t="s">
        <v>26532</v>
      </c>
      <c r="E43445" t="s">
        <v>12925</v>
      </c>
      <c r="F43445" t="s">
        <v>12926</v>
      </c>
      <c r="G43445" t="s">
        <v>10214</v>
      </c>
      <c r="H43445" t="s">
        <v>10215</v>
      </c>
      <c r="I43445" s="2">
        <v>1</v>
      </c>
      <c r="J43445" s="2">
        <v>0</v>
      </c>
      <c r="K43445" s="2">
        <v>0</v>
      </c>
      <c r="L43445" t="s">
        <v>120</v>
      </c>
      <c r="M43445" t="s">
        <v>83</v>
      </c>
      <c r="N43445" t="s">
        <v>91</v>
      </c>
      <c r="O43445" t="s">
        <v>85</v>
      </c>
      <c r="P43445" t="s">
        <v>86</v>
      </c>
      <c r="Q43445">
        <v>9</v>
      </c>
      <c r="R43445">
        <v>10</v>
      </c>
      <c r="S43445">
        <v>10</v>
      </c>
      <c r="T43445">
        <v>10</v>
      </c>
      <c r="U43445">
        <v>10</v>
      </c>
      <c r="V43445">
        <v>10</v>
      </c>
      <c r="W43445">
        <v>10</v>
      </c>
      <c r="X43445">
        <v>10</v>
      </c>
      <c r="Y43445">
        <v>10</v>
      </c>
      <c r="Z43445">
        <v>10</v>
      </c>
      <c r="AA43445">
        <v>11</v>
      </c>
      <c r="AB43445">
        <v>11</v>
      </c>
      <c r="AC43445">
        <v>11</v>
      </c>
      <c r="AD43445">
        <v>11</v>
      </c>
      <c r="AE43445">
        <v>11</v>
      </c>
      <c r="AF43445">
        <v>11</v>
      </c>
      <c r="AG43445">
        <v>11</v>
      </c>
      <c r="AH43445">
        <v>11</v>
      </c>
      <c r="AI43445">
        <v>11</v>
      </c>
      <c r="AJ43445">
        <v>11</v>
      </c>
      <c r="AK43445">
        <v>11</v>
      </c>
      <c r="AL43445">
        <v>11</v>
      </c>
      <c r="AM43445">
        <v>11</v>
      </c>
      <c r="AN43445">
        <v>11</v>
      </c>
      <c r="AO43445">
        <v>11</v>
      </c>
      <c r="AP43445">
        <v>11</v>
      </c>
      <c r="AQ43445">
        <v>11</v>
      </c>
    </row>
    <row r="43446" spans="1:43">
      <c r="A43446" t="s">
        <v>26545</v>
      </c>
      <c r="B43446" t="s">
        <v>26546</v>
      </c>
      <c r="C43446" t="s">
        <v>13131</v>
      </c>
      <c r="D43446" t="s">
        <v>13132</v>
      </c>
      <c r="E43446" t="s">
        <v>13063</v>
      </c>
      <c r="F43446" t="s">
        <v>13064</v>
      </c>
      <c r="G43446" t="s">
        <v>10214</v>
      </c>
      <c r="H43446" t="s">
        <v>10215</v>
      </c>
      <c r="I43446" s="2">
        <v>1</v>
      </c>
      <c r="J43446" s="2">
        <v>0</v>
      </c>
      <c r="K43446" s="2">
        <v>0</v>
      </c>
      <c r="L43446" t="s">
        <v>120</v>
      </c>
      <c r="M43446" t="s">
        <v>83</v>
      </c>
      <c r="N43446" t="s">
        <v>84</v>
      </c>
      <c r="O43446" t="s">
        <v>85</v>
      </c>
      <c r="P43446" t="s">
        <v>86</v>
      </c>
      <c r="Q43446">
        <v>6</v>
      </c>
      <c r="R43446">
        <v>6</v>
      </c>
      <c r="S43446">
        <v>6</v>
      </c>
      <c r="T43446">
        <v>6</v>
      </c>
      <c r="U43446">
        <v>6</v>
      </c>
      <c r="V43446">
        <v>6</v>
      </c>
      <c r="W43446">
        <v>6</v>
      </c>
      <c r="X43446">
        <v>7</v>
      </c>
      <c r="Y43446">
        <v>7</v>
      </c>
      <c r="Z43446">
        <v>7</v>
      </c>
      <c r="AA43446">
        <v>7</v>
      </c>
      <c r="AB43446">
        <v>7</v>
      </c>
      <c r="AC43446">
        <v>7</v>
      </c>
      <c r="AD43446">
        <v>8</v>
      </c>
      <c r="AE43446">
        <v>8</v>
      </c>
      <c r="AF43446">
        <v>8</v>
      </c>
      <c r="AG43446">
        <v>8</v>
      </c>
      <c r="AH43446">
        <v>8</v>
      </c>
      <c r="AI43446">
        <v>9</v>
      </c>
      <c r="AJ43446">
        <v>9</v>
      </c>
      <c r="AK43446">
        <v>9</v>
      </c>
      <c r="AL43446">
        <v>9</v>
      </c>
      <c r="AM43446">
        <v>9</v>
      </c>
      <c r="AN43446">
        <v>9</v>
      </c>
      <c r="AO43446">
        <v>9</v>
      </c>
      <c r="AP43446">
        <v>10</v>
      </c>
      <c r="AQ43446">
        <v>10</v>
      </c>
    </row>
    <row r="43447" spans="1:43">
      <c r="A43447" t="s">
        <v>26545</v>
      </c>
      <c r="B43447" t="s">
        <v>26546</v>
      </c>
      <c r="C43447" t="s">
        <v>13131</v>
      </c>
      <c r="D43447" t="s">
        <v>13132</v>
      </c>
      <c r="E43447" t="s">
        <v>13063</v>
      </c>
      <c r="F43447" t="s">
        <v>13064</v>
      </c>
      <c r="G43447" t="s">
        <v>10214</v>
      </c>
      <c r="H43447" t="s">
        <v>10215</v>
      </c>
      <c r="I43447" s="2">
        <v>1</v>
      </c>
      <c r="J43447" s="2">
        <v>0</v>
      </c>
      <c r="K43447" s="2">
        <v>0</v>
      </c>
      <c r="L43447" t="s">
        <v>120</v>
      </c>
      <c r="M43447" t="s">
        <v>87</v>
      </c>
      <c r="N43447" t="s">
        <v>88</v>
      </c>
      <c r="O43447" t="s">
        <v>85</v>
      </c>
      <c r="P43447" t="s">
        <v>86</v>
      </c>
      <c r="Q43447">
        <v>6</v>
      </c>
      <c r="R43447">
        <v>7</v>
      </c>
      <c r="S43447">
        <v>7</v>
      </c>
      <c r="T43447">
        <v>7</v>
      </c>
      <c r="U43447">
        <v>7</v>
      </c>
      <c r="V43447">
        <v>7</v>
      </c>
      <c r="W43447">
        <v>7</v>
      </c>
      <c r="X43447">
        <v>7</v>
      </c>
      <c r="Y43447">
        <v>7</v>
      </c>
      <c r="Z43447">
        <v>7</v>
      </c>
      <c r="AA43447">
        <v>8</v>
      </c>
      <c r="AB43447">
        <v>8</v>
      </c>
      <c r="AC43447">
        <v>8</v>
      </c>
      <c r="AD43447">
        <v>8</v>
      </c>
      <c r="AE43447">
        <v>8</v>
      </c>
      <c r="AF43447">
        <v>8</v>
      </c>
      <c r="AG43447">
        <v>8</v>
      </c>
      <c r="AH43447">
        <v>8</v>
      </c>
      <c r="AI43447">
        <v>8</v>
      </c>
      <c r="AJ43447">
        <v>9</v>
      </c>
      <c r="AK43447">
        <v>9</v>
      </c>
      <c r="AL43447">
        <v>9</v>
      </c>
      <c r="AM43447">
        <v>9</v>
      </c>
      <c r="AN43447">
        <v>9</v>
      </c>
      <c r="AO43447">
        <v>9</v>
      </c>
      <c r="AP43447">
        <v>9</v>
      </c>
      <c r="AQ43447">
        <v>9</v>
      </c>
    </row>
    <row r="43448" spans="1:43">
      <c r="A43448" t="s">
        <v>26545</v>
      </c>
      <c r="B43448" t="s">
        <v>26546</v>
      </c>
      <c r="C43448" t="s">
        <v>13131</v>
      </c>
      <c r="D43448" t="s">
        <v>13132</v>
      </c>
      <c r="E43448" t="s">
        <v>13063</v>
      </c>
      <c r="F43448" t="s">
        <v>13064</v>
      </c>
      <c r="G43448" t="s">
        <v>10214</v>
      </c>
      <c r="H43448" t="s">
        <v>10215</v>
      </c>
      <c r="I43448" s="2">
        <v>1</v>
      </c>
      <c r="J43448" s="2">
        <v>0</v>
      </c>
      <c r="K43448" s="2">
        <v>0</v>
      </c>
      <c r="L43448" t="s">
        <v>120</v>
      </c>
      <c r="M43448" t="s">
        <v>89</v>
      </c>
      <c r="N43448" t="s">
        <v>90</v>
      </c>
      <c r="O43448" t="s">
        <v>85</v>
      </c>
      <c r="P43448" t="s">
        <v>86</v>
      </c>
      <c r="Q43448">
        <v>6</v>
      </c>
      <c r="R43448">
        <v>6</v>
      </c>
      <c r="S43448">
        <v>6</v>
      </c>
      <c r="T43448">
        <v>6</v>
      </c>
      <c r="U43448">
        <v>6</v>
      </c>
      <c r="V43448">
        <v>7</v>
      </c>
      <c r="W43448">
        <v>7</v>
      </c>
      <c r="X43448">
        <v>7</v>
      </c>
      <c r="Y43448">
        <v>7</v>
      </c>
      <c r="Z43448">
        <v>7</v>
      </c>
      <c r="AA43448">
        <v>8</v>
      </c>
      <c r="AB43448">
        <v>8</v>
      </c>
      <c r="AC43448">
        <v>8</v>
      </c>
      <c r="AD43448">
        <v>8</v>
      </c>
      <c r="AE43448">
        <v>8</v>
      </c>
      <c r="AF43448">
        <v>8</v>
      </c>
      <c r="AG43448">
        <v>9</v>
      </c>
      <c r="AH43448">
        <v>9</v>
      </c>
      <c r="AI43448">
        <v>9</v>
      </c>
      <c r="AJ43448">
        <v>9</v>
      </c>
      <c r="AK43448">
        <v>9</v>
      </c>
      <c r="AL43448">
        <v>9</v>
      </c>
      <c r="AM43448">
        <v>9</v>
      </c>
      <c r="AN43448">
        <v>9</v>
      </c>
      <c r="AO43448">
        <v>10</v>
      </c>
      <c r="AP43448">
        <v>10</v>
      </c>
      <c r="AQ43448">
        <v>10</v>
      </c>
    </row>
    <row r="43449" spans="1:43">
      <c r="A43449" t="s">
        <v>26545</v>
      </c>
      <c r="B43449" t="s">
        <v>26546</v>
      </c>
      <c r="C43449" t="s">
        <v>13131</v>
      </c>
      <c r="D43449" t="s">
        <v>13132</v>
      </c>
      <c r="E43449" t="s">
        <v>13063</v>
      </c>
      <c r="F43449" t="s">
        <v>13064</v>
      </c>
      <c r="G43449" t="s">
        <v>10214</v>
      </c>
      <c r="H43449" t="s">
        <v>10215</v>
      </c>
      <c r="I43449" s="2">
        <v>1</v>
      </c>
      <c r="J43449" s="2">
        <v>0</v>
      </c>
      <c r="K43449" s="2">
        <v>0</v>
      </c>
      <c r="L43449" t="s">
        <v>120</v>
      </c>
      <c r="M43449" t="s">
        <v>83</v>
      </c>
      <c r="N43449" t="s">
        <v>91</v>
      </c>
      <c r="O43449" t="s">
        <v>85</v>
      </c>
      <c r="P43449" t="s">
        <v>86</v>
      </c>
      <c r="Q43449">
        <v>6</v>
      </c>
      <c r="R43449">
        <v>6</v>
      </c>
      <c r="S43449">
        <v>6</v>
      </c>
      <c r="T43449">
        <v>6</v>
      </c>
      <c r="U43449">
        <v>6</v>
      </c>
      <c r="V43449">
        <v>6</v>
      </c>
      <c r="W43449">
        <v>6</v>
      </c>
      <c r="X43449">
        <v>7</v>
      </c>
      <c r="Y43449">
        <v>7</v>
      </c>
      <c r="Z43449">
        <v>7</v>
      </c>
      <c r="AA43449">
        <v>7</v>
      </c>
      <c r="AB43449">
        <v>7</v>
      </c>
      <c r="AC43449">
        <v>7</v>
      </c>
      <c r="AD43449">
        <v>8</v>
      </c>
      <c r="AE43449">
        <v>8</v>
      </c>
      <c r="AF43449">
        <v>8</v>
      </c>
      <c r="AG43449">
        <v>8</v>
      </c>
      <c r="AH43449">
        <v>8</v>
      </c>
      <c r="AI43449">
        <v>9</v>
      </c>
      <c r="AJ43449">
        <v>9</v>
      </c>
      <c r="AK43449">
        <v>9</v>
      </c>
      <c r="AL43449">
        <v>9</v>
      </c>
      <c r="AM43449">
        <v>9</v>
      </c>
      <c r="AN43449">
        <v>9</v>
      </c>
      <c r="AO43449">
        <v>9</v>
      </c>
      <c r="AP43449">
        <v>10</v>
      </c>
      <c r="AQ43449">
        <v>10</v>
      </c>
    </row>
    <row r="43450" spans="1:43">
      <c r="A43450" t="s">
        <v>26547</v>
      </c>
      <c r="B43450" t="s">
        <v>26548</v>
      </c>
      <c r="C43450" t="s">
        <v>13131</v>
      </c>
      <c r="D43450" t="s">
        <v>13132</v>
      </c>
      <c r="E43450" t="s">
        <v>13063</v>
      </c>
      <c r="F43450" t="s">
        <v>13064</v>
      </c>
      <c r="G43450" t="s">
        <v>10214</v>
      </c>
      <c r="H43450" t="s">
        <v>10215</v>
      </c>
      <c r="I43450" s="2">
        <v>1</v>
      </c>
      <c r="J43450" s="2">
        <v>0</v>
      </c>
      <c r="K43450" s="2">
        <v>0</v>
      </c>
      <c r="L43450" t="s">
        <v>120</v>
      </c>
      <c r="M43450" t="s">
        <v>83</v>
      </c>
      <c r="N43450" t="s">
        <v>84</v>
      </c>
      <c r="O43450" t="s">
        <v>85</v>
      </c>
      <c r="P43450" t="s">
        <v>86</v>
      </c>
      <c r="Q43450">
        <v>7</v>
      </c>
      <c r="R43450">
        <v>7</v>
      </c>
      <c r="S43450">
        <v>7</v>
      </c>
      <c r="T43450">
        <v>7</v>
      </c>
      <c r="U43450">
        <v>7</v>
      </c>
      <c r="V43450">
        <v>8</v>
      </c>
      <c r="W43450">
        <v>8</v>
      </c>
      <c r="X43450">
        <v>8</v>
      </c>
      <c r="Y43450">
        <v>8</v>
      </c>
      <c r="Z43450">
        <v>8</v>
      </c>
      <c r="AA43450">
        <v>9</v>
      </c>
      <c r="AB43450">
        <v>9</v>
      </c>
      <c r="AC43450">
        <v>9</v>
      </c>
      <c r="AD43450">
        <v>9</v>
      </c>
      <c r="AE43450">
        <v>10</v>
      </c>
      <c r="AF43450">
        <v>10</v>
      </c>
      <c r="AG43450">
        <v>10</v>
      </c>
      <c r="AH43450">
        <v>10</v>
      </c>
      <c r="AI43450">
        <v>10</v>
      </c>
      <c r="AJ43450">
        <v>11</v>
      </c>
      <c r="AK43450">
        <v>11</v>
      </c>
      <c r="AL43450">
        <v>11</v>
      </c>
      <c r="AM43450">
        <v>11</v>
      </c>
      <c r="AN43450">
        <v>11</v>
      </c>
      <c r="AO43450">
        <v>12</v>
      </c>
      <c r="AP43450">
        <v>12</v>
      </c>
      <c r="AQ43450">
        <v>12</v>
      </c>
    </row>
    <row r="43451" spans="1:43">
      <c r="A43451" t="s">
        <v>26547</v>
      </c>
      <c r="B43451" t="s">
        <v>26548</v>
      </c>
      <c r="C43451" t="s">
        <v>13131</v>
      </c>
      <c r="D43451" t="s">
        <v>13132</v>
      </c>
      <c r="E43451" t="s">
        <v>13063</v>
      </c>
      <c r="F43451" t="s">
        <v>13064</v>
      </c>
      <c r="G43451" t="s">
        <v>10214</v>
      </c>
      <c r="H43451" t="s">
        <v>10215</v>
      </c>
      <c r="I43451" s="2">
        <v>1</v>
      </c>
      <c r="J43451" s="2">
        <v>0</v>
      </c>
      <c r="K43451" s="2">
        <v>0</v>
      </c>
      <c r="L43451" t="s">
        <v>120</v>
      </c>
      <c r="M43451" t="s">
        <v>87</v>
      </c>
      <c r="N43451" t="s">
        <v>88</v>
      </c>
      <c r="O43451" t="s">
        <v>85</v>
      </c>
      <c r="P43451" t="s">
        <v>86</v>
      </c>
      <c r="Q43451">
        <v>7</v>
      </c>
      <c r="R43451">
        <v>7</v>
      </c>
      <c r="S43451">
        <v>7</v>
      </c>
      <c r="T43451">
        <v>7</v>
      </c>
      <c r="U43451">
        <v>7</v>
      </c>
      <c r="V43451">
        <v>7</v>
      </c>
      <c r="W43451">
        <v>7</v>
      </c>
      <c r="X43451">
        <v>8</v>
      </c>
      <c r="Y43451">
        <v>8</v>
      </c>
      <c r="Z43451">
        <v>8</v>
      </c>
      <c r="AA43451">
        <v>8</v>
      </c>
      <c r="AB43451">
        <v>8</v>
      </c>
      <c r="AC43451">
        <v>8</v>
      </c>
      <c r="AD43451">
        <v>8</v>
      </c>
      <c r="AE43451">
        <v>8</v>
      </c>
      <c r="AF43451">
        <v>9</v>
      </c>
      <c r="AG43451">
        <v>9</v>
      </c>
      <c r="AH43451">
        <v>9</v>
      </c>
      <c r="AI43451">
        <v>9</v>
      </c>
      <c r="AJ43451">
        <v>9</v>
      </c>
      <c r="AK43451">
        <v>9</v>
      </c>
      <c r="AL43451">
        <v>10</v>
      </c>
      <c r="AM43451">
        <v>10</v>
      </c>
      <c r="AN43451">
        <v>10</v>
      </c>
      <c r="AO43451">
        <v>10</v>
      </c>
      <c r="AP43451">
        <v>10</v>
      </c>
      <c r="AQ43451">
        <v>10</v>
      </c>
    </row>
    <row r="43452" spans="1:43">
      <c r="A43452" t="s">
        <v>26547</v>
      </c>
      <c r="B43452" t="s">
        <v>26548</v>
      </c>
      <c r="C43452" t="s">
        <v>13131</v>
      </c>
      <c r="D43452" t="s">
        <v>13132</v>
      </c>
      <c r="E43452" t="s">
        <v>13063</v>
      </c>
      <c r="F43452" t="s">
        <v>13064</v>
      </c>
      <c r="G43452" t="s">
        <v>10214</v>
      </c>
      <c r="H43452" t="s">
        <v>10215</v>
      </c>
      <c r="I43452" s="2">
        <v>1</v>
      </c>
      <c r="J43452" s="2">
        <v>0</v>
      </c>
      <c r="K43452" s="2">
        <v>0</v>
      </c>
      <c r="L43452" t="s">
        <v>120</v>
      </c>
      <c r="M43452" t="s">
        <v>89</v>
      </c>
      <c r="N43452" t="s">
        <v>90</v>
      </c>
      <c r="O43452" t="s">
        <v>85</v>
      </c>
      <c r="P43452" t="s">
        <v>86</v>
      </c>
      <c r="Q43452">
        <v>7</v>
      </c>
      <c r="R43452">
        <v>7</v>
      </c>
      <c r="S43452">
        <v>7</v>
      </c>
      <c r="T43452">
        <v>8</v>
      </c>
      <c r="U43452">
        <v>8</v>
      </c>
      <c r="V43452">
        <v>8</v>
      </c>
      <c r="W43452">
        <v>8</v>
      </c>
      <c r="X43452">
        <v>8</v>
      </c>
      <c r="Y43452">
        <v>9</v>
      </c>
      <c r="Z43452">
        <v>9</v>
      </c>
      <c r="AA43452">
        <v>9</v>
      </c>
      <c r="AB43452">
        <v>9</v>
      </c>
      <c r="AC43452">
        <v>10</v>
      </c>
      <c r="AD43452">
        <v>10</v>
      </c>
      <c r="AE43452">
        <v>10</v>
      </c>
      <c r="AF43452">
        <v>10</v>
      </c>
      <c r="AG43452">
        <v>10</v>
      </c>
      <c r="AH43452">
        <v>11</v>
      </c>
      <c r="AI43452">
        <v>11</v>
      </c>
      <c r="AJ43452">
        <v>11</v>
      </c>
      <c r="AK43452">
        <v>11</v>
      </c>
      <c r="AL43452">
        <v>11</v>
      </c>
      <c r="AM43452">
        <v>11</v>
      </c>
      <c r="AN43452">
        <v>12</v>
      </c>
      <c r="AO43452">
        <v>12</v>
      </c>
      <c r="AP43452">
        <v>12</v>
      </c>
      <c r="AQ43452">
        <v>12</v>
      </c>
    </row>
    <row r="43453" spans="1:43">
      <c r="A43453" t="s">
        <v>26547</v>
      </c>
      <c r="B43453" t="s">
        <v>26548</v>
      </c>
      <c r="C43453" t="s">
        <v>13131</v>
      </c>
      <c r="D43453" t="s">
        <v>13132</v>
      </c>
      <c r="E43453" t="s">
        <v>13063</v>
      </c>
      <c r="F43453" t="s">
        <v>13064</v>
      </c>
      <c r="G43453" t="s">
        <v>10214</v>
      </c>
      <c r="H43453" t="s">
        <v>10215</v>
      </c>
      <c r="I43453" s="2">
        <v>1</v>
      </c>
      <c r="J43453" s="2">
        <v>0</v>
      </c>
      <c r="K43453" s="2">
        <v>0</v>
      </c>
      <c r="L43453" t="s">
        <v>120</v>
      </c>
      <c r="M43453" t="s">
        <v>83</v>
      </c>
      <c r="N43453" t="s">
        <v>91</v>
      </c>
      <c r="O43453" t="s">
        <v>85</v>
      </c>
      <c r="P43453" t="s">
        <v>86</v>
      </c>
      <c r="Q43453">
        <v>7</v>
      </c>
      <c r="R43453">
        <v>7</v>
      </c>
      <c r="S43453">
        <v>7</v>
      </c>
      <c r="T43453">
        <v>7</v>
      </c>
      <c r="U43453">
        <v>7</v>
      </c>
      <c r="V43453">
        <v>8</v>
      </c>
      <c r="W43453">
        <v>8</v>
      </c>
      <c r="X43453">
        <v>8</v>
      </c>
      <c r="Y43453">
        <v>8</v>
      </c>
      <c r="Z43453">
        <v>8</v>
      </c>
      <c r="AA43453">
        <v>9</v>
      </c>
      <c r="AB43453">
        <v>9</v>
      </c>
      <c r="AC43453">
        <v>9</v>
      </c>
      <c r="AD43453">
        <v>9</v>
      </c>
      <c r="AE43453">
        <v>10</v>
      </c>
      <c r="AF43453">
        <v>10</v>
      </c>
      <c r="AG43453">
        <v>10</v>
      </c>
      <c r="AH43453">
        <v>10</v>
      </c>
      <c r="AI43453">
        <v>10</v>
      </c>
      <c r="AJ43453">
        <v>11</v>
      </c>
      <c r="AK43453">
        <v>11</v>
      </c>
      <c r="AL43453">
        <v>11</v>
      </c>
      <c r="AM43453">
        <v>11</v>
      </c>
      <c r="AN43453">
        <v>11</v>
      </c>
      <c r="AO43453">
        <v>12</v>
      </c>
      <c r="AP43453">
        <v>12</v>
      </c>
      <c r="AQ43453">
        <v>12</v>
      </c>
    </row>
    <row r="43454" spans="1:43">
      <c r="A43454" t="s">
        <v>26549</v>
      </c>
      <c r="B43454" t="s">
        <v>26550</v>
      </c>
      <c r="C43454" t="s">
        <v>13103</v>
      </c>
      <c r="D43454" t="s">
        <v>13104</v>
      </c>
      <c r="E43454" t="s">
        <v>13063</v>
      </c>
      <c r="F43454" t="s">
        <v>13064</v>
      </c>
      <c r="G43454" t="s">
        <v>10214</v>
      </c>
      <c r="H43454" t="s">
        <v>10215</v>
      </c>
      <c r="I43454" s="2">
        <v>1</v>
      </c>
      <c r="J43454" s="2">
        <v>0</v>
      </c>
      <c r="K43454" s="2">
        <v>0</v>
      </c>
      <c r="L43454" t="s">
        <v>120</v>
      </c>
      <c r="M43454" t="s">
        <v>83</v>
      </c>
      <c r="N43454" t="s">
        <v>84</v>
      </c>
      <c r="O43454" t="s">
        <v>85</v>
      </c>
      <c r="P43454" t="s">
        <v>86</v>
      </c>
      <c r="Q43454">
        <v>13</v>
      </c>
      <c r="R43454">
        <v>13</v>
      </c>
      <c r="S43454">
        <v>14</v>
      </c>
      <c r="T43454">
        <v>14</v>
      </c>
      <c r="U43454">
        <v>15</v>
      </c>
      <c r="V43454">
        <v>15</v>
      </c>
      <c r="W43454">
        <v>15</v>
      </c>
      <c r="X43454">
        <v>16</v>
      </c>
      <c r="Y43454">
        <v>16</v>
      </c>
      <c r="Z43454">
        <v>17</v>
      </c>
      <c r="AA43454">
        <v>17</v>
      </c>
      <c r="AB43454">
        <v>17</v>
      </c>
      <c r="AC43454">
        <v>18</v>
      </c>
      <c r="AD43454">
        <v>18</v>
      </c>
      <c r="AE43454">
        <v>19</v>
      </c>
      <c r="AF43454">
        <v>19</v>
      </c>
      <c r="AG43454">
        <v>20</v>
      </c>
      <c r="AH43454">
        <v>20</v>
      </c>
      <c r="AI43454">
        <v>21</v>
      </c>
      <c r="AJ43454">
        <v>21</v>
      </c>
      <c r="AK43454">
        <v>22</v>
      </c>
      <c r="AL43454">
        <v>22</v>
      </c>
      <c r="AM43454">
        <v>22</v>
      </c>
      <c r="AN43454">
        <v>23</v>
      </c>
      <c r="AO43454">
        <v>23</v>
      </c>
      <c r="AP43454">
        <v>23</v>
      </c>
      <c r="AQ43454">
        <v>24</v>
      </c>
    </row>
    <row r="43455" spans="1:43">
      <c r="A43455" t="s">
        <v>26549</v>
      </c>
      <c r="B43455" t="s">
        <v>26550</v>
      </c>
      <c r="C43455" t="s">
        <v>13103</v>
      </c>
      <c r="D43455" t="s">
        <v>13104</v>
      </c>
      <c r="E43455" t="s">
        <v>13063</v>
      </c>
      <c r="F43455" t="s">
        <v>13064</v>
      </c>
      <c r="G43455" t="s">
        <v>10214</v>
      </c>
      <c r="H43455" t="s">
        <v>10215</v>
      </c>
      <c r="I43455" s="2">
        <v>1</v>
      </c>
      <c r="J43455" s="2">
        <v>0</v>
      </c>
      <c r="K43455" s="2">
        <v>0</v>
      </c>
      <c r="L43455" t="s">
        <v>120</v>
      </c>
      <c r="M43455" t="s">
        <v>87</v>
      </c>
      <c r="N43455" t="s">
        <v>88</v>
      </c>
      <c r="O43455" t="s">
        <v>85</v>
      </c>
      <c r="P43455" t="s">
        <v>86</v>
      </c>
      <c r="Q43455">
        <v>13</v>
      </c>
      <c r="R43455">
        <v>13</v>
      </c>
      <c r="S43455">
        <v>13</v>
      </c>
      <c r="T43455">
        <v>14</v>
      </c>
      <c r="U43455">
        <v>14</v>
      </c>
      <c r="V43455">
        <v>14</v>
      </c>
      <c r="W43455">
        <v>14</v>
      </c>
      <c r="X43455">
        <v>15</v>
      </c>
      <c r="Y43455">
        <v>15</v>
      </c>
      <c r="Z43455">
        <v>15</v>
      </c>
      <c r="AA43455">
        <v>15</v>
      </c>
      <c r="AB43455">
        <v>16</v>
      </c>
      <c r="AC43455">
        <v>16</v>
      </c>
      <c r="AD43455">
        <v>16</v>
      </c>
      <c r="AE43455">
        <v>17</v>
      </c>
      <c r="AF43455">
        <v>17</v>
      </c>
      <c r="AG43455">
        <v>17</v>
      </c>
      <c r="AH43455">
        <v>17</v>
      </c>
      <c r="AI43455">
        <v>18</v>
      </c>
      <c r="AJ43455">
        <v>18</v>
      </c>
      <c r="AK43455">
        <v>18</v>
      </c>
      <c r="AL43455">
        <v>19</v>
      </c>
      <c r="AM43455">
        <v>19</v>
      </c>
      <c r="AN43455">
        <v>19</v>
      </c>
      <c r="AO43455">
        <v>20</v>
      </c>
      <c r="AP43455">
        <v>20</v>
      </c>
      <c r="AQ43455">
        <v>20</v>
      </c>
    </row>
    <row r="43456" spans="1:43">
      <c r="A43456" t="s">
        <v>26549</v>
      </c>
      <c r="B43456" t="s">
        <v>26550</v>
      </c>
      <c r="C43456" t="s">
        <v>13103</v>
      </c>
      <c r="D43456" t="s">
        <v>13104</v>
      </c>
      <c r="E43456" t="s">
        <v>13063</v>
      </c>
      <c r="F43456" t="s">
        <v>13064</v>
      </c>
      <c r="G43456" t="s">
        <v>10214</v>
      </c>
      <c r="H43456" t="s">
        <v>10215</v>
      </c>
      <c r="I43456" s="2">
        <v>1</v>
      </c>
      <c r="J43456" s="2">
        <v>0</v>
      </c>
      <c r="K43456" s="2">
        <v>0</v>
      </c>
      <c r="L43456" t="s">
        <v>120</v>
      </c>
      <c r="M43456" t="s">
        <v>89</v>
      </c>
      <c r="N43456" t="s">
        <v>90</v>
      </c>
      <c r="O43456" t="s">
        <v>85</v>
      </c>
      <c r="P43456" t="s">
        <v>86</v>
      </c>
      <c r="Q43456">
        <v>13</v>
      </c>
      <c r="R43456">
        <v>14</v>
      </c>
      <c r="S43456">
        <v>14</v>
      </c>
      <c r="T43456">
        <v>15</v>
      </c>
      <c r="U43456">
        <v>15</v>
      </c>
      <c r="V43456">
        <v>16</v>
      </c>
      <c r="W43456">
        <v>16</v>
      </c>
      <c r="X43456">
        <v>17</v>
      </c>
      <c r="Y43456">
        <v>17</v>
      </c>
      <c r="Z43456">
        <v>18</v>
      </c>
      <c r="AA43456">
        <v>18</v>
      </c>
      <c r="AB43456">
        <v>19</v>
      </c>
      <c r="AC43456">
        <v>19</v>
      </c>
      <c r="AD43456">
        <v>20</v>
      </c>
      <c r="AE43456">
        <v>20</v>
      </c>
      <c r="AF43456">
        <v>20</v>
      </c>
      <c r="AG43456">
        <v>21</v>
      </c>
      <c r="AH43456">
        <v>21</v>
      </c>
      <c r="AI43456">
        <v>21</v>
      </c>
      <c r="AJ43456">
        <v>22</v>
      </c>
      <c r="AK43456">
        <v>22</v>
      </c>
      <c r="AL43456">
        <v>22</v>
      </c>
      <c r="AM43456">
        <v>23</v>
      </c>
      <c r="AN43456">
        <v>23</v>
      </c>
      <c r="AO43456">
        <v>23</v>
      </c>
      <c r="AP43456">
        <v>23</v>
      </c>
      <c r="AQ43456">
        <v>24</v>
      </c>
    </row>
    <row r="43457" spans="1:43">
      <c r="A43457" t="s">
        <v>26549</v>
      </c>
      <c r="B43457" t="s">
        <v>26550</v>
      </c>
      <c r="C43457" t="s">
        <v>13103</v>
      </c>
      <c r="D43457" t="s">
        <v>13104</v>
      </c>
      <c r="E43457" t="s">
        <v>13063</v>
      </c>
      <c r="F43457" t="s">
        <v>13064</v>
      </c>
      <c r="G43457" t="s">
        <v>10214</v>
      </c>
      <c r="H43457" t="s">
        <v>10215</v>
      </c>
      <c r="I43457" s="2">
        <v>1</v>
      </c>
      <c r="J43457" s="2">
        <v>0</v>
      </c>
      <c r="K43457" s="2">
        <v>0</v>
      </c>
      <c r="L43457" t="s">
        <v>120</v>
      </c>
      <c r="M43457" t="s">
        <v>83</v>
      </c>
      <c r="N43457" t="s">
        <v>91</v>
      </c>
      <c r="O43457" t="s">
        <v>85</v>
      </c>
      <c r="P43457" t="s">
        <v>86</v>
      </c>
      <c r="Q43457">
        <v>13</v>
      </c>
      <c r="R43457">
        <v>13</v>
      </c>
      <c r="S43457">
        <v>14</v>
      </c>
      <c r="T43457">
        <v>14</v>
      </c>
      <c r="U43457">
        <v>15</v>
      </c>
      <c r="V43457">
        <v>15</v>
      </c>
      <c r="W43457">
        <v>15</v>
      </c>
      <c r="X43457">
        <v>16</v>
      </c>
      <c r="Y43457">
        <v>16</v>
      </c>
      <c r="Z43457">
        <v>17</v>
      </c>
      <c r="AA43457">
        <v>17</v>
      </c>
      <c r="AB43457">
        <v>17</v>
      </c>
      <c r="AC43457">
        <v>18</v>
      </c>
      <c r="AD43457">
        <v>18</v>
      </c>
      <c r="AE43457">
        <v>19</v>
      </c>
      <c r="AF43457">
        <v>19</v>
      </c>
      <c r="AG43457">
        <v>20</v>
      </c>
      <c r="AH43457">
        <v>20</v>
      </c>
      <c r="AI43457">
        <v>21</v>
      </c>
      <c r="AJ43457">
        <v>21</v>
      </c>
      <c r="AK43457">
        <v>22</v>
      </c>
      <c r="AL43457">
        <v>22</v>
      </c>
      <c r="AM43457">
        <v>22</v>
      </c>
      <c r="AN43457">
        <v>23</v>
      </c>
      <c r="AO43457">
        <v>23</v>
      </c>
      <c r="AP43457">
        <v>23</v>
      </c>
      <c r="AQ43457">
        <v>24</v>
      </c>
    </row>
    <row r="43458" spans="1:43">
      <c r="A43458" t="s">
        <v>26551</v>
      </c>
      <c r="B43458" t="s">
        <v>26552</v>
      </c>
      <c r="C43458" t="s">
        <v>13103</v>
      </c>
      <c r="D43458" t="s">
        <v>13104</v>
      </c>
      <c r="E43458" t="s">
        <v>13063</v>
      </c>
      <c r="F43458" t="s">
        <v>13064</v>
      </c>
      <c r="G43458" t="s">
        <v>10214</v>
      </c>
      <c r="H43458" t="s">
        <v>10215</v>
      </c>
      <c r="I43458" s="2">
        <v>1</v>
      </c>
      <c r="J43458" s="2">
        <v>0</v>
      </c>
      <c r="K43458" s="2">
        <v>0</v>
      </c>
      <c r="L43458" t="s">
        <v>120</v>
      </c>
      <c r="M43458" t="s">
        <v>83</v>
      </c>
      <c r="N43458" t="s">
        <v>84</v>
      </c>
      <c r="O43458" t="s">
        <v>85</v>
      </c>
      <c r="P43458" t="s">
        <v>86</v>
      </c>
      <c r="Q43458">
        <v>13</v>
      </c>
      <c r="R43458">
        <v>13</v>
      </c>
      <c r="S43458">
        <v>13</v>
      </c>
      <c r="T43458">
        <v>14</v>
      </c>
      <c r="U43458">
        <v>14</v>
      </c>
      <c r="V43458">
        <v>15</v>
      </c>
      <c r="W43458">
        <v>15</v>
      </c>
      <c r="X43458">
        <v>15</v>
      </c>
      <c r="Y43458">
        <v>16</v>
      </c>
      <c r="Z43458">
        <v>16</v>
      </c>
      <c r="AA43458">
        <v>17</v>
      </c>
      <c r="AB43458">
        <v>17</v>
      </c>
      <c r="AC43458">
        <v>17</v>
      </c>
      <c r="AD43458">
        <v>18</v>
      </c>
      <c r="AE43458">
        <v>18</v>
      </c>
      <c r="AF43458">
        <v>19</v>
      </c>
      <c r="AG43458">
        <v>19</v>
      </c>
      <c r="AH43458">
        <v>20</v>
      </c>
      <c r="AI43458">
        <v>20</v>
      </c>
      <c r="AJ43458">
        <v>20</v>
      </c>
      <c r="AK43458">
        <v>21</v>
      </c>
      <c r="AL43458">
        <v>21</v>
      </c>
      <c r="AM43458">
        <v>22</v>
      </c>
      <c r="AN43458">
        <v>22</v>
      </c>
      <c r="AO43458">
        <v>22</v>
      </c>
      <c r="AP43458">
        <v>23</v>
      </c>
      <c r="AQ43458">
        <v>23</v>
      </c>
    </row>
    <row r="43459" spans="1:43">
      <c r="A43459" t="s">
        <v>26551</v>
      </c>
      <c r="B43459" t="s">
        <v>26552</v>
      </c>
      <c r="C43459" t="s">
        <v>13103</v>
      </c>
      <c r="D43459" t="s">
        <v>13104</v>
      </c>
      <c r="E43459" t="s">
        <v>13063</v>
      </c>
      <c r="F43459" t="s">
        <v>13064</v>
      </c>
      <c r="G43459" t="s">
        <v>10214</v>
      </c>
      <c r="H43459" t="s">
        <v>10215</v>
      </c>
      <c r="I43459" s="2">
        <v>1</v>
      </c>
      <c r="J43459" s="2">
        <v>0</v>
      </c>
      <c r="K43459" s="2">
        <v>0</v>
      </c>
      <c r="L43459" t="s">
        <v>120</v>
      </c>
      <c r="M43459" t="s">
        <v>87</v>
      </c>
      <c r="N43459" t="s">
        <v>88</v>
      </c>
      <c r="O43459" t="s">
        <v>85</v>
      </c>
      <c r="P43459" t="s">
        <v>86</v>
      </c>
      <c r="Q43459">
        <v>13</v>
      </c>
      <c r="R43459">
        <v>13</v>
      </c>
      <c r="S43459">
        <v>13</v>
      </c>
      <c r="T43459">
        <v>13</v>
      </c>
      <c r="U43459">
        <v>14</v>
      </c>
      <c r="V43459">
        <v>14</v>
      </c>
      <c r="W43459">
        <v>14</v>
      </c>
      <c r="X43459">
        <v>14</v>
      </c>
      <c r="Y43459">
        <v>15</v>
      </c>
      <c r="Z43459">
        <v>15</v>
      </c>
      <c r="AA43459">
        <v>15</v>
      </c>
      <c r="AB43459">
        <v>15</v>
      </c>
      <c r="AC43459">
        <v>16</v>
      </c>
      <c r="AD43459">
        <v>16</v>
      </c>
      <c r="AE43459">
        <v>16</v>
      </c>
      <c r="AF43459">
        <v>16</v>
      </c>
      <c r="AG43459">
        <v>17</v>
      </c>
      <c r="AH43459">
        <v>17</v>
      </c>
      <c r="AI43459">
        <v>17</v>
      </c>
      <c r="AJ43459">
        <v>18</v>
      </c>
      <c r="AK43459">
        <v>18</v>
      </c>
      <c r="AL43459">
        <v>18</v>
      </c>
      <c r="AM43459">
        <v>18</v>
      </c>
      <c r="AN43459">
        <v>19</v>
      </c>
      <c r="AO43459">
        <v>19</v>
      </c>
      <c r="AP43459">
        <v>19</v>
      </c>
      <c r="AQ43459">
        <v>20</v>
      </c>
    </row>
    <row r="43460" spans="1:43">
      <c r="A43460" t="s">
        <v>26551</v>
      </c>
      <c r="B43460" t="s">
        <v>26552</v>
      </c>
      <c r="C43460" t="s">
        <v>13103</v>
      </c>
      <c r="D43460" t="s">
        <v>13104</v>
      </c>
      <c r="E43460" t="s">
        <v>13063</v>
      </c>
      <c r="F43460" t="s">
        <v>13064</v>
      </c>
      <c r="G43460" t="s">
        <v>10214</v>
      </c>
      <c r="H43460" t="s">
        <v>10215</v>
      </c>
      <c r="I43460" s="2">
        <v>1</v>
      </c>
      <c r="J43460" s="2">
        <v>0</v>
      </c>
      <c r="K43460" s="2">
        <v>0</v>
      </c>
      <c r="L43460" t="s">
        <v>120</v>
      </c>
      <c r="M43460" t="s">
        <v>89</v>
      </c>
      <c r="N43460" t="s">
        <v>90</v>
      </c>
      <c r="O43460" t="s">
        <v>85</v>
      </c>
      <c r="P43460" t="s">
        <v>86</v>
      </c>
      <c r="Q43460">
        <v>13</v>
      </c>
      <c r="R43460">
        <v>13</v>
      </c>
      <c r="S43460">
        <v>14</v>
      </c>
      <c r="T43460">
        <v>14</v>
      </c>
      <c r="U43460">
        <v>15</v>
      </c>
      <c r="V43460">
        <v>15</v>
      </c>
      <c r="W43460">
        <v>16</v>
      </c>
      <c r="X43460">
        <v>16</v>
      </c>
      <c r="Y43460">
        <v>17</v>
      </c>
      <c r="Z43460">
        <v>17</v>
      </c>
      <c r="AA43460">
        <v>18</v>
      </c>
      <c r="AB43460">
        <v>18</v>
      </c>
      <c r="AC43460">
        <v>19</v>
      </c>
      <c r="AD43460">
        <v>19</v>
      </c>
      <c r="AE43460">
        <v>20</v>
      </c>
      <c r="AF43460">
        <v>20</v>
      </c>
      <c r="AG43460">
        <v>20</v>
      </c>
      <c r="AH43460">
        <v>20</v>
      </c>
      <c r="AI43460">
        <v>21</v>
      </c>
      <c r="AJ43460">
        <v>21</v>
      </c>
      <c r="AK43460">
        <v>21</v>
      </c>
      <c r="AL43460">
        <v>22</v>
      </c>
      <c r="AM43460">
        <v>22</v>
      </c>
      <c r="AN43460">
        <v>22</v>
      </c>
      <c r="AO43460">
        <v>23</v>
      </c>
      <c r="AP43460">
        <v>23</v>
      </c>
      <c r="AQ43460">
        <v>23</v>
      </c>
    </row>
    <row r="43461" spans="1:43">
      <c r="A43461" t="s">
        <v>26551</v>
      </c>
      <c r="B43461" t="s">
        <v>26552</v>
      </c>
      <c r="C43461" t="s">
        <v>13103</v>
      </c>
      <c r="D43461" t="s">
        <v>13104</v>
      </c>
      <c r="E43461" t="s">
        <v>13063</v>
      </c>
      <c r="F43461" t="s">
        <v>13064</v>
      </c>
      <c r="G43461" t="s">
        <v>10214</v>
      </c>
      <c r="H43461" t="s">
        <v>10215</v>
      </c>
      <c r="I43461" s="2">
        <v>1</v>
      </c>
      <c r="J43461" s="2">
        <v>0</v>
      </c>
      <c r="K43461" s="2">
        <v>0</v>
      </c>
      <c r="L43461" t="s">
        <v>120</v>
      </c>
      <c r="M43461" t="s">
        <v>83</v>
      </c>
      <c r="N43461" t="s">
        <v>91</v>
      </c>
      <c r="O43461" t="s">
        <v>85</v>
      </c>
      <c r="P43461" t="s">
        <v>86</v>
      </c>
      <c r="Q43461">
        <v>13</v>
      </c>
      <c r="R43461">
        <v>13</v>
      </c>
      <c r="S43461">
        <v>13</v>
      </c>
      <c r="T43461">
        <v>14</v>
      </c>
      <c r="U43461">
        <v>14</v>
      </c>
      <c r="V43461">
        <v>15</v>
      </c>
      <c r="W43461">
        <v>15</v>
      </c>
      <c r="X43461">
        <v>15</v>
      </c>
      <c r="Y43461">
        <v>16</v>
      </c>
      <c r="Z43461">
        <v>16</v>
      </c>
      <c r="AA43461">
        <v>17</v>
      </c>
      <c r="AB43461">
        <v>17</v>
      </c>
      <c r="AC43461">
        <v>17</v>
      </c>
      <c r="AD43461">
        <v>18</v>
      </c>
      <c r="AE43461">
        <v>18</v>
      </c>
      <c r="AF43461">
        <v>19</v>
      </c>
      <c r="AG43461">
        <v>19</v>
      </c>
      <c r="AH43461">
        <v>20</v>
      </c>
      <c r="AI43461">
        <v>20</v>
      </c>
      <c r="AJ43461">
        <v>20</v>
      </c>
      <c r="AK43461">
        <v>21</v>
      </c>
      <c r="AL43461">
        <v>21</v>
      </c>
      <c r="AM43461">
        <v>22</v>
      </c>
      <c r="AN43461">
        <v>22</v>
      </c>
      <c r="AO43461">
        <v>22</v>
      </c>
      <c r="AP43461">
        <v>23</v>
      </c>
      <c r="AQ43461">
        <v>23</v>
      </c>
    </row>
    <row r="43462" spans="1:43">
      <c r="A43462" t="s">
        <v>26553</v>
      </c>
      <c r="B43462" t="s">
        <v>26554</v>
      </c>
      <c r="C43462" t="s">
        <v>13095</v>
      </c>
      <c r="D43462" t="s">
        <v>13096</v>
      </c>
      <c r="E43462" t="s">
        <v>13063</v>
      </c>
      <c r="F43462" t="s">
        <v>13064</v>
      </c>
      <c r="G43462" t="s">
        <v>10214</v>
      </c>
      <c r="H43462" t="s">
        <v>10215</v>
      </c>
      <c r="I43462" s="2">
        <v>1</v>
      </c>
      <c r="J43462" s="2">
        <v>0</v>
      </c>
      <c r="K43462" s="2">
        <v>0</v>
      </c>
      <c r="L43462" t="s">
        <v>120</v>
      </c>
      <c r="M43462" t="s">
        <v>83</v>
      </c>
      <c r="N43462" t="s">
        <v>84</v>
      </c>
      <c r="O43462" t="s">
        <v>85</v>
      </c>
      <c r="P43462" t="s">
        <v>86</v>
      </c>
      <c r="Q43462">
        <v>129</v>
      </c>
      <c r="R43462">
        <v>132</v>
      </c>
      <c r="S43462">
        <v>136</v>
      </c>
      <c r="T43462">
        <v>140</v>
      </c>
      <c r="U43462">
        <v>143</v>
      </c>
      <c r="V43462">
        <v>147</v>
      </c>
      <c r="W43462">
        <v>151</v>
      </c>
      <c r="X43462">
        <v>155</v>
      </c>
      <c r="Y43462">
        <v>159</v>
      </c>
      <c r="Z43462">
        <v>163</v>
      </c>
      <c r="AA43462">
        <v>167</v>
      </c>
      <c r="AB43462">
        <v>171</v>
      </c>
      <c r="AC43462">
        <v>175</v>
      </c>
      <c r="AD43462">
        <v>179</v>
      </c>
      <c r="AE43462">
        <v>184</v>
      </c>
      <c r="AF43462">
        <v>188</v>
      </c>
      <c r="AG43462">
        <v>193</v>
      </c>
      <c r="AH43462">
        <v>197</v>
      </c>
      <c r="AI43462">
        <v>202</v>
      </c>
      <c r="AJ43462">
        <v>207</v>
      </c>
      <c r="AK43462">
        <v>212</v>
      </c>
      <c r="AL43462">
        <v>215</v>
      </c>
      <c r="AM43462">
        <v>218</v>
      </c>
      <c r="AN43462">
        <v>221</v>
      </c>
      <c r="AO43462">
        <v>224</v>
      </c>
      <c r="AP43462">
        <v>227</v>
      </c>
      <c r="AQ43462">
        <v>230</v>
      </c>
    </row>
    <row r="43463" spans="1:43">
      <c r="A43463" t="s">
        <v>26553</v>
      </c>
      <c r="B43463" t="s">
        <v>26554</v>
      </c>
      <c r="C43463" t="s">
        <v>13095</v>
      </c>
      <c r="D43463" t="s">
        <v>13096</v>
      </c>
      <c r="E43463" t="s">
        <v>13063</v>
      </c>
      <c r="F43463" t="s">
        <v>13064</v>
      </c>
      <c r="G43463" t="s">
        <v>10214</v>
      </c>
      <c r="H43463" t="s">
        <v>10215</v>
      </c>
      <c r="I43463" s="2">
        <v>1</v>
      </c>
      <c r="J43463" s="2">
        <v>0</v>
      </c>
      <c r="K43463" s="2">
        <v>0</v>
      </c>
      <c r="L43463" t="s">
        <v>120</v>
      </c>
      <c r="M43463" t="s">
        <v>87</v>
      </c>
      <c r="N43463" t="s">
        <v>88</v>
      </c>
      <c r="O43463" t="s">
        <v>85</v>
      </c>
      <c r="P43463" t="s">
        <v>86</v>
      </c>
      <c r="Q43463">
        <v>129</v>
      </c>
      <c r="R43463">
        <v>131</v>
      </c>
      <c r="S43463">
        <v>133</v>
      </c>
      <c r="T43463">
        <v>136</v>
      </c>
      <c r="U43463">
        <v>138</v>
      </c>
      <c r="V43463">
        <v>140</v>
      </c>
      <c r="W43463">
        <v>143</v>
      </c>
      <c r="X43463">
        <v>145</v>
      </c>
      <c r="Y43463">
        <v>148</v>
      </c>
      <c r="Z43463">
        <v>150</v>
      </c>
      <c r="AA43463">
        <v>153</v>
      </c>
      <c r="AB43463">
        <v>156</v>
      </c>
      <c r="AC43463">
        <v>158</v>
      </c>
      <c r="AD43463">
        <v>161</v>
      </c>
      <c r="AE43463">
        <v>164</v>
      </c>
      <c r="AF43463">
        <v>166</v>
      </c>
      <c r="AG43463">
        <v>169</v>
      </c>
      <c r="AH43463">
        <v>172</v>
      </c>
      <c r="AI43463">
        <v>175</v>
      </c>
      <c r="AJ43463">
        <v>178</v>
      </c>
      <c r="AK43463">
        <v>181</v>
      </c>
      <c r="AL43463">
        <v>184</v>
      </c>
      <c r="AM43463">
        <v>187</v>
      </c>
      <c r="AN43463">
        <v>190</v>
      </c>
      <c r="AO43463">
        <v>193</v>
      </c>
      <c r="AP43463">
        <v>197</v>
      </c>
      <c r="AQ43463">
        <v>200</v>
      </c>
    </row>
    <row r="43464" spans="1:43">
      <c r="A43464" t="s">
        <v>26553</v>
      </c>
      <c r="B43464" t="s">
        <v>26554</v>
      </c>
      <c r="C43464" t="s">
        <v>13095</v>
      </c>
      <c r="D43464" t="s">
        <v>13096</v>
      </c>
      <c r="E43464" t="s">
        <v>13063</v>
      </c>
      <c r="F43464" t="s">
        <v>13064</v>
      </c>
      <c r="G43464" t="s">
        <v>10214</v>
      </c>
      <c r="H43464" t="s">
        <v>10215</v>
      </c>
      <c r="I43464" s="2">
        <v>1</v>
      </c>
      <c r="J43464" s="2">
        <v>0</v>
      </c>
      <c r="K43464" s="2">
        <v>0</v>
      </c>
      <c r="L43464" t="s">
        <v>120</v>
      </c>
      <c r="M43464" t="s">
        <v>89</v>
      </c>
      <c r="N43464" t="s">
        <v>90</v>
      </c>
      <c r="O43464" t="s">
        <v>85</v>
      </c>
      <c r="P43464" t="s">
        <v>86</v>
      </c>
      <c r="Q43464">
        <v>129</v>
      </c>
      <c r="R43464">
        <v>134</v>
      </c>
      <c r="S43464">
        <v>138</v>
      </c>
      <c r="T43464">
        <v>143</v>
      </c>
      <c r="U43464">
        <v>148</v>
      </c>
      <c r="V43464">
        <v>153</v>
      </c>
      <c r="W43464">
        <v>157</v>
      </c>
      <c r="X43464">
        <v>162</v>
      </c>
      <c r="Y43464">
        <v>167</v>
      </c>
      <c r="Z43464">
        <v>172</v>
      </c>
      <c r="AA43464">
        <v>177</v>
      </c>
      <c r="AB43464">
        <v>182</v>
      </c>
      <c r="AC43464">
        <v>187</v>
      </c>
      <c r="AD43464">
        <v>192</v>
      </c>
      <c r="AE43464">
        <v>196</v>
      </c>
      <c r="AF43464">
        <v>199</v>
      </c>
      <c r="AG43464">
        <v>202</v>
      </c>
      <c r="AH43464">
        <v>204</v>
      </c>
      <c r="AI43464">
        <v>207</v>
      </c>
      <c r="AJ43464">
        <v>210</v>
      </c>
      <c r="AK43464">
        <v>213</v>
      </c>
      <c r="AL43464">
        <v>216</v>
      </c>
      <c r="AM43464">
        <v>218</v>
      </c>
      <c r="AN43464">
        <v>221</v>
      </c>
      <c r="AO43464">
        <v>224</v>
      </c>
      <c r="AP43464">
        <v>227</v>
      </c>
      <c r="AQ43464">
        <v>230</v>
      </c>
    </row>
    <row r="43465" spans="1:43">
      <c r="A43465" t="s">
        <v>26553</v>
      </c>
      <c r="B43465" t="s">
        <v>26554</v>
      </c>
      <c r="C43465" t="s">
        <v>13095</v>
      </c>
      <c r="D43465" t="s">
        <v>13096</v>
      </c>
      <c r="E43465" t="s">
        <v>13063</v>
      </c>
      <c r="F43465" t="s">
        <v>13064</v>
      </c>
      <c r="G43465" t="s">
        <v>10214</v>
      </c>
      <c r="H43465" t="s">
        <v>10215</v>
      </c>
      <c r="I43465" s="2">
        <v>1</v>
      </c>
      <c r="J43465" s="2">
        <v>0</v>
      </c>
      <c r="K43465" s="2">
        <v>0</v>
      </c>
      <c r="L43465" t="s">
        <v>120</v>
      </c>
      <c r="M43465" t="s">
        <v>83</v>
      </c>
      <c r="N43465" t="s">
        <v>91</v>
      </c>
      <c r="O43465" t="s">
        <v>85</v>
      </c>
      <c r="P43465" t="s">
        <v>86</v>
      </c>
      <c r="Q43465">
        <v>129</v>
      </c>
      <c r="R43465">
        <v>132</v>
      </c>
      <c r="S43465">
        <v>136</v>
      </c>
      <c r="T43465">
        <v>140</v>
      </c>
      <c r="U43465">
        <v>143</v>
      </c>
      <c r="V43465">
        <v>147</v>
      </c>
      <c r="W43465">
        <v>151</v>
      </c>
      <c r="X43465">
        <v>155</v>
      </c>
      <c r="Y43465">
        <v>159</v>
      </c>
      <c r="Z43465">
        <v>163</v>
      </c>
      <c r="AA43465">
        <v>167</v>
      </c>
      <c r="AB43465">
        <v>171</v>
      </c>
      <c r="AC43465">
        <v>175</v>
      </c>
      <c r="AD43465">
        <v>179</v>
      </c>
      <c r="AE43465">
        <v>184</v>
      </c>
      <c r="AF43465">
        <v>188</v>
      </c>
      <c r="AG43465">
        <v>193</v>
      </c>
      <c r="AH43465">
        <v>197</v>
      </c>
      <c r="AI43465">
        <v>202</v>
      </c>
      <c r="AJ43465">
        <v>207</v>
      </c>
      <c r="AK43465">
        <v>212</v>
      </c>
      <c r="AL43465">
        <v>215</v>
      </c>
      <c r="AM43465">
        <v>218</v>
      </c>
      <c r="AN43465">
        <v>221</v>
      </c>
      <c r="AO43465">
        <v>224</v>
      </c>
      <c r="AP43465">
        <v>227</v>
      </c>
      <c r="AQ43465">
        <v>230</v>
      </c>
    </row>
    <row r="43466" spans="1:43">
      <c r="A43466" t="s">
        <v>26555</v>
      </c>
      <c r="B43466" t="s">
        <v>26556</v>
      </c>
      <c r="C43466" t="s">
        <v>13175</v>
      </c>
      <c r="D43466" t="s">
        <v>13176</v>
      </c>
      <c r="E43466" t="s">
        <v>13165</v>
      </c>
      <c r="F43466" t="s">
        <v>13166</v>
      </c>
      <c r="G43466" t="s">
        <v>10214</v>
      </c>
      <c r="H43466" t="s">
        <v>10215</v>
      </c>
      <c r="I43466" s="2">
        <v>1</v>
      </c>
      <c r="J43466" s="2">
        <v>0</v>
      </c>
      <c r="K43466" s="2">
        <v>0</v>
      </c>
      <c r="L43466" t="s">
        <v>120</v>
      </c>
      <c r="M43466" t="s">
        <v>83</v>
      </c>
      <c r="N43466" t="s">
        <v>84</v>
      </c>
      <c r="O43466" t="s">
        <v>85</v>
      </c>
      <c r="P43466" t="s">
        <v>86</v>
      </c>
      <c r="Q43466">
        <v>33</v>
      </c>
      <c r="R43466">
        <v>34</v>
      </c>
      <c r="S43466">
        <v>35</v>
      </c>
      <c r="T43466">
        <v>36</v>
      </c>
      <c r="U43466">
        <v>37</v>
      </c>
      <c r="V43466">
        <v>37</v>
      </c>
      <c r="W43466">
        <v>38</v>
      </c>
      <c r="X43466">
        <v>39</v>
      </c>
      <c r="Y43466">
        <v>40</v>
      </c>
      <c r="Z43466">
        <v>41</v>
      </c>
      <c r="AA43466">
        <v>42</v>
      </c>
      <c r="AB43466">
        <v>43</v>
      </c>
      <c r="AC43466">
        <v>44</v>
      </c>
      <c r="AD43466">
        <v>45</v>
      </c>
      <c r="AE43466">
        <v>47</v>
      </c>
      <c r="AF43466">
        <v>48</v>
      </c>
      <c r="AG43466">
        <v>49</v>
      </c>
      <c r="AH43466">
        <v>50</v>
      </c>
      <c r="AI43466">
        <v>51</v>
      </c>
      <c r="AJ43466">
        <v>52</v>
      </c>
      <c r="AK43466">
        <v>54</v>
      </c>
      <c r="AL43466">
        <v>55</v>
      </c>
      <c r="AM43466">
        <v>55</v>
      </c>
      <c r="AN43466">
        <v>56</v>
      </c>
      <c r="AO43466">
        <v>57</v>
      </c>
      <c r="AP43466">
        <v>58</v>
      </c>
      <c r="AQ43466">
        <v>59</v>
      </c>
    </row>
    <row r="43467" spans="1:43">
      <c r="A43467" t="s">
        <v>26555</v>
      </c>
      <c r="B43467" t="s">
        <v>26556</v>
      </c>
      <c r="C43467" t="s">
        <v>13175</v>
      </c>
      <c r="D43467" t="s">
        <v>13176</v>
      </c>
      <c r="E43467" t="s">
        <v>13165</v>
      </c>
      <c r="F43467" t="s">
        <v>13166</v>
      </c>
      <c r="G43467" t="s">
        <v>10214</v>
      </c>
      <c r="H43467" t="s">
        <v>10215</v>
      </c>
      <c r="I43467" s="2">
        <v>1</v>
      </c>
      <c r="J43467" s="2">
        <v>0</v>
      </c>
      <c r="K43467" s="2">
        <v>0</v>
      </c>
      <c r="L43467" t="s">
        <v>120</v>
      </c>
      <c r="M43467" t="s">
        <v>87</v>
      </c>
      <c r="N43467" t="s">
        <v>88</v>
      </c>
      <c r="O43467" t="s">
        <v>85</v>
      </c>
      <c r="P43467" t="s">
        <v>86</v>
      </c>
      <c r="Q43467">
        <v>33</v>
      </c>
      <c r="R43467">
        <v>33</v>
      </c>
      <c r="S43467">
        <v>34</v>
      </c>
      <c r="T43467">
        <v>34</v>
      </c>
      <c r="U43467">
        <v>35</v>
      </c>
      <c r="V43467">
        <v>35</v>
      </c>
      <c r="W43467">
        <v>36</v>
      </c>
      <c r="X43467">
        <v>37</v>
      </c>
      <c r="Y43467">
        <v>37</v>
      </c>
      <c r="Z43467">
        <v>38</v>
      </c>
      <c r="AA43467">
        <v>39</v>
      </c>
      <c r="AB43467">
        <v>39</v>
      </c>
      <c r="AC43467">
        <v>40</v>
      </c>
      <c r="AD43467">
        <v>41</v>
      </c>
      <c r="AE43467">
        <v>41</v>
      </c>
      <c r="AF43467">
        <v>42</v>
      </c>
      <c r="AG43467">
        <v>43</v>
      </c>
      <c r="AH43467">
        <v>44</v>
      </c>
      <c r="AI43467">
        <v>44</v>
      </c>
      <c r="AJ43467">
        <v>45</v>
      </c>
      <c r="AK43467">
        <v>46</v>
      </c>
      <c r="AL43467">
        <v>47</v>
      </c>
      <c r="AM43467">
        <v>47</v>
      </c>
      <c r="AN43467">
        <v>48</v>
      </c>
      <c r="AO43467">
        <v>49</v>
      </c>
      <c r="AP43467">
        <v>50</v>
      </c>
      <c r="AQ43467">
        <v>51</v>
      </c>
    </row>
    <row r="43468" spans="1:43">
      <c r="A43468" t="s">
        <v>26555</v>
      </c>
      <c r="B43468" t="s">
        <v>26556</v>
      </c>
      <c r="C43468" t="s">
        <v>13175</v>
      </c>
      <c r="D43468" t="s">
        <v>13176</v>
      </c>
      <c r="E43468" t="s">
        <v>13165</v>
      </c>
      <c r="F43468" t="s">
        <v>13166</v>
      </c>
      <c r="G43468" t="s">
        <v>10214</v>
      </c>
      <c r="H43468" t="s">
        <v>10215</v>
      </c>
      <c r="I43468" s="2">
        <v>1</v>
      </c>
      <c r="J43468" s="2">
        <v>0</v>
      </c>
      <c r="K43468" s="2">
        <v>0</v>
      </c>
      <c r="L43468" t="s">
        <v>120</v>
      </c>
      <c r="M43468" t="s">
        <v>89</v>
      </c>
      <c r="N43468" t="s">
        <v>90</v>
      </c>
      <c r="O43468" t="s">
        <v>85</v>
      </c>
      <c r="P43468" t="s">
        <v>86</v>
      </c>
      <c r="Q43468">
        <v>33</v>
      </c>
      <c r="R43468">
        <v>34</v>
      </c>
      <c r="S43468">
        <v>36</v>
      </c>
      <c r="T43468">
        <v>37</v>
      </c>
      <c r="U43468">
        <v>38</v>
      </c>
      <c r="V43468">
        <v>39</v>
      </c>
      <c r="W43468">
        <v>40</v>
      </c>
      <c r="X43468">
        <v>41</v>
      </c>
      <c r="Y43468">
        <v>43</v>
      </c>
      <c r="Z43468">
        <v>44</v>
      </c>
      <c r="AA43468">
        <v>45</v>
      </c>
      <c r="AB43468">
        <v>46</v>
      </c>
      <c r="AC43468">
        <v>48</v>
      </c>
      <c r="AD43468">
        <v>49</v>
      </c>
      <c r="AE43468">
        <v>50</v>
      </c>
      <c r="AF43468">
        <v>51</v>
      </c>
      <c r="AG43468">
        <v>51</v>
      </c>
      <c r="AH43468">
        <v>52</v>
      </c>
      <c r="AI43468">
        <v>53</v>
      </c>
      <c r="AJ43468">
        <v>54</v>
      </c>
      <c r="AK43468">
        <v>54</v>
      </c>
      <c r="AL43468">
        <v>55</v>
      </c>
      <c r="AM43468">
        <v>56</v>
      </c>
      <c r="AN43468">
        <v>57</v>
      </c>
      <c r="AO43468">
        <v>58</v>
      </c>
      <c r="AP43468">
        <v>58</v>
      </c>
      <c r="AQ43468">
        <v>59</v>
      </c>
    </row>
    <row r="43469" spans="1:43">
      <c r="A43469" t="s">
        <v>26555</v>
      </c>
      <c r="B43469" t="s">
        <v>26556</v>
      </c>
      <c r="C43469" t="s">
        <v>13175</v>
      </c>
      <c r="D43469" t="s">
        <v>13176</v>
      </c>
      <c r="E43469" t="s">
        <v>13165</v>
      </c>
      <c r="F43469" t="s">
        <v>13166</v>
      </c>
      <c r="G43469" t="s">
        <v>10214</v>
      </c>
      <c r="H43469" t="s">
        <v>10215</v>
      </c>
      <c r="I43469" s="2">
        <v>1</v>
      </c>
      <c r="J43469" s="2">
        <v>0</v>
      </c>
      <c r="K43469" s="2">
        <v>0</v>
      </c>
      <c r="L43469" t="s">
        <v>120</v>
      </c>
      <c r="M43469" t="s">
        <v>83</v>
      </c>
      <c r="N43469" t="s">
        <v>91</v>
      </c>
      <c r="O43469" t="s">
        <v>85</v>
      </c>
      <c r="P43469" t="s">
        <v>86</v>
      </c>
      <c r="Q43469">
        <v>33</v>
      </c>
      <c r="R43469">
        <v>34</v>
      </c>
      <c r="S43469">
        <v>35</v>
      </c>
      <c r="T43469">
        <v>36</v>
      </c>
      <c r="U43469">
        <v>37</v>
      </c>
      <c r="V43469">
        <v>37</v>
      </c>
      <c r="W43469">
        <v>38</v>
      </c>
      <c r="X43469">
        <v>39</v>
      </c>
      <c r="Y43469">
        <v>40</v>
      </c>
      <c r="Z43469">
        <v>41</v>
      </c>
      <c r="AA43469">
        <v>42</v>
      </c>
      <c r="AB43469">
        <v>43</v>
      </c>
      <c r="AC43469">
        <v>44</v>
      </c>
      <c r="AD43469">
        <v>45</v>
      </c>
      <c r="AE43469">
        <v>47</v>
      </c>
      <c r="AF43469">
        <v>48</v>
      </c>
      <c r="AG43469">
        <v>49</v>
      </c>
      <c r="AH43469">
        <v>50</v>
      </c>
      <c r="AI43469">
        <v>51</v>
      </c>
      <c r="AJ43469">
        <v>52</v>
      </c>
      <c r="AK43469">
        <v>54</v>
      </c>
      <c r="AL43469">
        <v>55</v>
      </c>
      <c r="AM43469">
        <v>55</v>
      </c>
      <c r="AN43469">
        <v>56</v>
      </c>
      <c r="AO43469">
        <v>57</v>
      </c>
      <c r="AP43469">
        <v>58</v>
      </c>
      <c r="AQ43469">
        <v>59</v>
      </c>
    </row>
    <row r="43470" spans="1:43">
      <c r="A43470" t="s">
        <v>26557</v>
      </c>
      <c r="B43470" t="s">
        <v>26558</v>
      </c>
      <c r="C43470" t="s">
        <v>13175</v>
      </c>
      <c r="D43470" t="s">
        <v>13176</v>
      </c>
      <c r="E43470" t="s">
        <v>13165</v>
      </c>
      <c r="F43470" t="s">
        <v>13166</v>
      </c>
      <c r="G43470" t="s">
        <v>10214</v>
      </c>
      <c r="H43470" t="s">
        <v>10215</v>
      </c>
      <c r="I43470" s="2">
        <v>1</v>
      </c>
      <c r="J43470" s="2">
        <v>0</v>
      </c>
      <c r="K43470" s="2">
        <v>0</v>
      </c>
      <c r="L43470" t="s">
        <v>120</v>
      </c>
      <c r="M43470" t="s">
        <v>83</v>
      </c>
      <c r="N43470" t="s">
        <v>84</v>
      </c>
      <c r="O43470" t="s">
        <v>85</v>
      </c>
      <c r="P43470" t="s">
        <v>86</v>
      </c>
      <c r="Q43470">
        <v>30</v>
      </c>
      <c r="R43470">
        <v>31</v>
      </c>
      <c r="S43470">
        <v>32</v>
      </c>
      <c r="T43470">
        <v>33</v>
      </c>
      <c r="U43470">
        <v>34</v>
      </c>
      <c r="V43470">
        <v>35</v>
      </c>
      <c r="W43470">
        <v>35</v>
      </c>
      <c r="X43470">
        <v>36</v>
      </c>
      <c r="Y43470">
        <v>37</v>
      </c>
      <c r="Z43470">
        <v>38</v>
      </c>
      <c r="AA43470">
        <v>39</v>
      </c>
      <c r="AB43470">
        <v>40</v>
      </c>
      <c r="AC43470">
        <v>41</v>
      </c>
      <c r="AD43470">
        <v>42</v>
      </c>
      <c r="AE43470">
        <v>43</v>
      </c>
      <c r="AF43470">
        <v>44</v>
      </c>
      <c r="AG43470">
        <v>45</v>
      </c>
      <c r="AH43470">
        <v>46</v>
      </c>
      <c r="AI43470">
        <v>47</v>
      </c>
      <c r="AJ43470">
        <v>48</v>
      </c>
      <c r="AK43470">
        <v>49</v>
      </c>
      <c r="AL43470">
        <v>50</v>
      </c>
      <c r="AM43470">
        <v>51</v>
      </c>
      <c r="AN43470">
        <v>52</v>
      </c>
      <c r="AO43470">
        <v>53</v>
      </c>
      <c r="AP43470">
        <v>53</v>
      </c>
      <c r="AQ43470">
        <v>54</v>
      </c>
    </row>
    <row r="43471" spans="1:43">
      <c r="A43471" t="s">
        <v>26557</v>
      </c>
      <c r="B43471" t="s">
        <v>26558</v>
      </c>
      <c r="C43471" t="s">
        <v>13175</v>
      </c>
      <c r="D43471" t="s">
        <v>13176</v>
      </c>
      <c r="E43471" t="s">
        <v>13165</v>
      </c>
      <c r="F43471" t="s">
        <v>13166</v>
      </c>
      <c r="G43471" t="s">
        <v>10214</v>
      </c>
      <c r="H43471" t="s">
        <v>10215</v>
      </c>
      <c r="I43471" s="2">
        <v>1</v>
      </c>
      <c r="J43471" s="2">
        <v>0</v>
      </c>
      <c r="K43471" s="2">
        <v>0</v>
      </c>
      <c r="L43471" t="s">
        <v>120</v>
      </c>
      <c r="M43471" t="s">
        <v>87</v>
      </c>
      <c r="N43471" t="s">
        <v>88</v>
      </c>
      <c r="O43471" t="s">
        <v>85</v>
      </c>
      <c r="P43471" t="s">
        <v>86</v>
      </c>
      <c r="Q43471">
        <v>30</v>
      </c>
      <c r="R43471">
        <v>31</v>
      </c>
      <c r="S43471">
        <v>31</v>
      </c>
      <c r="T43471">
        <v>32</v>
      </c>
      <c r="U43471">
        <v>32</v>
      </c>
      <c r="V43471">
        <v>33</v>
      </c>
      <c r="W43471">
        <v>33</v>
      </c>
      <c r="X43471">
        <v>34</v>
      </c>
      <c r="Y43471">
        <v>34</v>
      </c>
      <c r="Z43471">
        <v>35</v>
      </c>
      <c r="AA43471">
        <v>36</v>
      </c>
      <c r="AB43471">
        <v>36</v>
      </c>
      <c r="AC43471">
        <v>37</v>
      </c>
      <c r="AD43471">
        <v>37</v>
      </c>
      <c r="AE43471">
        <v>38</v>
      </c>
      <c r="AF43471">
        <v>39</v>
      </c>
      <c r="AG43471">
        <v>39</v>
      </c>
      <c r="AH43471">
        <v>40</v>
      </c>
      <c r="AI43471">
        <v>41</v>
      </c>
      <c r="AJ43471">
        <v>42</v>
      </c>
      <c r="AK43471">
        <v>42</v>
      </c>
      <c r="AL43471">
        <v>43</v>
      </c>
      <c r="AM43471">
        <v>44</v>
      </c>
      <c r="AN43471">
        <v>45</v>
      </c>
      <c r="AO43471">
        <v>45</v>
      </c>
      <c r="AP43471">
        <v>46</v>
      </c>
      <c r="AQ43471">
        <v>47</v>
      </c>
    </row>
    <row r="43472" spans="1:43">
      <c r="A43472" t="s">
        <v>26557</v>
      </c>
      <c r="B43472" t="s">
        <v>26558</v>
      </c>
      <c r="C43472" t="s">
        <v>13175</v>
      </c>
      <c r="D43472" t="s">
        <v>13176</v>
      </c>
      <c r="E43472" t="s">
        <v>13165</v>
      </c>
      <c r="F43472" t="s">
        <v>13166</v>
      </c>
      <c r="G43472" t="s">
        <v>10214</v>
      </c>
      <c r="H43472" t="s">
        <v>10215</v>
      </c>
      <c r="I43472" s="2">
        <v>1</v>
      </c>
      <c r="J43472" s="2">
        <v>0</v>
      </c>
      <c r="K43472" s="2">
        <v>0</v>
      </c>
      <c r="L43472" t="s">
        <v>120</v>
      </c>
      <c r="M43472" t="s">
        <v>89</v>
      </c>
      <c r="N43472" t="s">
        <v>90</v>
      </c>
      <c r="O43472" t="s">
        <v>85</v>
      </c>
      <c r="P43472" t="s">
        <v>86</v>
      </c>
      <c r="Q43472">
        <v>30</v>
      </c>
      <c r="R43472">
        <v>31</v>
      </c>
      <c r="S43472">
        <v>32</v>
      </c>
      <c r="T43472">
        <v>33</v>
      </c>
      <c r="U43472">
        <v>34</v>
      </c>
      <c r="V43472">
        <v>35</v>
      </c>
      <c r="W43472">
        <v>36</v>
      </c>
      <c r="X43472">
        <v>37</v>
      </c>
      <c r="Y43472">
        <v>38</v>
      </c>
      <c r="Z43472">
        <v>39</v>
      </c>
      <c r="AA43472">
        <v>41</v>
      </c>
      <c r="AB43472">
        <v>42</v>
      </c>
      <c r="AC43472">
        <v>43</v>
      </c>
      <c r="AD43472">
        <v>44</v>
      </c>
      <c r="AE43472">
        <v>45</v>
      </c>
      <c r="AF43472">
        <v>46</v>
      </c>
      <c r="AG43472">
        <v>46</v>
      </c>
      <c r="AH43472">
        <v>47</v>
      </c>
      <c r="AI43472">
        <v>48</v>
      </c>
      <c r="AJ43472">
        <v>48</v>
      </c>
      <c r="AK43472">
        <v>49</v>
      </c>
      <c r="AL43472">
        <v>50</v>
      </c>
      <c r="AM43472">
        <v>51</v>
      </c>
      <c r="AN43472">
        <v>51</v>
      </c>
      <c r="AO43472">
        <v>52</v>
      </c>
      <c r="AP43472">
        <v>53</v>
      </c>
      <c r="AQ43472">
        <v>54</v>
      </c>
    </row>
    <row r="43473" spans="1:43">
      <c r="A43473" t="s">
        <v>26557</v>
      </c>
      <c r="B43473" t="s">
        <v>26558</v>
      </c>
      <c r="C43473" t="s">
        <v>13175</v>
      </c>
      <c r="D43473" t="s">
        <v>13176</v>
      </c>
      <c r="E43473" t="s">
        <v>13165</v>
      </c>
      <c r="F43473" t="s">
        <v>13166</v>
      </c>
      <c r="G43473" t="s">
        <v>10214</v>
      </c>
      <c r="H43473" t="s">
        <v>10215</v>
      </c>
      <c r="I43473" s="2">
        <v>1</v>
      </c>
      <c r="J43473" s="2">
        <v>0</v>
      </c>
      <c r="K43473" s="2">
        <v>0</v>
      </c>
      <c r="L43473" t="s">
        <v>120</v>
      </c>
      <c r="M43473" t="s">
        <v>83</v>
      </c>
      <c r="N43473" t="s">
        <v>91</v>
      </c>
      <c r="O43473" t="s">
        <v>85</v>
      </c>
      <c r="P43473" t="s">
        <v>86</v>
      </c>
      <c r="Q43473">
        <v>30</v>
      </c>
      <c r="R43473">
        <v>31</v>
      </c>
      <c r="S43473">
        <v>32</v>
      </c>
      <c r="T43473">
        <v>33</v>
      </c>
      <c r="U43473">
        <v>34</v>
      </c>
      <c r="V43473">
        <v>35</v>
      </c>
      <c r="W43473">
        <v>35</v>
      </c>
      <c r="X43473">
        <v>36</v>
      </c>
      <c r="Y43473">
        <v>37</v>
      </c>
      <c r="Z43473">
        <v>38</v>
      </c>
      <c r="AA43473">
        <v>39</v>
      </c>
      <c r="AB43473">
        <v>40</v>
      </c>
      <c r="AC43473">
        <v>41</v>
      </c>
      <c r="AD43473">
        <v>42</v>
      </c>
      <c r="AE43473">
        <v>43</v>
      </c>
      <c r="AF43473">
        <v>44</v>
      </c>
      <c r="AG43473">
        <v>45</v>
      </c>
      <c r="AH43473">
        <v>46</v>
      </c>
      <c r="AI43473">
        <v>47</v>
      </c>
      <c r="AJ43473">
        <v>48</v>
      </c>
      <c r="AK43473">
        <v>49</v>
      </c>
      <c r="AL43473">
        <v>50</v>
      </c>
      <c r="AM43473">
        <v>51</v>
      </c>
      <c r="AN43473">
        <v>52</v>
      </c>
      <c r="AO43473">
        <v>53</v>
      </c>
      <c r="AP43473">
        <v>53</v>
      </c>
      <c r="AQ43473">
        <v>54</v>
      </c>
    </row>
    <row r="43474" spans="1:43">
      <c r="A43474" t="s">
        <v>26559</v>
      </c>
      <c r="B43474" t="s">
        <v>26560</v>
      </c>
      <c r="C43474" t="s">
        <v>10264</v>
      </c>
      <c r="D43474" t="s">
        <v>10265</v>
      </c>
      <c r="E43474" t="s">
        <v>10212</v>
      </c>
      <c r="F43474" t="s">
        <v>10213</v>
      </c>
      <c r="G43474" t="s">
        <v>10214</v>
      </c>
      <c r="H43474" t="s">
        <v>10215</v>
      </c>
      <c r="I43474" s="2">
        <v>0.02</v>
      </c>
      <c r="J43474" s="2">
        <v>0</v>
      </c>
      <c r="K43474" s="2">
        <v>0</v>
      </c>
      <c r="L43474" t="s">
        <v>120</v>
      </c>
      <c r="M43474" t="s">
        <v>83</v>
      </c>
      <c r="N43474" t="s">
        <v>84</v>
      </c>
      <c r="O43474" t="s">
        <v>85</v>
      </c>
      <c r="P43474" t="s">
        <v>86</v>
      </c>
      <c r="Q43474">
        <v>0</v>
      </c>
      <c r="R43474">
        <v>0</v>
      </c>
      <c r="S43474">
        <v>0</v>
      </c>
      <c r="T43474">
        <v>0</v>
      </c>
      <c r="U43474">
        <v>0</v>
      </c>
      <c r="V43474">
        <v>0</v>
      </c>
      <c r="W43474">
        <v>0</v>
      </c>
      <c r="X43474">
        <v>0</v>
      </c>
      <c r="Y43474">
        <v>0</v>
      </c>
      <c r="Z43474">
        <v>0</v>
      </c>
      <c r="AA43474">
        <v>0</v>
      </c>
      <c r="AB43474">
        <v>0</v>
      </c>
      <c r="AC43474">
        <v>0</v>
      </c>
      <c r="AD43474">
        <v>0</v>
      </c>
      <c r="AE43474">
        <v>0</v>
      </c>
      <c r="AF43474">
        <v>0</v>
      </c>
      <c r="AG43474">
        <v>0</v>
      </c>
      <c r="AH43474">
        <v>0</v>
      </c>
      <c r="AI43474">
        <v>0</v>
      </c>
      <c r="AJ43474">
        <v>0</v>
      </c>
      <c r="AK43474">
        <v>0</v>
      </c>
      <c r="AL43474">
        <v>0</v>
      </c>
      <c r="AM43474">
        <v>0</v>
      </c>
      <c r="AN43474">
        <v>0</v>
      </c>
      <c r="AO43474">
        <v>0</v>
      </c>
      <c r="AP43474">
        <v>0</v>
      </c>
      <c r="AQ43474">
        <v>0</v>
      </c>
    </row>
    <row r="43475" spans="1:43">
      <c r="A43475" t="s">
        <v>26559</v>
      </c>
      <c r="B43475" t="s">
        <v>26560</v>
      </c>
      <c r="C43475" t="s">
        <v>10264</v>
      </c>
      <c r="D43475" t="s">
        <v>10265</v>
      </c>
      <c r="E43475" t="s">
        <v>10212</v>
      </c>
      <c r="F43475" t="s">
        <v>10213</v>
      </c>
      <c r="G43475" t="s">
        <v>10214</v>
      </c>
      <c r="H43475" t="s">
        <v>10215</v>
      </c>
      <c r="I43475" s="2">
        <v>0.02</v>
      </c>
      <c r="J43475" s="2">
        <v>0</v>
      </c>
      <c r="K43475" s="2">
        <v>0</v>
      </c>
      <c r="L43475" t="s">
        <v>120</v>
      </c>
      <c r="M43475" t="s">
        <v>87</v>
      </c>
      <c r="N43475" t="s">
        <v>88</v>
      </c>
      <c r="O43475" t="s">
        <v>85</v>
      </c>
      <c r="P43475" t="s">
        <v>86</v>
      </c>
      <c r="Q43475">
        <v>0</v>
      </c>
      <c r="R43475">
        <v>0</v>
      </c>
      <c r="S43475">
        <v>0</v>
      </c>
      <c r="T43475">
        <v>0</v>
      </c>
      <c r="U43475">
        <v>0</v>
      </c>
      <c r="V43475">
        <v>0</v>
      </c>
      <c r="W43475">
        <v>0</v>
      </c>
      <c r="X43475">
        <v>0</v>
      </c>
      <c r="Y43475">
        <v>0</v>
      </c>
      <c r="Z43475">
        <v>0</v>
      </c>
      <c r="AA43475">
        <v>0</v>
      </c>
      <c r="AB43475">
        <v>0</v>
      </c>
      <c r="AC43475">
        <v>0</v>
      </c>
      <c r="AD43475">
        <v>0</v>
      </c>
      <c r="AE43475">
        <v>0</v>
      </c>
      <c r="AF43475">
        <v>0</v>
      </c>
      <c r="AG43475">
        <v>0</v>
      </c>
      <c r="AH43475">
        <v>0</v>
      </c>
      <c r="AI43475">
        <v>0</v>
      </c>
      <c r="AJ43475">
        <v>0</v>
      </c>
      <c r="AK43475">
        <v>0</v>
      </c>
      <c r="AL43475">
        <v>0</v>
      </c>
      <c r="AM43475">
        <v>0</v>
      </c>
      <c r="AN43475">
        <v>0</v>
      </c>
      <c r="AO43475">
        <v>0</v>
      </c>
      <c r="AP43475">
        <v>0</v>
      </c>
      <c r="AQ43475">
        <v>0</v>
      </c>
    </row>
    <row r="43476" spans="1:43">
      <c r="A43476" t="s">
        <v>26559</v>
      </c>
      <c r="B43476" t="s">
        <v>26560</v>
      </c>
      <c r="C43476" t="s">
        <v>10264</v>
      </c>
      <c r="D43476" t="s">
        <v>10265</v>
      </c>
      <c r="E43476" t="s">
        <v>10212</v>
      </c>
      <c r="F43476" t="s">
        <v>10213</v>
      </c>
      <c r="G43476" t="s">
        <v>10214</v>
      </c>
      <c r="H43476" t="s">
        <v>10215</v>
      </c>
      <c r="I43476" s="2">
        <v>0.02</v>
      </c>
      <c r="J43476" s="2">
        <v>0</v>
      </c>
      <c r="K43476" s="2">
        <v>0</v>
      </c>
      <c r="L43476" t="s">
        <v>120</v>
      </c>
      <c r="M43476" t="s">
        <v>89</v>
      </c>
      <c r="N43476" t="s">
        <v>90</v>
      </c>
      <c r="O43476" t="s">
        <v>85</v>
      </c>
      <c r="P43476" t="s">
        <v>86</v>
      </c>
      <c r="Q43476">
        <v>0</v>
      </c>
      <c r="R43476">
        <v>0</v>
      </c>
      <c r="S43476">
        <v>0</v>
      </c>
      <c r="T43476">
        <v>0</v>
      </c>
      <c r="U43476">
        <v>0</v>
      </c>
      <c r="V43476">
        <v>0</v>
      </c>
      <c r="W43476">
        <v>0</v>
      </c>
      <c r="X43476">
        <v>0</v>
      </c>
      <c r="Y43476">
        <v>0</v>
      </c>
      <c r="Z43476">
        <v>0</v>
      </c>
      <c r="AA43476">
        <v>0</v>
      </c>
      <c r="AB43476">
        <v>0</v>
      </c>
      <c r="AC43476">
        <v>0</v>
      </c>
      <c r="AD43476">
        <v>0</v>
      </c>
      <c r="AE43476">
        <v>0</v>
      </c>
      <c r="AF43476">
        <v>0</v>
      </c>
      <c r="AG43476">
        <v>0</v>
      </c>
      <c r="AH43476">
        <v>0</v>
      </c>
      <c r="AI43476">
        <v>0</v>
      </c>
      <c r="AJ43476">
        <v>0</v>
      </c>
      <c r="AK43476">
        <v>0</v>
      </c>
      <c r="AL43476">
        <v>0</v>
      </c>
      <c r="AM43476">
        <v>0</v>
      </c>
      <c r="AN43476">
        <v>0</v>
      </c>
      <c r="AO43476">
        <v>0</v>
      </c>
      <c r="AP43476">
        <v>0</v>
      </c>
      <c r="AQ43476">
        <v>0</v>
      </c>
    </row>
    <row r="43477" spans="1:43">
      <c r="A43477" t="s">
        <v>26559</v>
      </c>
      <c r="B43477" t="s">
        <v>26560</v>
      </c>
      <c r="C43477" t="s">
        <v>10264</v>
      </c>
      <c r="D43477" t="s">
        <v>10265</v>
      </c>
      <c r="E43477" t="s">
        <v>10212</v>
      </c>
      <c r="F43477" t="s">
        <v>10213</v>
      </c>
      <c r="G43477" t="s">
        <v>10214</v>
      </c>
      <c r="H43477" t="s">
        <v>10215</v>
      </c>
      <c r="I43477" s="2">
        <v>0.02</v>
      </c>
      <c r="J43477" s="2">
        <v>0</v>
      </c>
      <c r="K43477" s="2">
        <v>0</v>
      </c>
      <c r="L43477" t="s">
        <v>120</v>
      </c>
      <c r="M43477" t="s">
        <v>83</v>
      </c>
      <c r="N43477" t="s">
        <v>91</v>
      </c>
      <c r="O43477" t="s">
        <v>85</v>
      </c>
      <c r="P43477" t="s">
        <v>86</v>
      </c>
      <c r="Q43477">
        <v>0</v>
      </c>
      <c r="R43477">
        <v>0</v>
      </c>
      <c r="S43477">
        <v>0</v>
      </c>
      <c r="T43477">
        <v>0</v>
      </c>
      <c r="U43477">
        <v>0</v>
      </c>
      <c r="V43477">
        <v>0</v>
      </c>
      <c r="W43477">
        <v>0</v>
      </c>
      <c r="X43477">
        <v>0</v>
      </c>
      <c r="Y43477">
        <v>0</v>
      </c>
      <c r="Z43477">
        <v>0</v>
      </c>
      <c r="AA43477">
        <v>0</v>
      </c>
      <c r="AB43477">
        <v>0</v>
      </c>
      <c r="AC43477">
        <v>0</v>
      </c>
      <c r="AD43477">
        <v>0</v>
      </c>
      <c r="AE43477">
        <v>0</v>
      </c>
      <c r="AF43477">
        <v>0</v>
      </c>
      <c r="AG43477">
        <v>0</v>
      </c>
      <c r="AH43477">
        <v>0</v>
      </c>
      <c r="AI43477">
        <v>0</v>
      </c>
      <c r="AJ43477">
        <v>0</v>
      </c>
      <c r="AK43477">
        <v>0</v>
      </c>
      <c r="AL43477">
        <v>0</v>
      </c>
      <c r="AM43477">
        <v>0</v>
      </c>
      <c r="AN43477">
        <v>0</v>
      </c>
      <c r="AO43477">
        <v>0</v>
      </c>
      <c r="AP43477">
        <v>0</v>
      </c>
      <c r="AQ43477">
        <v>0</v>
      </c>
    </row>
    <row r="43478" spans="1:43">
      <c r="A43478" t="s">
        <v>26561</v>
      </c>
      <c r="B43478" t="s">
        <v>26562</v>
      </c>
      <c r="C43478" t="s">
        <v>10264</v>
      </c>
      <c r="D43478" t="s">
        <v>10265</v>
      </c>
      <c r="E43478" t="s">
        <v>10212</v>
      </c>
      <c r="F43478" t="s">
        <v>10213</v>
      </c>
      <c r="G43478" t="s">
        <v>10214</v>
      </c>
      <c r="H43478" t="s">
        <v>10215</v>
      </c>
      <c r="I43478" s="2">
        <v>1</v>
      </c>
      <c r="J43478" s="2">
        <v>0</v>
      </c>
      <c r="K43478" s="2">
        <v>0</v>
      </c>
      <c r="L43478" t="s">
        <v>120</v>
      </c>
      <c r="M43478" t="s">
        <v>83</v>
      </c>
      <c r="N43478" t="s">
        <v>84</v>
      </c>
      <c r="O43478" t="s">
        <v>85</v>
      </c>
      <c r="P43478" t="s">
        <v>86</v>
      </c>
      <c r="Q43478">
        <v>5</v>
      </c>
      <c r="R43478">
        <v>5</v>
      </c>
      <c r="S43478">
        <v>5</v>
      </c>
      <c r="T43478">
        <v>5</v>
      </c>
      <c r="U43478">
        <v>5</v>
      </c>
      <c r="V43478">
        <v>5</v>
      </c>
      <c r="W43478">
        <v>5</v>
      </c>
      <c r="X43478">
        <v>5</v>
      </c>
      <c r="Y43478">
        <v>5</v>
      </c>
      <c r="Z43478">
        <v>5</v>
      </c>
      <c r="AA43478">
        <v>5</v>
      </c>
      <c r="AB43478">
        <v>5</v>
      </c>
      <c r="AC43478">
        <v>6</v>
      </c>
      <c r="AD43478">
        <v>6</v>
      </c>
      <c r="AE43478">
        <v>6</v>
      </c>
      <c r="AF43478">
        <v>6</v>
      </c>
      <c r="AG43478">
        <v>6</v>
      </c>
      <c r="AH43478">
        <v>6</v>
      </c>
      <c r="AI43478">
        <v>6</v>
      </c>
      <c r="AJ43478">
        <v>6</v>
      </c>
      <c r="AK43478">
        <v>6</v>
      </c>
      <c r="AL43478">
        <v>6</v>
      </c>
      <c r="AM43478">
        <v>6</v>
      </c>
      <c r="AN43478">
        <v>6</v>
      </c>
      <c r="AO43478">
        <v>6</v>
      </c>
      <c r="AP43478">
        <v>6</v>
      </c>
      <c r="AQ43478">
        <v>6</v>
      </c>
    </row>
    <row r="43479" spans="1:43">
      <c r="A43479" t="s">
        <v>26561</v>
      </c>
      <c r="B43479" t="s">
        <v>26562</v>
      </c>
      <c r="C43479" t="s">
        <v>10264</v>
      </c>
      <c r="D43479" t="s">
        <v>10265</v>
      </c>
      <c r="E43479" t="s">
        <v>10212</v>
      </c>
      <c r="F43479" t="s">
        <v>10213</v>
      </c>
      <c r="G43479" t="s">
        <v>10214</v>
      </c>
      <c r="H43479" t="s">
        <v>10215</v>
      </c>
      <c r="I43479" s="2">
        <v>1</v>
      </c>
      <c r="J43479" s="2">
        <v>0</v>
      </c>
      <c r="K43479" s="2">
        <v>0</v>
      </c>
      <c r="L43479" t="s">
        <v>120</v>
      </c>
      <c r="M43479" t="s">
        <v>87</v>
      </c>
      <c r="N43479" t="s">
        <v>88</v>
      </c>
      <c r="O43479" t="s">
        <v>85</v>
      </c>
      <c r="P43479" t="s">
        <v>86</v>
      </c>
      <c r="Q43479">
        <v>5</v>
      </c>
      <c r="R43479">
        <v>5</v>
      </c>
      <c r="S43479">
        <v>5</v>
      </c>
      <c r="T43479">
        <v>5</v>
      </c>
      <c r="U43479">
        <v>5</v>
      </c>
      <c r="V43479">
        <v>5</v>
      </c>
      <c r="W43479">
        <v>5</v>
      </c>
      <c r="X43479">
        <v>5</v>
      </c>
      <c r="Y43479">
        <v>5</v>
      </c>
      <c r="Z43479">
        <v>5</v>
      </c>
      <c r="AA43479">
        <v>5</v>
      </c>
      <c r="AB43479">
        <v>5</v>
      </c>
      <c r="AC43479">
        <v>5</v>
      </c>
      <c r="AD43479">
        <v>5</v>
      </c>
      <c r="AE43479">
        <v>5</v>
      </c>
      <c r="AF43479">
        <v>5</v>
      </c>
      <c r="AG43479">
        <v>5</v>
      </c>
      <c r="AH43479">
        <v>5</v>
      </c>
      <c r="AI43479">
        <v>5</v>
      </c>
      <c r="AJ43479">
        <v>5</v>
      </c>
      <c r="AK43479">
        <v>5</v>
      </c>
      <c r="AL43479">
        <v>5</v>
      </c>
      <c r="AM43479">
        <v>5</v>
      </c>
      <c r="AN43479">
        <v>5</v>
      </c>
      <c r="AO43479">
        <v>5</v>
      </c>
      <c r="AP43479">
        <v>5</v>
      </c>
      <c r="AQ43479">
        <v>5</v>
      </c>
    </row>
    <row r="43480" spans="1:43">
      <c r="A43480" t="s">
        <v>26561</v>
      </c>
      <c r="B43480" t="s">
        <v>26562</v>
      </c>
      <c r="C43480" t="s">
        <v>10264</v>
      </c>
      <c r="D43480" t="s">
        <v>10265</v>
      </c>
      <c r="E43480" t="s">
        <v>10212</v>
      </c>
      <c r="F43480" t="s">
        <v>10213</v>
      </c>
      <c r="G43480" t="s">
        <v>10214</v>
      </c>
      <c r="H43480" t="s">
        <v>10215</v>
      </c>
      <c r="I43480" s="2">
        <v>1</v>
      </c>
      <c r="J43480" s="2">
        <v>0</v>
      </c>
      <c r="K43480" s="2">
        <v>0</v>
      </c>
      <c r="L43480" t="s">
        <v>120</v>
      </c>
      <c r="M43480" t="s">
        <v>89</v>
      </c>
      <c r="N43480" t="s">
        <v>90</v>
      </c>
      <c r="O43480" t="s">
        <v>85</v>
      </c>
      <c r="P43480" t="s">
        <v>86</v>
      </c>
      <c r="Q43480">
        <v>5</v>
      </c>
      <c r="R43480">
        <v>5</v>
      </c>
      <c r="S43480">
        <v>5</v>
      </c>
      <c r="T43480">
        <v>5</v>
      </c>
      <c r="U43480">
        <v>5</v>
      </c>
      <c r="V43480">
        <v>5</v>
      </c>
      <c r="W43480">
        <v>5</v>
      </c>
      <c r="X43480">
        <v>6</v>
      </c>
      <c r="Y43480">
        <v>6</v>
      </c>
      <c r="Z43480">
        <v>6</v>
      </c>
      <c r="AA43480">
        <v>6</v>
      </c>
      <c r="AB43480">
        <v>6</v>
      </c>
      <c r="AC43480">
        <v>6</v>
      </c>
      <c r="AD43480">
        <v>6</v>
      </c>
      <c r="AE43480">
        <v>6</v>
      </c>
      <c r="AF43480">
        <v>6</v>
      </c>
      <c r="AG43480">
        <v>6</v>
      </c>
      <c r="AH43480">
        <v>6</v>
      </c>
      <c r="AI43480">
        <v>6</v>
      </c>
      <c r="AJ43480">
        <v>6</v>
      </c>
      <c r="AK43480">
        <v>6</v>
      </c>
      <c r="AL43480">
        <v>6</v>
      </c>
      <c r="AM43480">
        <v>6</v>
      </c>
      <c r="AN43480">
        <v>6</v>
      </c>
      <c r="AO43480">
        <v>6</v>
      </c>
      <c r="AP43480">
        <v>6</v>
      </c>
      <c r="AQ43480">
        <v>6</v>
      </c>
    </row>
    <row r="43481" spans="1:43">
      <c r="A43481" t="s">
        <v>26561</v>
      </c>
      <c r="B43481" t="s">
        <v>26562</v>
      </c>
      <c r="C43481" t="s">
        <v>10264</v>
      </c>
      <c r="D43481" t="s">
        <v>10265</v>
      </c>
      <c r="E43481" t="s">
        <v>10212</v>
      </c>
      <c r="F43481" t="s">
        <v>10213</v>
      </c>
      <c r="G43481" t="s">
        <v>10214</v>
      </c>
      <c r="H43481" t="s">
        <v>10215</v>
      </c>
      <c r="I43481" s="2">
        <v>1</v>
      </c>
      <c r="J43481" s="2">
        <v>0</v>
      </c>
      <c r="K43481" s="2">
        <v>0</v>
      </c>
      <c r="L43481" t="s">
        <v>120</v>
      </c>
      <c r="M43481" t="s">
        <v>83</v>
      </c>
      <c r="N43481" t="s">
        <v>91</v>
      </c>
      <c r="O43481" t="s">
        <v>85</v>
      </c>
      <c r="P43481" t="s">
        <v>86</v>
      </c>
      <c r="Q43481">
        <v>5</v>
      </c>
      <c r="R43481">
        <v>5</v>
      </c>
      <c r="S43481">
        <v>5</v>
      </c>
      <c r="T43481">
        <v>5</v>
      </c>
      <c r="U43481">
        <v>5</v>
      </c>
      <c r="V43481">
        <v>5</v>
      </c>
      <c r="W43481">
        <v>5</v>
      </c>
      <c r="X43481">
        <v>5</v>
      </c>
      <c r="Y43481">
        <v>5</v>
      </c>
      <c r="Z43481">
        <v>5</v>
      </c>
      <c r="AA43481">
        <v>5</v>
      </c>
      <c r="AB43481">
        <v>5</v>
      </c>
      <c r="AC43481">
        <v>6</v>
      </c>
      <c r="AD43481">
        <v>6</v>
      </c>
      <c r="AE43481">
        <v>6</v>
      </c>
      <c r="AF43481">
        <v>6</v>
      </c>
      <c r="AG43481">
        <v>6</v>
      </c>
      <c r="AH43481">
        <v>6</v>
      </c>
      <c r="AI43481">
        <v>6</v>
      </c>
      <c r="AJ43481">
        <v>6</v>
      </c>
      <c r="AK43481">
        <v>6</v>
      </c>
      <c r="AL43481">
        <v>6</v>
      </c>
      <c r="AM43481">
        <v>6</v>
      </c>
      <c r="AN43481">
        <v>6</v>
      </c>
      <c r="AO43481">
        <v>6</v>
      </c>
      <c r="AP43481">
        <v>6</v>
      </c>
      <c r="AQ43481">
        <v>6</v>
      </c>
    </row>
    <row r="43482" spans="1:43">
      <c r="A43482" t="s">
        <v>26563</v>
      </c>
      <c r="B43482" t="s">
        <v>26564</v>
      </c>
      <c r="C43482" t="s">
        <v>10260</v>
      </c>
      <c r="D43482" t="s">
        <v>10261</v>
      </c>
      <c r="E43482" t="s">
        <v>10212</v>
      </c>
      <c r="F43482" t="s">
        <v>10213</v>
      </c>
      <c r="G43482" t="s">
        <v>10214</v>
      </c>
      <c r="H43482" t="s">
        <v>10215</v>
      </c>
      <c r="I43482" s="2">
        <v>1</v>
      </c>
      <c r="J43482" s="2">
        <v>0</v>
      </c>
      <c r="K43482" s="2">
        <v>0</v>
      </c>
      <c r="L43482" t="s">
        <v>120</v>
      </c>
      <c r="M43482" t="s">
        <v>83</v>
      </c>
      <c r="N43482" t="s">
        <v>84</v>
      </c>
      <c r="O43482" t="s">
        <v>85</v>
      </c>
      <c r="P43482" t="s">
        <v>86</v>
      </c>
      <c r="Q43482">
        <v>116</v>
      </c>
      <c r="R43482">
        <v>118</v>
      </c>
      <c r="S43482">
        <v>120</v>
      </c>
      <c r="T43482">
        <v>121</v>
      </c>
      <c r="U43482">
        <v>123</v>
      </c>
      <c r="V43482">
        <v>124</v>
      </c>
      <c r="W43482">
        <v>126</v>
      </c>
      <c r="X43482">
        <v>128</v>
      </c>
      <c r="Y43482">
        <v>129</v>
      </c>
      <c r="Z43482">
        <v>131</v>
      </c>
      <c r="AA43482">
        <v>133</v>
      </c>
      <c r="AB43482">
        <v>134</v>
      </c>
      <c r="AC43482">
        <v>136</v>
      </c>
      <c r="AD43482">
        <v>137</v>
      </c>
      <c r="AE43482">
        <v>139</v>
      </c>
      <c r="AF43482">
        <v>140</v>
      </c>
      <c r="AG43482">
        <v>142</v>
      </c>
      <c r="AH43482">
        <v>143</v>
      </c>
      <c r="AI43482">
        <v>145</v>
      </c>
      <c r="AJ43482">
        <v>147</v>
      </c>
      <c r="AK43482">
        <v>148</v>
      </c>
      <c r="AL43482">
        <v>149</v>
      </c>
      <c r="AM43482">
        <v>149</v>
      </c>
      <c r="AN43482">
        <v>149</v>
      </c>
      <c r="AO43482">
        <v>149</v>
      </c>
      <c r="AP43482">
        <v>150</v>
      </c>
      <c r="AQ43482">
        <v>150</v>
      </c>
    </row>
    <row r="43483" spans="1:43">
      <c r="A43483" t="s">
        <v>26563</v>
      </c>
      <c r="B43483" t="s">
        <v>26564</v>
      </c>
      <c r="C43483" t="s">
        <v>10260</v>
      </c>
      <c r="D43483" t="s">
        <v>10261</v>
      </c>
      <c r="E43483" t="s">
        <v>10212</v>
      </c>
      <c r="F43483" t="s">
        <v>10213</v>
      </c>
      <c r="G43483" t="s">
        <v>10214</v>
      </c>
      <c r="H43483" t="s">
        <v>10215</v>
      </c>
      <c r="I43483" s="2">
        <v>1</v>
      </c>
      <c r="J43483" s="2">
        <v>0</v>
      </c>
      <c r="K43483" s="2">
        <v>0</v>
      </c>
      <c r="L43483" t="s">
        <v>120</v>
      </c>
      <c r="M43483" t="s">
        <v>87</v>
      </c>
      <c r="N43483" t="s">
        <v>88</v>
      </c>
      <c r="O43483" t="s">
        <v>85</v>
      </c>
      <c r="P43483" t="s">
        <v>86</v>
      </c>
      <c r="Q43483">
        <v>116</v>
      </c>
      <c r="R43483">
        <v>117</v>
      </c>
      <c r="S43483">
        <v>117</v>
      </c>
      <c r="T43483">
        <v>118</v>
      </c>
      <c r="U43483">
        <v>118</v>
      </c>
      <c r="V43483">
        <v>119</v>
      </c>
      <c r="W43483">
        <v>120</v>
      </c>
      <c r="X43483">
        <v>120</v>
      </c>
      <c r="Y43483">
        <v>121</v>
      </c>
      <c r="Z43483">
        <v>121</v>
      </c>
      <c r="AA43483">
        <v>122</v>
      </c>
      <c r="AB43483">
        <v>122</v>
      </c>
      <c r="AC43483">
        <v>123</v>
      </c>
      <c r="AD43483">
        <v>123</v>
      </c>
      <c r="AE43483">
        <v>124</v>
      </c>
      <c r="AF43483">
        <v>124</v>
      </c>
      <c r="AG43483">
        <v>125</v>
      </c>
      <c r="AH43483">
        <v>125</v>
      </c>
      <c r="AI43483">
        <v>126</v>
      </c>
      <c r="AJ43483">
        <v>126</v>
      </c>
      <c r="AK43483">
        <v>127</v>
      </c>
      <c r="AL43483">
        <v>127</v>
      </c>
      <c r="AM43483">
        <v>128</v>
      </c>
      <c r="AN43483">
        <v>128</v>
      </c>
      <c r="AO43483">
        <v>129</v>
      </c>
      <c r="AP43483">
        <v>129</v>
      </c>
      <c r="AQ43483">
        <v>130</v>
      </c>
    </row>
    <row r="43484" spans="1:43">
      <c r="A43484" t="s">
        <v>26563</v>
      </c>
      <c r="B43484" t="s">
        <v>26564</v>
      </c>
      <c r="C43484" t="s">
        <v>10260</v>
      </c>
      <c r="D43484" t="s">
        <v>10261</v>
      </c>
      <c r="E43484" t="s">
        <v>10212</v>
      </c>
      <c r="F43484" t="s">
        <v>10213</v>
      </c>
      <c r="G43484" t="s">
        <v>10214</v>
      </c>
      <c r="H43484" t="s">
        <v>10215</v>
      </c>
      <c r="I43484" s="2">
        <v>1</v>
      </c>
      <c r="J43484" s="2">
        <v>0</v>
      </c>
      <c r="K43484" s="2">
        <v>0</v>
      </c>
      <c r="L43484" t="s">
        <v>120</v>
      </c>
      <c r="M43484" t="s">
        <v>89</v>
      </c>
      <c r="N43484" t="s">
        <v>90</v>
      </c>
      <c r="O43484" t="s">
        <v>85</v>
      </c>
      <c r="P43484" t="s">
        <v>86</v>
      </c>
      <c r="Q43484">
        <v>116</v>
      </c>
      <c r="R43484">
        <v>119</v>
      </c>
      <c r="S43484">
        <v>122</v>
      </c>
      <c r="T43484">
        <v>124</v>
      </c>
      <c r="U43484">
        <v>127</v>
      </c>
      <c r="V43484">
        <v>129</v>
      </c>
      <c r="W43484">
        <v>131</v>
      </c>
      <c r="X43484">
        <v>134</v>
      </c>
      <c r="Y43484">
        <v>136</v>
      </c>
      <c r="Z43484">
        <v>138</v>
      </c>
      <c r="AA43484">
        <v>140</v>
      </c>
      <c r="AB43484">
        <v>142</v>
      </c>
      <c r="AC43484">
        <v>145</v>
      </c>
      <c r="AD43484">
        <v>147</v>
      </c>
      <c r="AE43484">
        <v>148</v>
      </c>
      <c r="AF43484">
        <v>149</v>
      </c>
      <c r="AG43484">
        <v>149</v>
      </c>
      <c r="AH43484">
        <v>149</v>
      </c>
      <c r="AI43484">
        <v>149</v>
      </c>
      <c r="AJ43484">
        <v>150</v>
      </c>
      <c r="AK43484">
        <v>150</v>
      </c>
      <c r="AL43484">
        <v>150</v>
      </c>
      <c r="AM43484">
        <v>150</v>
      </c>
      <c r="AN43484">
        <v>150</v>
      </c>
      <c r="AO43484">
        <v>150</v>
      </c>
      <c r="AP43484">
        <v>151</v>
      </c>
      <c r="AQ43484">
        <v>151</v>
      </c>
    </row>
    <row r="43485" spans="1:43">
      <c r="A43485" t="s">
        <v>26563</v>
      </c>
      <c r="B43485" t="s">
        <v>26564</v>
      </c>
      <c r="C43485" t="s">
        <v>10260</v>
      </c>
      <c r="D43485" t="s">
        <v>10261</v>
      </c>
      <c r="E43485" t="s">
        <v>10212</v>
      </c>
      <c r="F43485" t="s">
        <v>10213</v>
      </c>
      <c r="G43485" t="s">
        <v>10214</v>
      </c>
      <c r="H43485" t="s">
        <v>10215</v>
      </c>
      <c r="I43485" s="2">
        <v>1</v>
      </c>
      <c r="J43485" s="2">
        <v>0</v>
      </c>
      <c r="K43485" s="2">
        <v>0</v>
      </c>
      <c r="L43485" t="s">
        <v>120</v>
      </c>
      <c r="M43485" t="s">
        <v>83</v>
      </c>
      <c r="N43485" t="s">
        <v>91</v>
      </c>
      <c r="O43485" t="s">
        <v>85</v>
      </c>
      <c r="P43485" t="s">
        <v>86</v>
      </c>
      <c r="Q43485">
        <v>116</v>
      </c>
      <c r="R43485">
        <v>118</v>
      </c>
      <c r="S43485">
        <v>120</v>
      </c>
      <c r="T43485">
        <v>121</v>
      </c>
      <c r="U43485">
        <v>123</v>
      </c>
      <c r="V43485">
        <v>124</v>
      </c>
      <c r="W43485">
        <v>126</v>
      </c>
      <c r="X43485">
        <v>128</v>
      </c>
      <c r="Y43485">
        <v>129</v>
      </c>
      <c r="Z43485">
        <v>131</v>
      </c>
      <c r="AA43485">
        <v>133</v>
      </c>
      <c r="AB43485">
        <v>134</v>
      </c>
      <c r="AC43485">
        <v>136</v>
      </c>
      <c r="AD43485">
        <v>137</v>
      </c>
      <c r="AE43485">
        <v>139</v>
      </c>
      <c r="AF43485">
        <v>140</v>
      </c>
      <c r="AG43485">
        <v>142</v>
      </c>
      <c r="AH43485">
        <v>143</v>
      </c>
      <c r="AI43485">
        <v>145</v>
      </c>
      <c r="AJ43485">
        <v>147</v>
      </c>
      <c r="AK43485">
        <v>148</v>
      </c>
      <c r="AL43485">
        <v>149</v>
      </c>
      <c r="AM43485">
        <v>149</v>
      </c>
      <c r="AN43485">
        <v>149</v>
      </c>
      <c r="AO43485">
        <v>149</v>
      </c>
      <c r="AP43485">
        <v>150</v>
      </c>
      <c r="AQ43485">
        <v>150</v>
      </c>
    </row>
    <row r="43486" spans="1:43">
      <c r="A43486" t="s">
        <v>26565</v>
      </c>
      <c r="B43486" t="s">
        <v>26566</v>
      </c>
      <c r="C43486" t="s">
        <v>10260</v>
      </c>
      <c r="D43486" t="s">
        <v>10261</v>
      </c>
      <c r="E43486" t="s">
        <v>10212</v>
      </c>
      <c r="F43486" t="s">
        <v>10213</v>
      </c>
      <c r="G43486" t="s">
        <v>10214</v>
      </c>
      <c r="H43486" t="s">
        <v>10215</v>
      </c>
      <c r="I43486" s="2">
        <v>1</v>
      </c>
      <c r="J43486" s="2">
        <v>0</v>
      </c>
      <c r="K43486" s="2">
        <v>0</v>
      </c>
      <c r="L43486" t="s">
        <v>120</v>
      </c>
      <c r="M43486" t="s">
        <v>83</v>
      </c>
      <c r="N43486" t="s">
        <v>84</v>
      </c>
      <c r="O43486" t="s">
        <v>85</v>
      </c>
      <c r="P43486" t="s">
        <v>86</v>
      </c>
      <c r="Q43486">
        <v>34</v>
      </c>
      <c r="R43486">
        <v>35</v>
      </c>
      <c r="S43486">
        <v>35</v>
      </c>
      <c r="T43486">
        <v>36</v>
      </c>
      <c r="U43486">
        <v>36</v>
      </c>
      <c r="V43486">
        <v>37</v>
      </c>
      <c r="W43486">
        <v>37</v>
      </c>
      <c r="X43486">
        <v>38</v>
      </c>
      <c r="Y43486">
        <v>38</v>
      </c>
      <c r="Z43486">
        <v>39</v>
      </c>
      <c r="AA43486">
        <v>39</v>
      </c>
      <c r="AB43486">
        <v>39</v>
      </c>
      <c r="AC43486">
        <v>40</v>
      </c>
      <c r="AD43486">
        <v>40</v>
      </c>
      <c r="AE43486">
        <v>41</v>
      </c>
      <c r="AF43486">
        <v>41</v>
      </c>
      <c r="AG43486">
        <v>42</v>
      </c>
      <c r="AH43486">
        <v>42</v>
      </c>
      <c r="AI43486">
        <v>43</v>
      </c>
      <c r="AJ43486">
        <v>43</v>
      </c>
      <c r="AK43486">
        <v>44</v>
      </c>
      <c r="AL43486">
        <v>44</v>
      </c>
      <c r="AM43486">
        <v>44</v>
      </c>
      <c r="AN43486">
        <v>44</v>
      </c>
      <c r="AO43486">
        <v>44</v>
      </c>
      <c r="AP43486">
        <v>44</v>
      </c>
      <c r="AQ43486">
        <v>44</v>
      </c>
    </row>
    <row r="43487" spans="1:43">
      <c r="A43487" t="s">
        <v>26565</v>
      </c>
      <c r="B43487" t="s">
        <v>26566</v>
      </c>
      <c r="C43487" t="s">
        <v>10260</v>
      </c>
      <c r="D43487" t="s">
        <v>10261</v>
      </c>
      <c r="E43487" t="s">
        <v>10212</v>
      </c>
      <c r="F43487" t="s">
        <v>10213</v>
      </c>
      <c r="G43487" t="s">
        <v>10214</v>
      </c>
      <c r="H43487" t="s">
        <v>10215</v>
      </c>
      <c r="I43487" s="2">
        <v>1</v>
      </c>
      <c r="J43487" s="2">
        <v>0</v>
      </c>
      <c r="K43487" s="2">
        <v>0</v>
      </c>
      <c r="L43487" t="s">
        <v>120</v>
      </c>
      <c r="M43487" t="s">
        <v>87</v>
      </c>
      <c r="N43487" t="s">
        <v>88</v>
      </c>
      <c r="O43487" t="s">
        <v>85</v>
      </c>
      <c r="P43487" t="s">
        <v>86</v>
      </c>
      <c r="Q43487">
        <v>34</v>
      </c>
      <c r="R43487">
        <v>34</v>
      </c>
      <c r="S43487">
        <v>34</v>
      </c>
      <c r="T43487">
        <v>34</v>
      </c>
      <c r="U43487">
        <v>35</v>
      </c>
      <c r="V43487">
        <v>35</v>
      </c>
      <c r="W43487">
        <v>35</v>
      </c>
      <c r="X43487">
        <v>35</v>
      </c>
      <c r="Y43487">
        <v>35</v>
      </c>
      <c r="Z43487">
        <v>35</v>
      </c>
      <c r="AA43487">
        <v>36</v>
      </c>
      <c r="AB43487">
        <v>36</v>
      </c>
      <c r="AC43487">
        <v>36</v>
      </c>
      <c r="AD43487">
        <v>36</v>
      </c>
      <c r="AE43487">
        <v>36</v>
      </c>
      <c r="AF43487">
        <v>36</v>
      </c>
      <c r="AG43487">
        <v>36</v>
      </c>
      <c r="AH43487">
        <v>37</v>
      </c>
      <c r="AI43487">
        <v>37</v>
      </c>
      <c r="AJ43487">
        <v>37</v>
      </c>
      <c r="AK43487">
        <v>37</v>
      </c>
      <c r="AL43487">
        <v>37</v>
      </c>
      <c r="AM43487">
        <v>37</v>
      </c>
      <c r="AN43487">
        <v>37</v>
      </c>
      <c r="AO43487">
        <v>38</v>
      </c>
      <c r="AP43487">
        <v>38</v>
      </c>
      <c r="AQ43487">
        <v>38</v>
      </c>
    </row>
    <row r="43488" spans="1:43">
      <c r="A43488" t="s">
        <v>26565</v>
      </c>
      <c r="B43488" t="s">
        <v>26566</v>
      </c>
      <c r="C43488" t="s">
        <v>10260</v>
      </c>
      <c r="D43488" t="s">
        <v>10261</v>
      </c>
      <c r="E43488" t="s">
        <v>10212</v>
      </c>
      <c r="F43488" t="s">
        <v>10213</v>
      </c>
      <c r="G43488" t="s">
        <v>10214</v>
      </c>
      <c r="H43488" t="s">
        <v>10215</v>
      </c>
      <c r="I43488" s="2">
        <v>1</v>
      </c>
      <c r="J43488" s="2">
        <v>0</v>
      </c>
      <c r="K43488" s="2">
        <v>0</v>
      </c>
      <c r="L43488" t="s">
        <v>120</v>
      </c>
      <c r="M43488" t="s">
        <v>89</v>
      </c>
      <c r="N43488" t="s">
        <v>90</v>
      </c>
      <c r="O43488" t="s">
        <v>85</v>
      </c>
      <c r="P43488" t="s">
        <v>86</v>
      </c>
      <c r="Q43488">
        <v>34</v>
      </c>
      <c r="R43488">
        <v>35</v>
      </c>
      <c r="S43488">
        <v>36</v>
      </c>
      <c r="T43488">
        <v>37</v>
      </c>
      <c r="U43488">
        <v>38</v>
      </c>
      <c r="V43488">
        <v>38</v>
      </c>
      <c r="W43488">
        <v>39</v>
      </c>
      <c r="X43488">
        <v>40</v>
      </c>
      <c r="Y43488">
        <v>40</v>
      </c>
      <c r="Z43488">
        <v>41</v>
      </c>
      <c r="AA43488">
        <v>42</v>
      </c>
      <c r="AB43488">
        <v>42</v>
      </c>
      <c r="AC43488">
        <v>43</v>
      </c>
      <c r="AD43488">
        <v>43</v>
      </c>
      <c r="AE43488">
        <v>44</v>
      </c>
      <c r="AF43488">
        <v>44</v>
      </c>
      <c r="AG43488">
        <v>44</v>
      </c>
      <c r="AH43488">
        <v>44</v>
      </c>
      <c r="AI43488">
        <v>44</v>
      </c>
      <c r="AJ43488">
        <v>44</v>
      </c>
      <c r="AK43488">
        <v>44</v>
      </c>
      <c r="AL43488">
        <v>44</v>
      </c>
      <c r="AM43488">
        <v>44</v>
      </c>
      <c r="AN43488">
        <v>44</v>
      </c>
      <c r="AO43488">
        <v>45</v>
      </c>
      <c r="AP43488">
        <v>45</v>
      </c>
      <c r="AQ43488">
        <v>45</v>
      </c>
    </row>
    <row r="43489" spans="1:43">
      <c r="A43489" t="s">
        <v>26565</v>
      </c>
      <c r="B43489" t="s">
        <v>26566</v>
      </c>
      <c r="C43489" t="s">
        <v>10260</v>
      </c>
      <c r="D43489" t="s">
        <v>10261</v>
      </c>
      <c r="E43489" t="s">
        <v>10212</v>
      </c>
      <c r="F43489" t="s">
        <v>10213</v>
      </c>
      <c r="G43489" t="s">
        <v>10214</v>
      </c>
      <c r="H43489" t="s">
        <v>10215</v>
      </c>
      <c r="I43489" s="2">
        <v>1</v>
      </c>
      <c r="J43489" s="2">
        <v>0</v>
      </c>
      <c r="K43489" s="2">
        <v>0</v>
      </c>
      <c r="L43489" t="s">
        <v>120</v>
      </c>
      <c r="M43489" t="s">
        <v>83</v>
      </c>
      <c r="N43489" t="s">
        <v>91</v>
      </c>
      <c r="O43489" t="s">
        <v>85</v>
      </c>
      <c r="P43489" t="s">
        <v>86</v>
      </c>
      <c r="Q43489">
        <v>34</v>
      </c>
      <c r="R43489">
        <v>35</v>
      </c>
      <c r="S43489">
        <v>35</v>
      </c>
      <c r="T43489">
        <v>36</v>
      </c>
      <c r="U43489">
        <v>36</v>
      </c>
      <c r="V43489">
        <v>37</v>
      </c>
      <c r="W43489">
        <v>37</v>
      </c>
      <c r="X43489">
        <v>38</v>
      </c>
      <c r="Y43489">
        <v>38</v>
      </c>
      <c r="Z43489">
        <v>39</v>
      </c>
      <c r="AA43489">
        <v>39</v>
      </c>
      <c r="AB43489">
        <v>39</v>
      </c>
      <c r="AC43489">
        <v>40</v>
      </c>
      <c r="AD43489">
        <v>40</v>
      </c>
      <c r="AE43489">
        <v>41</v>
      </c>
      <c r="AF43489">
        <v>41</v>
      </c>
      <c r="AG43489">
        <v>42</v>
      </c>
      <c r="AH43489">
        <v>42</v>
      </c>
      <c r="AI43489">
        <v>43</v>
      </c>
      <c r="AJ43489">
        <v>43</v>
      </c>
      <c r="AK43489">
        <v>44</v>
      </c>
      <c r="AL43489">
        <v>44</v>
      </c>
      <c r="AM43489">
        <v>44</v>
      </c>
      <c r="AN43489">
        <v>44</v>
      </c>
      <c r="AO43489">
        <v>44</v>
      </c>
      <c r="AP43489">
        <v>44</v>
      </c>
      <c r="AQ43489">
        <v>44</v>
      </c>
    </row>
    <row r="43490" spans="1:43">
      <c r="A43490" t="s">
        <v>26567</v>
      </c>
      <c r="B43490" t="s">
        <v>26568</v>
      </c>
      <c r="C43490" t="s">
        <v>10240</v>
      </c>
      <c r="D43490" t="s">
        <v>10241</v>
      </c>
      <c r="E43490" t="s">
        <v>10212</v>
      </c>
      <c r="F43490" t="s">
        <v>10213</v>
      </c>
      <c r="G43490" t="s">
        <v>10214</v>
      </c>
      <c r="H43490" t="s">
        <v>10215</v>
      </c>
      <c r="I43490" s="2">
        <v>1</v>
      </c>
      <c r="J43490" s="2">
        <v>0</v>
      </c>
      <c r="K43490" s="2">
        <v>0</v>
      </c>
      <c r="L43490" t="s">
        <v>120</v>
      </c>
      <c r="M43490" t="s">
        <v>83</v>
      </c>
      <c r="N43490" t="s">
        <v>84</v>
      </c>
      <c r="O43490" t="s">
        <v>85</v>
      </c>
      <c r="P43490" t="s">
        <v>86</v>
      </c>
      <c r="Q43490">
        <v>30</v>
      </c>
      <c r="R43490">
        <v>30</v>
      </c>
      <c r="S43490">
        <v>31</v>
      </c>
      <c r="T43490">
        <v>31</v>
      </c>
      <c r="U43490">
        <v>32</v>
      </c>
      <c r="V43490">
        <v>32</v>
      </c>
      <c r="W43490">
        <v>32</v>
      </c>
      <c r="X43490">
        <v>33</v>
      </c>
      <c r="Y43490">
        <v>33</v>
      </c>
      <c r="Z43490">
        <v>34</v>
      </c>
      <c r="AA43490">
        <v>34</v>
      </c>
      <c r="AB43490">
        <v>35</v>
      </c>
      <c r="AC43490">
        <v>35</v>
      </c>
      <c r="AD43490">
        <v>35</v>
      </c>
      <c r="AE43490">
        <v>36</v>
      </c>
      <c r="AF43490">
        <v>36</v>
      </c>
      <c r="AG43490">
        <v>36</v>
      </c>
      <c r="AH43490">
        <v>37</v>
      </c>
      <c r="AI43490">
        <v>37</v>
      </c>
      <c r="AJ43490">
        <v>38</v>
      </c>
      <c r="AK43490">
        <v>38</v>
      </c>
      <c r="AL43490">
        <v>38</v>
      </c>
      <c r="AM43490">
        <v>38</v>
      </c>
      <c r="AN43490">
        <v>38</v>
      </c>
      <c r="AO43490">
        <v>38</v>
      </c>
      <c r="AP43490">
        <v>38</v>
      </c>
      <c r="AQ43490">
        <v>38</v>
      </c>
    </row>
    <row r="43491" spans="1:43">
      <c r="A43491" t="s">
        <v>26567</v>
      </c>
      <c r="B43491" t="s">
        <v>26568</v>
      </c>
      <c r="C43491" t="s">
        <v>10240</v>
      </c>
      <c r="D43491" t="s">
        <v>10241</v>
      </c>
      <c r="E43491" t="s">
        <v>10212</v>
      </c>
      <c r="F43491" t="s">
        <v>10213</v>
      </c>
      <c r="G43491" t="s">
        <v>10214</v>
      </c>
      <c r="H43491" t="s">
        <v>10215</v>
      </c>
      <c r="I43491" s="2">
        <v>1</v>
      </c>
      <c r="J43491" s="2">
        <v>0</v>
      </c>
      <c r="K43491" s="2">
        <v>0</v>
      </c>
      <c r="L43491" t="s">
        <v>120</v>
      </c>
      <c r="M43491" t="s">
        <v>87</v>
      </c>
      <c r="N43491" t="s">
        <v>88</v>
      </c>
      <c r="O43491" t="s">
        <v>85</v>
      </c>
      <c r="P43491" t="s">
        <v>86</v>
      </c>
      <c r="Q43491">
        <v>30</v>
      </c>
      <c r="R43491">
        <v>30</v>
      </c>
      <c r="S43491">
        <v>30</v>
      </c>
      <c r="T43491">
        <v>30</v>
      </c>
      <c r="U43491">
        <v>30</v>
      </c>
      <c r="V43491">
        <v>30</v>
      </c>
      <c r="W43491">
        <v>31</v>
      </c>
      <c r="X43491">
        <v>31</v>
      </c>
      <c r="Y43491">
        <v>31</v>
      </c>
      <c r="Z43491">
        <v>31</v>
      </c>
      <c r="AA43491">
        <v>31</v>
      </c>
      <c r="AB43491">
        <v>31</v>
      </c>
      <c r="AC43491">
        <v>31</v>
      </c>
      <c r="AD43491">
        <v>32</v>
      </c>
      <c r="AE43491">
        <v>32</v>
      </c>
      <c r="AF43491">
        <v>32</v>
      </c>
      <c r="AG43491">
        <v>32</v>
      </c>
      <c r="AH43491">
        <v>32</v>
      </c>
      <c r="AI43491">
        <v>32</v>
      </c>
      <c r="AJ43491">
        <v>32</v>
      </c>
      <c r="AK43491">
        <v>32</v>
      </c>
      <c r="AL43491">
        <v>33</v>
      </c>
      <c r="AM43491">
        <v>33</v>
      </c>
      <c r="AN43491">
        <v>33</v>
      </c>
      <c r="AO43491">
        <v>33</v>
      </c>
      <c r="AP43491">
        <v>33</v>
      </c>
      <c r="AQ43491">
        <v>33</v>
      </c>
    </row>
    <row r="43492" spans="1:43">
      <c r="A43492" t="s">
        <v>26567</v>
      </c>
      <c r="B43492" t="s">
        <v>26568</v>
      </c>
      <c r="C43492" t="s">
        <v>10240</v>
      </c>
      <c r="D43492" t="s">
        <v>10241</v>
      </c>
      <c r="E43492" t="s">
        <v>10212</v>
      </c>
      <c r="F43492" t="s">
        <v>10213</v>
      </c>
      <c r="G43492" t="s">
        <v>10214</v>
      </c>
      <c r="H43492" t="s">
        <v>10215</v>
      </c>
      <c r="I43492" s="2">
        <v>1</v>
      </c>
      <c r="J43492" s="2">
        <v>0</v>
      </c>
      <c r="K43492" s="2">
        <v>0</v>
      </c>
      <c r="L43492" t="s">
        <v>120</v>
      </c>
      <c r="M43492" t="s">
        <v>89</v>
      </c>
      <c r="N43492" t="s">
        <v>90</v>
      </c>
      <c r="O43492" t="s">
        <v>85</v>
      </c>
      <c r="P43492" t="s">
        <v>86</v>
      </c>
      <c r="Q43492">
        <v>30</v>
      </c>
      <c r="R43492">
        <v>31</v>
      </c>
      <c r="S43492">
        <v>32</v>
      </c>
      <c r="T43492">
        <v>32</v>
      </c>
      <c r="U43492">
        <v>33</v>
      </c>
      <c r="V43492">
        <v>33</v>
      </c>
      <c r="W43492">
        <v>34</v>
      </c>
      <c r="X43492">
        <v>35</v>
      </c>
      <c r="Y43492">
        <v>35</v>
      </c>
      <c r="Z43492">
        <v>36</v>
      </c>
      <c r="AA43492">
        <v>36</v>
      </c>
      <c r="AB43492">
        <v>37</v>
      </c>
      <c r="AC43492">
        <v>37</v>
      </c>
      <c r="AD43492">
        <v>38</v>
      </c>
      <c r="AE43492">
        <v>38</v>
      </c>
      <c r="AF43492">
        <v>38</v>
      </c>
      <c r="AG43492">
        <v>38</v>
      </c>
      <c r="AH43492">
        <v>38</v>
      </c>
      <c r="AI43492">
        <v>39</v>
      </c>
      <c r="AJ43492">
        <v>39</v>
      </c>
      <c r="AK43492">
        <v>39</v>
      </c>
      <c r="AL43492">
        <v>39</v>
      </c>
      <c r="AM43492">
        <v>39</v>
      </c>
      <c r="AN43492">
        <v>39</v>
      </c>
      <c r="AO43492">
        <v>39</v>
      </c>
      <c r="AP43492">
        <v>39</v>
      </c>
      <c r="AQ43492">
        <v>39</v>
      </c>
    </row>
    <row r="43493" spans="1:43">
      <c r="A43493" t="s">
        <v>26567</v>
      </c>
      <c r="B43493" t="s">
        <v>26568</v>
      </c>
      <c r="C43493" t="s">
        <v>10240</v>
      </c>
      <c r="D43493" t="s">
        <v>10241</v>
      </c>
      <c r="E43493" t="s">
        <v>10212</v>
      </c>
      <c r="F43493" t="s">
        <v>10213</v>
      </c>
      <c r="G43493" t="s">
        <v>10214</v>
      </c>
      <c r="H43493" t="s">
        <v>10215</v>
      </c>
      <c r="I43493" s="2">
        <v>1</v>
      </c>
      <c r="J43493" s="2">
        <v>0</v>
      </c>
      <c r="K43493" s="2">
        <v>0</v>
      </c>
      <c r="L43493" t="s">
        <v>120</v>
      </c>
      <c r="M43493" t="s">
        <v>83</v>
      </c>
      <c r="N43493" t="s">
        <v>91</v>
      </c>
      <c r="O43493" t="s">
        <v>85</v>
      </c>
      <c r="P43493" t="s">
        <v>86</v>
      </c>
      <c r="Q43493">
        <v>30</v>
      </c>
      <c r="R43493">
        <v>30</v>
      </c>
      <c r="S43493">
        <v>31</v>
      </c>
      <c r="T43493">
        <v>31</v>
      </c>
      <c r="U43493">
        <v>32</v>
      </c>
      <c r="V43493">
        <v>32</v>
      </c>
      <c r="W43493">
        <v>32</v>
      </c>
      <c r="X43493">
        <v>33</v>
      </c>
      <c r="Y43493">
        <v>33</v>
      </c>
      <c r="Z43493">
        <v>34</v>
      </c>
      <c r="AA43493">
        <v>34</v>
      </c>
      <c r="AB43493">
        <v>35</v>
      </c>
      <c r="AC43493">
        <v>35</v>
      </c>
      <c r="AD43493">
        <v>35</v>
      </c>
      <c r="AE43493">
        <v>36</v>
      </c>
      <c r="AF43493">
        <v>36</v>
      </c>
      <c r="AG43493">
        <v>36</v>
      </c>
      <c r="AH43493">
        <v>37</v>
      </c>
      <c r="AI43493">
        <v>37</v>
      </c>
      <c r="AJ43493">
        <v>38</v>
      </c>
      <c r="AK43493">
        <v>38</v>
      </c>
      <c r="AL43493">
        <v>38</v>
      </c>
      <c r="AM43493">
        <v>38</v>
      </c>
      <c r="AN43493">
        <v>38</v>
      </c>
      <c r="AO43493">
        <v>38</v>
      </c>
      <c r="AP43493">
        <v>38</v>
      </c>
      <c r="AQ43493">
        <v>38</v>
      </c>
    </row>
    <row r="43494" spans="1:43">
      <c r="A43494" t="s">
        <v>26569</v>
      </c>
      <c r="B43494" t="s">
        <v>26570</v>
      </c>
      <c r="C43494" t="s">
        <v>10240</v>
      </c>
      <c r="D43494" t="s">
        <v>10241</v>
      </c>
      <c r="E43494" t="s">
        <v>10212</v>
      </c>
      <c r="F43494" t="s">
        <v>10213</v>
      </c>
      <c r="G43494" t="s">
        <v>10214</v>
      </c>
      <c r="H43494" t="s">
        <v>10215</v>
      </c>
      <c r="I43494" s="2">
        <v>1</v>
      </c>
      <c r="J43494" s="2">
        <v>0</v>
      </c>
      <c r="K43494" s="2">
        <v>0</v>
      </c>
      <c r="L43494" t="s">
        <v>120</v>
      </c>
      <c r="M43494" t="s">
        <v>83</v>
      </c>
      <c r="N43494" t="s">
        <v>84</v>
      </c>
      <c r="O43494" t="s">
        <v>85</v>
      </c>
      <c r="P43494" t="s">
        <v>86</v>
      </c>
      <c r="Q43494">
        <v>137</v>
      </c>
      <c r="R43494">
        <v>139</v>
      </c>
      <c r="S43494">
        <v>141</v>
      </c>
      <c r="T43494">
        <v>143</v>
      </c>
      <c r="U43494">
        <v>145</v>
      </c>
      <c r="V43494">
        <v>147</v>
      </c>
      <c r="W43494">
        <v>149</v>
      </c>
      <c r="X43494">
        <v>150</v>
      </c>
      <c r="Y43494">
        <v>152</v>
      </c>
      <c r="Z43494">
        <v>154</v>
      </c>
      <c r="AA43494">
        <v>156</v>
      </c>
      <c r="AB43494">
        <v>158</v>
      </c>
      <c r="AC43494">
        <v>160</v>
      </c>
      <c r="AD43494">
        <v>161</v>
      </c>
      <c r="AE43494">
        <v>163</v>
      </c>
      <c r="AF43494">
        <v>165</v>
      </c>
      <c r="AG43494">
        <v>167</v>
      </c>
      <c r="AH43494">
        <v>168</v>
      </c>
      <c r="AI43494">
        <v>170</v>
      </c>
      <c r="AJ43494">
        <v>172</v>
      </c>
      <c r="AK43494">
        <v>174</v>
      </c>
      <c r="AL43494">
        <v>175</v>
      </c>
      <c r="AM43494">
        <v>175</v>
      </c>
      <c r="AN43494">
        <v>175</v>
      </c>
      <c r="AO43494">
        <v>175</v>
      </c>
      <c r="AP43494">
        <v>176</v>
      </c>
      <c r="AQ43494">
        <v>176</v>
      </c>
    </row>
    <row r="43495" spans="1:43">
      <c r="A43495" t="s">
        <v>26569</v>
      </c>
      <c r="B43495" t="s">
        <v>26570</v>
      </c>
      <c r="C43495" t="s">
        <v>10240</v>
      </c>
      <c r="D43495" t="s">
        <v>10241</v>
      </c>
      <c r="E43495" t="s">
        <v>10212</v>
      </c>
      <c r="F43495" t="s">
        <v>10213</v>
      </c>
      <c r="G43495" t="s">
        <v>10214</v>
      </c>
      <c r="H43495" t="s">
        <v>10215</v>
      </c>
      <c r="I43495" s="2">
        <v>1</v>
      </c>
      <c r="J43495" s="2">
        <v>0</v>
      </c>
      <c r="K43495" s="2">
        <v>0</v>
      </c>
      <c r="L43495" t="s">
        <v>120</v>
      </c>
      <c r="M43495" t="s">
        <v>87</v>
      </c>
      <c r="N43495" t="s">
        <v>88</v>
      </c>
      <c r="O43495" t="s">
        <v>85</v>
      </c>
      <c r="P43495" t="s">
        <v>86</v>
      </c>
      <c r="Q43495">
        <v>137</v>
      </c>
      <c r="R43495">
        <v>138</v>
      </c>
      <c r="S43495">
        <v>139</v>
      </c>
      <c r="T43495">
        <v>139</v>
      </c>
      <c r="U43495">
        <v>140</v>
      </c>
      <c r="V43495">
        <v>141</v>
      </c>
      <c r="W43495">
        <v>142</v>
      </c>
      <c r="X43495">
        <v>142</v>
      </c>
      <c r="Y43495">
        <v>143</v>
      </c>
      <c r="Z43495">
        <v>144</v>
      </c>
      <c r="AA43495">
        <v>144</v>
      </c>
      <c r="AB43495">
        <v>145</v>
      </c>
      <c r="AC43495">
        <v>145</v>
      </c>
      <c r="AD43495">
        <v>146</v>
      </c>
      <c r="AE43495">
        <v>147</v>
      </c>
      <c r="AF43495">
        <v>147</v>
      </c>
      <c r="AG43495">
        <v>148</v>
      </c>
      <c r="AH43495">
        <v>149</v>
      </c>
      <c r="AI43495">
        <v>149</v>
      </c>
      <c r="AJ43495">
        <v>150</v>
      </c>
      <c r="AK43495">
        <v>150</v>
      </c>
      <c r="AL43495">
        <v>151</v>
      </c>
      <c r="AM43495">
        <v>152</v>
      </c>
      <c r="AN43495">
        <v>152</v>
      </c>
      <c r="AO43495">
        <v>153</v>
      </c>
      <c r="AP43495">
        <v>153</v>
      </c>
      <c r="AQ43495">
        <v>154</v>
      </c>
    </row>
    <row r="43496" spans="1:43">
      <c r="A43496" t="s">
        <v>26569</v>
      </c>
      <c r="B43496" t="s">
        <v>26570</v>
      </c>
      <c r="C43496" t="s">
        <v>10240</v>
      </c>
      <c r="D43496" t="s">
        <v>10241</v>
      </c>
      <c r="E43496" t="s">
        <v>10212</v>
      </c>
      <c r="F43496" t="s">
        <v>10213</v>
      </c>
      <c r="G43496" t="s">
        <v>10214</v>
      </c>
      <c r="H43496" t="s">
        <v>10215</v>
      </c>
      <c r="I43496" s="2">
        <v>1</v>
      </c>
      <c r="J43496" s="2">
        <v>0</v>
      </c>
      <c r="K43496" s="2">
        <v>0</v>
      </c>
      <c r="L43496" t="s">
        <v>120</v>
      </c>
      <c r="M43496" t="s">
        <v>89</v>
      </c>
      <c r="N43496" t="s">
        <v>90</v>
      </c>
      <c r="O43496" t="s">
        <v>85</v>
      </c>
      <c r="P43496" t="s">
        <v>86</v>
      </c>
      <c r="Q43496">
        <v>137</v>
      </c>
      <c r="R43496">
        <v>140</v>
      </c>
      <c r="S43496">
        <v>143</v>
      </c>
      <c r="T43496">
        <v>146</v>
      </c>
      <c r="U43496">
        <v>149</v>
      </c>
      <c r="V43496">
        <v>152</v>
      </c>
      <c r="W43496">
        <v>155</v>
      </c>
      <c r="X43496">
        <v>157</v>
      </c>
      <c r="Y43496">
        <v>160</v>
      </c>
      <c r="Z43496">
        <v>163</v>
      </c>
      <c r="AA43496">
        <v>165</v>
      </c>
      <c r="AB43496">
        <v>167</v>
      </c>
      <c r="AC43496">
        <v>170</v>
      </c>
      <c r="AD43496">
        <v>172</v>
      </c>
      <c r="AE43496">
        <v>174</v>
      </c>
      <c r="AF43496">
        <v>174</v>
      </c>
      <c r="AG43496">
        <v>175</v>
      </c>
      <c r="AH43496">
        <v>175</v>
      </c>
      <c r="AI43496">
        <v>175</v>
      </c>
      <c r="AJ43496">
        <v>176</v>
      </c>
      <c r="AK43496">
        <v>176</v>
      </c>
      <c r="AL43496">
        <v>176</v>
      </c>
      <c r="AM43496">
        <v>176</v>
      </c>
      <c r="AN43496">
        <v>177</v>
      </c>
      <c r="AO43496">
        <v>177</v>
      </c>
      <c r="AP43496">
        <v>177</v>
      </c>
      <c r="AQ43496">
        <v>177</v>
      </c>
    </row>
    <row r="43497" spans="1:43">
      <c r="A43497" t="s">
        <v>26569</v>
      </c>
      <c r="B43497" t="s">
        <v>26570</v>
      </c>
      <c r="C43497" t="s">
        <v>10240</v>
      </c>
      <c r="D43497" t="s">
        <v>10241</v>
      </c>
      <c r="E43497" t="s">
        <v>10212</v>
      </c>
      <c r="F43497" t="s">
        <v>10213</v>
      </c>
      <c r="G43497" t="s">
        <v>10214</v>
      </c>
      <c r="H43497" t="s">
        <v>10215</v>
      </c>
      <c r="I43497" s="2">
        <v>1</v>
      </c>
      <c r="J43497" s="2">
        <v>0</v>
      </c>
      <c r="K43497" s="2">
        <v>0</v>
      </c>
      <c r="L43497" t="s">
        <v>120</v>
      </c>
      <c r="M43497" t="s">
        <v>83</v>
      </c>
      <c r="N43497" t="s">
        <v>91</v>
      </c>
      <c r="O43497" t="s">
        <v>85</v>
      </c>
      <c r="P43497" t="s">
        <v>86</v>
      </c>
      <c r="Q43497">
        <v>137</v>
      </c>
      <c r="R43497">
        <v>139</v>
      </c>
      <c r="S43497">
        <v>141</v>
      </c>
      <c r="T43497">
        <v>143</v>
      </c>
      <c r="U43497">
        <v>145</v>
      </c>
      <c r="V43497">
        <v>147</v>
      </c>
      <c r="W43497">
        <v>149</v>
      </c>
      <c r="X43497">
        <v>150</v>
      </c>
      <c r="Y43497">
        <v>152</v>
      </c>
      <c r="Z43497">
        <v>154</v>
      </c>
      <c r="AA43497">
        <v>156</v>
      </c>
      <c r="AB43497">
        <v>158</v>
      </c>
      <c r="AC43497">
        <v>160</v>
      </c>
      <c r="AD43497">
        <v>161</v>
      </c>
      <c r="AE43497">
        <v>163</v>
      </c>
      <c r="AF43497">
        <v>165</v>
      </c>
      <c r="AG43497">
        <v>167</v>
      </c>
      <c r="AH43497">
        <v>168</v>
      </c>
      <c r="AI43497">
        <v>170</v>
      </c>
      <c r="AJ43497">
        <v>172</v>
      </c>
      <c r="AK43497">
        <v>174</v>
      </c>
      <c r="AL43497">
        <v>175</v>
      </c>
      <c r="AM43497">
        <v>175</v>
      </c>
      <c r="AN43497">
        <v>175</v>
      </c>
      <c r="AO43497">
        <v>175</v>
      </c>
      <c r="AP43497">
        <v>176</v>
      </c>
      <c r="AQ43497">
        <v>176</v>
      </c>
    </row>
    <row r="43498" spans="1:43">
      <c r="A43498" t="s">
        <v>26571</v>
      </c>
      <c r="B43498" t="s">
        <v>26572</v>
      </c>
      <c r="C43498" t="s">
        <v>10298</v>
      </c>
      <c r="D43498" t="s">
        <v>10299</v>
      </c>
      <c r="E43498" t="s">
        <v>10212</v>
      </c>
      <c r="F43498" t="s">
        <v>10213</v>
      </c>
      <c r="G43498" t="s">
        <v>10214</v>
      </c>
      <c r="H43498" t="s">
        <v>10215</v>
      </c>
      <c r="I43498" s="2">
        <v>1</v>
      </c>
      <c r="J43498" s="2">
        <v>0</v>
      </c>
      <c r="K43498" s="2">
        <v>0</v>
      </c>
      <c r="L43498" t="s">
        <v>120</v>
      </c>
      <c r="M43498" t="s">
        <v>83</v>
      </c>
      <c r="N43498" t="s">
        <v>84</v>
      </c>
      <c r="O43498" t="s">
        <v>85</v>
      </c>
      <c r="P43498" t="s">
        <v>86</v>
      </c>
      <c r="Q43498">
        <v>43</v>
      </c>
      <c r="R43498">
        <v>44</v>
      </c>
      <c r="S43498">
        <v>44</v>
      </c>
      <c r="T43498">
        <v>45</v>
      </c>
      <c r="U43498">
        <v>46</v>
      </c>
      <c r="V43498">
        <v>46</v>
      </c>
      <c r="W43498">
        <v>47</v>
      </c>
      <c r="X43498">
        <v>47</v>
      </c>
      <c r="Y43498">
        <v>48</v>
      </c>
      <c r="Z43498">
        <v>49</v>
      </c>
      <c r="AA43498">
        <v>49</v>
      </c>
      <c r="AB43498">
        <v>50</v>
      </c>
      <c r="AC43498">
        <v>50</v>
      </c>
      <c r="AD43498">
        <v>51</v>
      </c>
      <c r="AE43498">
        <v>51</v>
      </c>
      <c r="AF43498">
        <v>52</v>
      </c>
      <c r="AG43498">
        <v>52</v>
      </c>
      <c r="AH43498">
        <v>53</v>
      </c>
      <c r="AI43498">
        <v>53</v>
      </c>
      <c r="AJ43498">
        <v>54</v>
      </c>
      <c r="AK43498">
        <v>55</v>
      </c>
      <c r="AL43498">
        <v>55</v>
      </c>
      <c r="AM43498">
        <v>55</v>
      </c>
      <c r="AN43498">
        <v>55</v>
      </c>
      <c r="AO43498">
        <v>55</v>
      </c>
      <c r="AP43498">
        <v>55</v>
      </c>
      <c r="AQ43498">
        <v>55</v>
      </c>
    </row>
    <row r="43499" spans="1:43">
      <c r="A43499" t="s">
        <v>26571</v>
      </c>
      <c r="B43499" t="s">
        <v>26572</v>
      </c>
      <c r="C43499" t="s">
        <v>10298</v>
      </c>
      <c r="D43499" t="s">
        <v>10299</v>
      </c>
      <c r="E43499" t="s">
        <v>10212</v>
      </c>
      <c r="F43499" t="s">
        <v>10213</v>
      </c>
      <c r="G43499" t="s">
        <v>10214</v>
      </c>
      <c r="H43499" t="s">
        <v>10215</v>
      </c>
      <c r="I43499" s="2">
        <v>1</v>
      </c>
      <c r="J43499" s="2">
        <v>0</v>
      </c>
      <c r="K43499" s="2">
        <v>0</v>
      </c>
      <c r="L43499" t="s">
        <v>120</v>
      </c>
      <c r="M43499" t="s">
        <v>87</v>
      </c>
      <c r="N43499" t="s">
        <v>88</v>
      </c>
      <c r="O43499" t="s">
        <v>85</v>
      </c>
      <c r="P43499" t="s">
        <v>86</v>
      </c>
      <c r="Q43499">
        <v>43</v>
      </c>
      <c r="R43499">
        <v>43</v>
      </c>
      <c r="S43499">
        <v>43</v>
      </c>
      <c r="T43499">
        <v>43</v>
      </c>
      <c r="U43499">
        <v>44</v>
      </c>
      <c r="V43499">
        <v>44</v>
      </c>
      <c r="W43499">
        <v>44</v>
      </c>
      <c r="X43499">
        <v>44</v>
      </c>
      <c r="Y43499">
        <v>44</v>
      </c>
      <c r="Z43499">
        <v>45</v>
      </c>
      <c r="AA43499">
        <v>45</v>
      </c>
      <c r="AB43499">
        <v>45</v>
      </c>
      <c r="AC43499">
        <v>45</v>
      </c>
      <c r="AD43499">
        <v>45</v>
      </c>
      <c r="AE43499">
        <v>46</v>
      </c>
      <c r="AF43499">
        <v>46</v>
      </c>
      <c r="AG43499">
        <v>46</v>
      </c>
      <c r="AH43499">
        <v>46</v>
      </c>
      <c r="AI43499">
        <v>46</v>
      </c>
      <c r="AJ43499">
        <v>47</v>
      </c>
      <c r="AK43499">
        <v>47</v>
      </c>
      <c r="AL43499">
        <v>47</v>
      </c>
      <c r="AM43499">
        <v>47</v>
      </c>
      <c r="AN43499">
        <v>47</v>
      </c>
      <c r="AO43499">
        <v>47</v>
      </c>
      <c r="AP43499">
        <v>48</v>
      </c>
      <c r="AQ43499">
        <v>48</v>
      </c>
    </row>
    <row r="43500" spans="1:43">
      <c r="A43500" t="s">
        <v>26571</v>
      </c>
      <c r="B43500" t="s">
        <v>26572</v>
      </c>
      <c r="C43500" t="s">
        <v>10298</v>
      </c>
      <c r="D43500" t="s">
        <v>10299</v>
      </c>
      <c r="E43500" t="s">
        <v>10212</v>
      </c>
      <c r="F43500" t="s">
        <v>10213</v>
      </c>
      <c r="G43500" t="s">
        <v>10214</v>
      </c>
      <c r="H43500" t="s">
        <v>10215</v>
      </c>
      <c r="I43500" s="2">
        <v>1</v>
      </c>
      <c r="J43500" s="2">
        <v>0</v>
      </c>
      <c r="K43500" s="2">
        <v>0</v>
      </c>
      <c r="L43500" t="s">
        <v>120</v>
      </c>
      <c r="M43500" t="s">
        <v>89</v>
      </c>
      <c r="N43500" t="s">
        <v>90</v>
      </c>
      <c r="O43500" t="s">
        <v>85</v>
      </c>
      <c r="P43500" t="s">
        <v>86</v>
      </c>
      <c r="Q43500">
        <v>43</v>
      </c>
      <c r="R43500">
        <v>44</v>
      </c>
      <c r="S43500">
        <v>44</v>
      </c>
      <c r="T43500">
        <v>45</v>
      </c>
      <c r="U43500">
        <v>46</v>
      </c>
      <c r="V43500">
        <v>47</v>
      </c>
      <c r="W43500">
        <v>48</v>
      </c>
      <c r="X43500">
        <v>49</v>
      </c>
      <c r="Y43500">
        <v>50</v>
      </c>
      <c r="Z43500">
        <v>50</v>
      </c>
      <c r="AA43500">
        <v>51</v>
      </c>
      <c r="AB43500">
        <v>52</v>
      </c>
      <c r="AC43500">
        <v>53</v>
      </c>
      <c r="AD43500">
        <v>53</v>
      </c>
      <c r="AE43500">
        <v>54</v>
      </c>
      <c r="AF43500">
        <v>54</v>
      </c>
      <c r="AG43500">
        <v>54</v>
      </c>
      <c r="AH43500">
        <v>54</v>
      </c>
      <c r="AI43500">
        <v>54</v>
      </c>
      <c r="AJ43500">
        <v>54</v>
      </c>
      <c r="AK43500">
        <v>54</v>
      </c>
      <c r="AL43500">
        <v>54</v>
      </c>
      <c r="AM43500">
        <v>54</v>
      </c>
      <c r="AN43500">
        <v>54</v>
      </c>
      <c r="AO43500">
        <v>54</v>
      </c>
      <c r="AP43500">
        <v>54</v>
      </c>
      <c r="AQ43500">
        <v>54</v>
      </c>
    </row>
    <row r="43501" spans="1:43">
      <c r="A43501" t="s">
        <v>26571</v>
      </c>
      <c r="B43501" t="s">
        <v>26572</v>
      </c>
      <c r="C43501" t="s">
        <v>10298</v>
      </c>
      <c r="D43501" t="s">
        <v>10299</v>
      </c>
      <c r="E43501" t="s">
        <v>10212</v>
      </c>
      <c r="F43501" t="s">
        <v>10213</v>
      </c>
      <c r="G43501" t="s">
        <v>10214</v>
      </c>
      <c r="H43501" t="s">
        <v>10215</v>
      </c>
      <c r="I43501" s="2">
        <v>1</v>
      </c>
      <c r="J43501" s="2">
        <v>0</v>
      </c>
      <c r="K43501" s="2">
        <v>0</v>
      </c>
      <c r="L43501" t="s">
        <v>120</v>
      </c>
      <c r="M43501" t="s">
        <v>83</v>
      </c>
      <c r="N43501" t="s">
        <v>91</v>
      </c>
      <c r="O43501" t="s">
        <v>85</v>
      </c>
      <c r="P43501" t="s">
        <v>86</v>
      </c>
      <c r="Q43501">
        <v>43</v>
      </c>
      <c r="R43501">
        <v>44</v>
      </c>
      <c r="S43501">
        <v>44</v>
      </c>
      <c r="T43501">
        <v>45</v>
      </c>
      <c r="U43501">
        <v>46</v>
      </c>
      <c r="V43501">
        <v>46</v>
      </c>
      <c r="W43501">
        <v>47</v>
      </c>
      <c r="X43501">
        <v>47</v>
      </c>
      <c r="Y43501">
        <v>48</v>
      </c>
      <c r="Z43501">
        <v>49</v>
      </c>
      <c r="AA43501">
        <v>49</v>
      </c>
      <c r="AB43501">
        <v>50</v>
      </c>
      <c r="AC43501">
        <v>50</v>
      </c>
      <c r="AD43501">
        <v>51</v>
      </c>
      <c r="AE43501">
        <v>51</v>
      </c>
      <c r="AF43501">
        <v>52</v>
      </c>
      <c r="AG43501">
        <v>52</v>
      </c>
      <c r="AH43501">
        <v>53</v>
      </c>
      <c r="AI43501">
        <v>53</v>
      </c>
      <c r="AJ43501">
        <v>54</v>
      </c>
      <c r="AK43501">
        <v>55</v>
      </c>
      <c r="AL43501">
        <v>55</v>
      </c>
      <c r="AM43501">
        <v>55</v>
      </c>
      <c r="AN43501">
        <v>55</v>
      </c>
      <c r="AO43501">
        <v>55</v>
      </c>
      <c r="AP43501">
        <v>55</v>
      </c>
      <c r="AQ43501">
        <v>55</v>
      </c>
    </row>
    <row r="43502" spans="1:43">
      <c r="A43502" t="s">
        <v>26573</v>
      </c>
      <c r="B43502" t="s">
        <v>26574</v>
      </c>
      <c r="C43502" t="s">
        <v>10298</v>
      </c>
      <c r="D43502" t="s">
        <v>10299</v>
      </c>
      <c r="E43502" t="s">
        <v>10212</v>
      </c>
      <c r="F43502" t="s">
        <v>10213</v>
      </c>
      <c r="G43502" t="s">
        <v>10214</v>
      </c>
      <c r="H43502" t="s">
        <v>10215</v>
      </c>
      <c r="I43502" s="2">
        <v>1</v>
      </c>
      <c r="J43502" s="2">
        <v>0</v>
      </c>
      <c r="K43502" s="2">
        <v>0</v>
      </c>
      <c r="L43502" t="s">
        <v>120</v>
      </c>
      <c r="M43502" t="s">
        <v>83</v>
      </c>
      <c r="N43502" t="s">
        <v>84</v>
      </c>
      <c r="O43502" t="s">
        <v>85</v>
      </c>
      <c r="P43502" t="s">
        <v>86</v>
      </c>
      <c r="Q43502">
        <v>21</v>
      </c>
      <c r="R43502">
        <v>21</v>
      </c>
      <c r="S43502">
        <v>21</v>
      </c>
      <c r="T43502">
        <v>22</v>
      </c>
      <c r="U43502">
        <v>22</v>
      </c>
      <c r="V43502">
        <v>22</v>
      </c>
      <c r="W43502">
        <v>23</v>
      </c>
      <c r="X43502">
        <v>23</v>
      </c>
      <c r="Y43502">
        <v>23</v>
      </c>
      <c r="Z43502">
        <v>23</v>
      </c>
      <c r="AA43502">
        <v>24</v>
      </c>
      <c r="AB43502">
        <v>24</v>
      </c>
      <c r="AC43502">
        <v>24</v>
      </c>
      <c r="AD43502">
        <v>25</v>
      </c>
      <c r="AE43502">
        <v>25</v>
      </c>
      <c r="AF43502">
        <v>25</v>
      </c>
      <c r="AG43502">
        <v>25</v>
      </c>
      <c r="AH43502">
        <v>26</v>
      </c>
      <c r="AI43502">
        <v>26</v>
      </c>
      <c r="AJ43502">
        <v>26</v>
      </c>
      <c r="AK43502">
        <v>26</v>
      </c>
      <c r="AL43502">
        <v>26</v>
      </c>
      <c r="AM43502">
        <v>26</v>
      </c>
      <c r="AN43502">
        <v>26</v>
      </c>
      <c r="AO43502">
        <v>26</v>
      </c>
      <c r="AP43502">
        <v>26</v>
      </c>
      <c r="AQ43502">
        <v>27</v>
      </c>
    </row>
    <row r="43503" spans="1:43">
      <c r="A43503" t="s">
        <v>26573</v>
      </c>
      <c r="B43503" t="s">
        <v>26574</v>
      </c>
      <c r="C43503" t="s">
        <v>10298</v>
      </c>
      <c r="D43503" t="s">
        <v>10299</v>
      </c>
      <c r="E43503" t="s">
        <v>10212</v>
      </c>
      <c r="F43503" t="s">
        <v>10213</v>
      </c>
      <c r="G43503" t="s">
        <v>10214</v>
      </c>
      <c r="H43503" t="s">
        <v>10215</v>
      </c>
      <c r="I43503" s="2">
        <v>1</v>
      </c>
      <c r="J43503" s="2">
        <v>0</v>
      </c>
      <c r="K43503" s="2">
        <v>0</v>
      </c>
      <c r="L43503" t="s">
        <v>120</v>
      </c>
      <c r="M43503" t="s">
        <v>87</v>
      </c>
      <c r="N43503" t="s">
        <v>88</v>
      </c>
      <c r="O43503" t="s">
        <v>85</v>
      </c>
      <c r="P43503" t="s">
        <v>86</v>
      </c>
      <c r="Q43503">
        <v>21</v>
      </c>
      <c r="R43503">
        <v>21</v>
      </c>
      <c r="S43503">
        <v>21</v>
      </c>
      <c r="T43503">
        <v>21</v>
      </c>
      <c r="U43503">
        <v>21</v>
      </c>
      <c r="V43503">
        <v>21</v>
      </c>
      <c r="W43503">
        <v>21</v>
      </c>
      <c r="X43503">
        <v>21</v>
      </c>
      <c r="Y43503">
        <v>21</v>
      </c>
      <c r="Z43503">
        <v>22</v>
      </c>
      <c r="AA43503">
        <v>22</v>
      </c>
      <c r="AB43503">
        <v>22</v>
      </c>
      <c r="AC43503">
        <v>22</v>
      </c>
      <c r="AD43503">
        <v>22</v>
      </c>
      <c r="AE43503">
        <v>22</v>
      </c>
      <c r="AF43503">
        <v>22</v>
      </c>
      <c r="AG43503">
        <v>22</v>
      </c>
      <c r="AH43503">
        <v>22</v>
      </c>
      <c r="AI43503">
        <v>22</v>
      </c>
      <c r="AJ43503">
        <v>22</v>
      </c>
      <c r="AK43503">
        <v>23</v>
      </c>
      <c r="AL43503">
        <v>23</v>
      </c>
      <c r="AM43503">
        <v>23</v>
      </c>
      <c r="AN43503">
        <v>23</v>
      </c>
      <c r="AO43503">
        <v>23</v>
      </c>
      <c r="AP43503">
        <v>23</v>
      </c>
      <c r="AQ43503">
        <v>23</v>
      </c>
    </row>
    <row r="43504" spans="1:43">
      <c r="A43504" t="s">
        <v>26573</v>
      </c>
      <c r="B43504" t="s">
        <v>26574</v>
      </c>
      <c r="C43504" t="s">
        <v>10298</v>
      </c>
      <c r="D43504" t="s">
        <v>10299</v>
      </c>
      <c r="E43504" t="s">
        <v>10212</v>
      </c>
      <c r="F43504" t="s">
        <v>10213</v>
      </c>
      <c r="G43504" t="s">
        <v>10214</v>
      </c>
      <c r="H43504" t="s">
        <v>10215</v>
      </c>
      <c r="I43504" s="2">
        <v>1</v>
      </c>
      <c r="J43504" s="2">
        <v>0</v>
      </c>
      <c r="K43504" s="2">
        <v>0</v>
      </c>
      <c r="L43504" t="s">
        <v>120</v>
      </c>
      <c r="M43504" t="s">
        <v>89</v>
      </c>
      <c r="N43504" t="s">
        <v>90</v>
      </c>
      <c r="O43504" t="s">
        <v>85</v>
      </c>
      <c r="P43504" t="s">
        <v>86</v>
      </c>
      <c r="Q43504">
        <v>21</v>
      </c>
      <c r="R43504">
        <v>21</v>
      </c>
      <c r="S43504">
        <v>22</v>
      </c>
      <c r="T43504">
        <v>22</v>
      </c>
      <c r="U43504">
        <v>23</v>
      </c>
      <c r="V43504">
        <v>23</v>
      </c>
      <c r="W43504">
        <v>24</v>
      </c>
      <c r="X43504">
        <v>24</v>
      </c>
      <c r="Y43504">
        <v>24</v>
      </c>
      <c r="Z43504">
        <v>25</v>
      </c>
      <c r="AA43504">
        <v>25</v>
      </c>
      <c r="AB43504">
        <v>26</v>
      </c>
      <c r="AC43504">
        <v>26</v>
      </c>
      <c r="AD43504">
        <v>26</v>
      </c>
      <c r="AE43504">
        <v>27</v>
      </c>
      <c r="AF43504">
        <v>27</v>
      </c>
      <c r="AG43504">
        <v>27</v>
      </c>
      <c r="AH43504">
        <v>27</v>
      </c>
      <c r="AI43504">
        <v>27</v>
      </c>
      <c r="AJ43504">
        <v>27</v>
      </c>
      <c r="AK43504">
        <v>27</v>
      </c>
      <c r="AL43504">
        <v>27</v>
      </c>
      <c r="AM43504">
        <v>27</v>
      </c>
      <c r="AN43504">
        <v>27</v>
      </c>
      <c r="AO43504">
        <v>27</v>
      </c>
      <c r="AP43504">
        <v>27</v>
      </c>
      <c r="AQ43504">
        <v>27</v>
      </c>
    </row>
    <row r="43505" spans="1:43">
      <c r="A43505" t="s">
        <v>26573</v>
      </c>
      <c r="B43505" t="s">
        <v>26574</v>
      </c>
      <c r="C43505" t="s">
        <v>10298</v>
      </c>
      <c r="D43505" t="s">
        <v>10299</v>
      </c>
      <c r="E43505" t="s">
        <v>10212</v>
      </c>
      <c r="F43505" t="s">
        <v>10213</v>
      </c>
      <c r="G43505" t="s">
        <v>10214</v>
      </c>
      <c r="H43505" t="s">
        <v>10215</v>
      </c>
      <c r="I43505" s="2">
        <v>1</v>
      </c>
      <c r="J43505" s="2">
        <v>0</v>
      </c>
      <c r="K43505" s="2">
        <v>0</v>
      </c>
      <c r="L43505" t="s">
        <v>120</v>
      </c>
      <c r="M43505" t="s">
        <v>83</v>
      </c>
      <c r="N43505" t="s">
        <v>91</v>
      </c>
      <c r="O43505" t="s">
        <v>85</v>
      </c>
      <c r="P43505" t="s">
        <v>86</v>
      </c>
      <c r="Q43505">
        <v>21</v>
      </c>
      <c r="R43505">
        <v>21</v>
      </c>
      <c r="S43505">
        <v>21</v>
      </c>
      <c r="T43505">
        <v>22</v>
      </c>
      <c r="U43505">
        <v>22</v>
      </c>
      <c r="V43505">
        <v>22</v>
      </c>
      <c r="W43505">
        <v>23</v>
      </c>
      <c r="X43505">
        <v>23</v>
      </c>
      <c r="Y43505">
        <v>23</v>
      </c>
      <c r="Z43505">
        <v>23</v>
      </c>
      <c r="AA43505">
        <v>24</v>
      </c>
      <c r="AB43505">
        <v>24</v>
      </c>
      <c r="AC43505">
        <v>24</v>
      </c>
      <c r="AD43505">
        <v>25</v>
      </c>
      <c r="AE43505">
        <v>25</v>
      </c>
      <c r="AF43505">
        <v>25</v>
      </c>
      <c r="AG43505">
        <v>25</v>
      </c>
      <c r="AH43505">
        <v>26</v>
      </c>
      <c r="AI43505">
        <v>26</v>
      </c>
      <c r="AJ43505">
        <v>26</v>
      </c>
      <c r="AK43505">
        <v>26</v>
      </c>
      <c r="AL43505">
        <v>26</v>
      </c>
      <c r="AM43505">
        <v>26</v>
      </c>
      <c r="AN43505">
        <v>26</v>
      </c>
      <c r="AO43505">
        <v>26</v>
      </c>
      <c r="AP43505">
        <v>26</v>
      </c>
      <c r="AQ43505">
        <v>27</v>
      </c>
    </row>
    <row r="43506" spans="1:43">
      <c r="A43506" t="s">
        <v>26575</v>
      </c>
      <c r="B43506" t="s">
        <v>26576</v>
      </c>
      <c r="C43506" t="s">
        <v>10390</v>
      </c>
      <c r="D43506" t="s">
        <v>10391</v>
      </c>
      <c r="E43506" t="s">
        <v>10212</v>
      </c>
      <c r="F43506" t="s">
        <v>10213</v>
      </c>
      <c r="G43506" t="s">
        <v>10214</v>
      </c>
      <c r="H43506" t="s">
        <v>10215</v>
      </c>
      <c r="I43506" s="2">
        <v>1</v>
      </c>
      <c r="J43506" s="2">
        <v>0</v>
      </c>
      <c r="K43506" s="2">
        <v>0</v>
      </c>
      <c r="L43506" t="s">
        <v>120</v>
      </c>
      <c r="M43506" t="s">
        <v>83</v>
      </c>
      <c r="N43506" t="s">
        <v>84</v>
      </c>
      <c r="O43506" t="s">
        <v>85</v>
      </c>
      <c r="P43506" t="s">
        <v>86</v>
      </c>
      <c r="Q43506">
        <v>17</v>
      </c>
      <c r="R43506">
        <v>17</v>
      </c>
      <c r="S43506">
        <v>17</v>
      </c>
      <c r="T43506">
        <v>17</v>
      </c>
      <c r="U43506">
        <v>17</v>
      </c>
      <c r="V43506">
        <v>18</v>
      </c>
      <c r="W43506">
        <v>18</v>
      </c>
      <c r="X43506">
        <v>18</v>
      </c>
      <c r="Y43506">
        <v>18</v>
      </c>
      <c r="Z43506">
        <v>19</v>
      </c>
      <c r="AA43506">
        <v>19</v>
      </c>
      <c r="AB43506">
        <v>19</v>
      </c>
      <c r="AC43506">
        <v>19</v>
      </c>
      <c r="AD43506">
        <v>19</v>
      </c>
      <c r="AE43506">
        <v>20</v>
      </c>
      <c r="AF43506">
        <v>20</v>
      </c>
      <c r="AG43506">
        <v>20</v>
      </c>
      <c r="AH43506">
        <v>20</v>
      </c>
      <c r="AI43506">
        <v>21</v>
      </c>
      <c r="AJ43506">
        <v>21</v>
      </c>
      <c r="AK43506">
        <v>21</v>
      </c>
      <c r="AL43506">
        <v>21</v>
      </c>
      <c r="AM43506">
        <v>21</v>
      </c>
      <c r="AN43506">
        <v>21</v>
      </c>
      <c r="AO43506">
        <v>21</v>
      </c>
      <c r="AP43506">
        <v>21</v>
      </c>
      <c r="AQ43506">
        <v>21</v>
      </c>
    </row>
    <row r="43507" spans="1:43">
      <c r="A43507" t="s">
        <v>26575</v>
      </c>
      <c r="B43507" t="s">
        <v>26576</v>
      </c>
      <c r="C43507" t="s">
        <v>10390</v>
      </c>
      <c r="D43507" t="s">
        <v>10391</v>
      </c>
      <c r="E43507" t="s">
        <v>10212</v>
      </c>
      <c r="F43507" t="s">
        <v>10213</v>
      </c>
      <c r="G43507" t="s">
        <v>10214</v>
      </c>
      <c r="H43507" t="s">
        <v>10215</v>
      </c>
      <c r="I43507" s="2">
        <v>1</v>
      </c>
      <c r="J43507" s="2">
        <v>0</v>
      </c>
      <c r="K43507" s="2">
        <v>0</v>
      </c>
      <c r="L43507" t="s">
        <v>120</v>
      </c>
      <c r="M43507" t="s">
        <v>87</v>
      </c>
      <c r="N43507" t="s">
        <v>88</v>
      </c>
      <c r="O43507" t="s">
        <v>85</v>
      </c>
      <c r="P43507" t="s">
        <v>86</v>
      </c>
      <c r="Q43507">
        <v>17</v>
      </c>
      <c r="R43507">
        <v>17</v>
      </c>
      <c r="S43507">
        <v>18</v>
      </c>
      <c r="T43507">
        <v>18</v>
      </c>
      <c r="U43507">
        <v>18</v>
      </c>
      <c r="V43507">
        <v>18</v>
      </c>
      <c r="W43507">
        <v>18</v>
      </c>
      <c r="X43507">
        <v>18</v>
      </c>
      <c r="Y43507">
        <v>18</v>
      </c>
      <c r="Z43507">
        <v>18</v>
      </c>
      <c r="AA43507">
        <v>18</v>
      </c>
      <c r="AB43507">
        <v>18</v>
      </c>
      <c r="AC43507">
        <v>18</v>
      </c>
      <c r="AD43507">
        <v>18</v>
      </c>
      <c r="AE43507">
        <v>18</v>
      </c>
      <c r="AF43507">
        <v>19</v>
      </c>
      <c r="AG43507">
        <v>19</v>
      </c>
      <c r="AH43507">
        <v>19</v>
      </c>
      <c r="AI43507">
        <v>19</v>
      </c>
      <c r="AJ43507">
        <v>19</v>
      </c>
      <c r="AK43507">
        <v>19</v>
      </c>
      <c r="AL43507">
        <v>19</v>
      </c>
      <c r="AM43507">
        <v>19</v>
      </c>
      <c r="AN43507">
        <v>19</v>
      </c>
      <c r="AO43507">
        <v>19</v>
      </c>
      <c r="AP43507">
        <v>19</v>
      </c>
      <c r="AQ43507">
        <v>19</v>
      </c>
    </row>
    <row r="43508" spans="1:43">
      <c r="A43508" t="s">
        <v>26575</v>
      </c>
      <c r="B43508" t="s">
        <v>26576</v>
      </c>
      <c r="C43508" t="s">
        <v>10390</v>
      </c>
      <c r="D43508" t="s">
        <v>10391</v>
      </c>
      <c r="E43508" t="s">
        <v>10212</v>
      </c>
      <c r="F43508" t="s">
        <v>10213</v>
      </c>
      <c r="G43508" t="s">
        <v>10214</v>
      </c>
      <c r="H43508" t="s">
        <v>10215</v>
      </c>
      <c r="I43508" s="2">
        <v>1</v>
      </c>
      <c r="J43508" s="2">
        <v>0</v>
      </c>
      <c r="K43508" s="2">
        <v>0</v>
      </c>
      <c r="L43508" t="s">
        <v>120</v>
      </c>
      <c r="M43508" t="s">
        <v>89</v>
      </c>
      <c r="N43508" t="s">
        <v>90</v>
      </c>
      <c r="O43508" t="s">
        <v>85</v>
      </c>
      <c r="P43508" t="s">
        <v>86</v>
      </c>
      <c r="Q43508">
        <v>17</v>
      </c>
      <c r="R43508">
        <v>17</v>
      </c>
      <c r="S43508">
        <v>17</v>
      </c>
      <c r="T43508">
        <v>18</v>
      </c>
      <c r="U43508">
        <v>18</v>
      </c>
      <c r="V43508">
        <v>18</v>
      </c>
      <c r="W43508">
        <v>19</v>
      </c>
      <c r="X43508">
        <v>19</v>
      </c>
      <c r="Y43508">
        <v>19</v>
      </c>
      <c r="Z43508">
        <v>20</v>
      </c>
      <c r="AA43508">
        <v>20</v>
      </c>
      <c r="AB43508">
        <v>20</v>
      </c>
      <c r="AC43508">
        <v>21</v>
      </c>
      <c r="AD43508">
        <v>21</v>
      </c>
      <c r="AE43508">
        <v>21</v>
      </c>
      <c r="AF43508">
        <v>21</v>
      </c>
      <c r="AG43508">
        <v>21</v>
      </c>
      <c r="AH43508">
        <v>21</v>
      </c>
      <c r="AI43508">
        <v>21</v>
      </c>
      <c r="AJ43508">
        <v>21</v>
      </c>
      <c r="AK43508">
        <v>21</v>
      </c>
      <c r="AL43508">
        <v>21</v>
      </c>
      <c r="AM43508">
        <v>21</v>
      </c>
      <c r="AN43508">
        <v>21</v>
      </c>
      <c r="AO43508">
        <v>21</v>
      </c>
      <c r="AP43508">
        <v>21</v>
      </c>
      <c r="AQ43508">
        <v>21</v>
      </c>
    </row>
    <row r="43509" spans="1:43">
      <c r="A43509" t="s">
        <v>26575</v>
      </c>
      <c r="B43509" t="s">
        <v>26576</v>
      </c>
      <c r="C43509" t="s">
        <v>10390</v>
      </c>
      <c r="D43509" t="s">
        <v>10391</v>
      </c>
      <c r="E43509" t="s">
        <v>10212</v>
      </c>
      <c r="F43509" t="s">
        <v>10213</v>
      </c>
      <c r="G43509" t="s">
        <v>10214</v>
      </c>
      <c r="H43509" t="s">
        <v>10215</v>
      </c>
      <c r="I43509" s="2">
        <v>1</v>
      </c>
      <c r="J43509" s="2">
        <v>0</v>
      </c>
      <c r="K43509" s="2">
        <v>0</v>
      </c>
      <c r="L43509" t="s">
        <v>120</v>
      </c>
      <c r="M43509" t="s">
        <v>83</v>
      </c>
      <c r="N43509" t="s">
        <v>91</v>
      </c>
      <c r="O43509" t="s">
        <v>85</v>
      </c>
      <c r="P43509" t="s">
        <v>86</v>
      </c>
      <c r="Q43509">
        <v>17</v>
      </c>
      <c r="R43509">
        <v>17</v>
      </c>
      <c r="S43509">
        <v>17</v>
      </c>
      <c r="T43509">
        <v>17</v>
      </c>
      <c r="U43509">
        <v>17</v>
      </c>
      <c r="V43509">
        <v>18</v>
      </c>
      <c r="W43509">
        <v>18</v>
      </c>
      <c r="X43509">
        <v>18</v>
      </c>
      <c r="Y43509">
        <v>18</v>
      </c>
      <c r="Z43509">
        <v>19</v>
      </c>
      <c r="AA43509">
        <v>19</v>
      </c>
      <c r="AB43509">
        <v>19</v>
      </c>
      <c r="AC43509">
        <v>19</v>
      </c>
      <c r="AD43509">
        <v>19</v>
      </c>
      <c r="AE43509">
        <v>20</v>
      </c>
      <c r="AF43509">
        <v>20</v>
      </c>
      <c r="AG43509">
        <v>20</v>
      </c>
      <c r="AH43509">
        <v>20</v>
      </c>
      <c r="AI43509">
        <v>21</v>
      </c>
      <c r="AJ43509">
        <v>21</v>
      </c>
      <c r="AK43509">
        <v>21</v>
      </c>
      <c r="AL43509">
        <v>21</v>
      </c>
      <c r="AM43509">
        <v>21</v>
      </c>
      <c r="AN43509">
        <v>21</v>
      </c>
      <c r="AO43509">
        <v>21</v>
      </c>
      <c r="AP43509">
        <v>21</v>
      </c>
      <c r="AQ43509">
        <v>21</v>
      </c>
    </row>
    <row r="43510" spans="1:43">
      <c r="A43510" t="s">
        <v>26577</v>
      </c>
      <c r="B43510" t="s">
        <v>26578</v>
      </c>
      <c r="C43510" t="s">
        <v>10390</v>
      </c>
      <c r="D43510" t="s">
        <v>10391</v>
      </c>
      <c r="E43510" t="s">
        <v>10212</v>
      </c>
      <c r="F43510" t="s">
        <v>10213</v>
      </c>
      <c r="G43510" t="s">
        <v>10214</v>
      </c>
      <c r="H43510" t="s">
        <v>10215</v>
      </c>
      <c r="I43510" s="2">
        <v>1</v>
      </c>
      <c r="J43510" s="2">
        <v>0</v>
      </c>
      <c r="K43510" s="2">
        <v>0</v>
      </c>
      <c r="L43510" t="s">
        <v>120</v>
      </c>
      <c r="M43510" t="s">
        <v>83</v>
      </c>
      <c r="N43510" t="s">
        <v>84</v>
      </c>
      <c r="O43510" t="s">
        <v>85</v>
      </c>
      <c r="P43510" t="s">
        <v>86</v>
      </c>
      <c r="Q43510">
        <v>0</v>
      </c>
      <c r="R43510">
        <v>0</v>
      </c>
      <c r="S43510">
        <v>0</v>
      </c>
      <c r="T43510">
        <v>0</v>
      </c>
      <c r="U43510">
        <v>0</v>
      </c>
      <c r="V43510">
        <v>0</v>
      </c>
      <c r="W43510">
        <v>0</v>
      </c>
      <c r="X43510">
        <v>0</v>
      </c>
      <c r="Y43510">
        <v>0</v>
      </c>
      <c r="Z43510">
        <v>0</v>
      </c>
      <c r="AA43510">
        <v>0</v>
      </c>
      <c r="AB43510">
        <v>0</v>
      </c>
      <c r="AC43510">
        <v>0</v>
      </c>
      <c r="AD43510">
        <v>0</v>
      </c>
      <c r="AE43510">
        <v>0</v>
      </c>
      <c r="AF43510">
        <v>0</v>
      </c>
      <c r="AG43510">
        <v>0</v>
      </c>
      <c r="AH43510">
        <v>0</v>
      </c>
      <c r="AI43510">
        <v>0</v>
      </c>
      <c r="AJ43510">
        <v>0</v>
      </c>
      <c r="AK43510">
        <v>0</v>
      </c>
      <c r="AL43510">
        <v>0</v>
      </c>
      <c r="AM43510">
        <v>0</v>
      </c>
      <c r="AN43510">
        <v>0</v>
      </c>
      <c r="AO43510">
        <v>0</v>
      </c>
      <c r="AP43510">
        <v>0</v>
      </c>
      <c r="AQ43510">
        <v>0</v>
      </c>
    </row>
    <row r="43511" spans="1:43">
      <c r="A43511" t="s">
        <v>26577</v>
      </c>
      <c r="B43511" t="s">
        <v>26578</v>
      </c>
      <c r="C43511" t="s">
        <v>10390</v>
      </c>
      <c r="D43511" t="s">
        <v>10391</v>
      </c>
      <c r="E43511" t="s">
        <v>10212</v>
      </c>
      <c r="F43511" t="s">
        <v>10213</v>
      </c>
      <c r="G43511" t="s">
        <v>10214</v>
      </c>
      <c r="H43511" t="s">
        <v>10215</v>
      </c>
      <c r="I43511" s="2">
        <v>1</v>
      </c>
      <c r="J43511" s="2">
        <v>0</v>
      </c>
      <c r="K43511" s="2">
        <v>0</v>
      </c>
      <c r="L43511" t="s">
        <v>120</v>
      </c>
      <c r="M43511" t="s">
        <v>87</v>
      </c>
      <c r="N43511" t="s">
        <v>88</v>
      </c>
      <c r="O43511" t="s">
        <v>85</v>
      </c>
      <c r="P43511" t="s">
        <v>86</v>
      </c>
      <c r="Q43511">
        <v>0</v>
      </c>
      <c r="R43511">
        <v>0</v>
      </c>
      <c r="S43511">
        <v>0</v>
      </c>
      <c r="T43511">
        <v>0</v>
      </c>
      <c r="U43511">
        <v>0</v>
      </c>
      <c r="V43511">
        <v>0</v>
      </c>
      <c r="W43511">
        <v>0</v>
      </c>
      <c r="X43511">
        <v>0</v>
      </c>
      <c r="Y43511">
        <v>0</v>
      </c>
      <c r="Z43511">
        <v>0</v>
      </c>
      <c r="AA43511">
        <v>0</v>
      </c>
      <c r="AB43511">
        <v>0</v>
      </c>
      <c r="AC43511">
        <v>0</v>
      </c>
      <c r="AD43511">
        <v>0</v>
      </c>
      <c r="AE43511">
        <v>0</v>
      </c>
      <c r="AF43511">
        <v>0</v>
      </c>
      <c r="AG43511">
        <v>0</v>
      </c>
      <c r="AH43511">
        <v>0</v>
      </c>
      <c r="AI43511">
        <v>0</v>
      </c>
      <c r="AJ43511">
        <v>0</v>
      </c>
      <c r="AK43511">
        <v>0</v>
      </c>
      <c r="AL43511">
        <v>0</v>
      </c>
      <c r="AM43511">
        <v>0</v>
      </c>
      <c r="AN43511">
        <v>0</v>
      </c>
      <c r="AO43511">
        <v>0</v>
      </c>
      <c r="AP43511">
        <v>0</v>
      </c>
      <c r="AQ43511">
        <v>0</v>
      </c>
    </row>
    <row r="43512" spans="1:43">
      <c r="A43512" t="s">
        <v>26577</v>
      </c>
      <c r="B43512" t="s">
        <v>26578</v>
      </c>
      <c r="C43512" t="s">
        <v>10390</v>
      </c>
      <c r="D43512" t="s">
        <v>10391</v>
      </c>
      <c r="E43512" t="s">
        <v>10212</v>
      </c>
      <c r="F43512" t="s">
        <v>10213</v>
      </c>
      <c r="G43512" t="s">
        <v>10214</v>
      </c>
      <c r="H43512" t="s">
        <v>10215</v>
      </c>
      <c r="I43512" s="2">
        <v>1</v>
      </c>
      <c r="J43512" s="2">
        <v>0</v>
      </c>
      <c r="K43512" s="2">
        <v>0</v>
      </c>
      <c r="L43512" t="s">
        <v>120</v>
      </c>
      <c r="M43512" t="s">
        <v>89</v>
      </c>
      <c r="N43512" t="s">
        <v>90</v>
      </c>
      <c r="O43512" t="s">
        <v>85</v>
      </c>
      <c r="P43512" t="s">
        <v>86</v>
      </c>
      <c r="Q43512">
        <v>0</v>
      </c>
      <c r="R43512">
        <v>0</v>
      </c>
      <c r="S43512">
        <v>0</v>
      </c>
      <c r="T43512">
        <v>0</v>
      </c>
      <c r="U43512">
        <v>0</v>
      </c>
      <c r="V43512">
        <v>0</v>
      </c>
      <c r="W43512">
        <v>0</v>
      </c>
      <c r="X43512">
        <v>0</v>
      </c>
      <c r="Y43512">
        <v>0</v>
      </c>
      <c r="Z43512">
        <v>0</v>
      </c>
      <c r="AA43512">
        <v>0</v>
      </c>
      <c r="AB43512">
        <v>0</v>
      </c>
      <c r="AC43512">
        <v>0</v>
      </c>
      <c r="AD43512">
        <v>0</v>
      </c>
      <c r="AE43512">
        <v>0</v>
      </c>
      <c r="AF43512">
        <v>0</v>
      </c>
      <c r="AG43512">
        <v>0</v>
      </c>
      <c r="AH43512">
        <v>0</v>
      </c>
      <c r="AI43512">
        <v>0</v>
      </c>
      <c r="AJ43512">
        <v>0</v>
      </c>
      <c r="AK43512">
        <v>0</v>
      </c>
      <c r="AL43512">
        <v>0</v>
      </c>
      <c r="AM43512">
        <v>0</v>
      </c>
      <c r="AN43512">
        <v>0</v>
      </c>
      <c r="AO43512">
        <v>0</v>
      </c>
      <c r="AP43512">
        <v>0</v>
      </c>
      <c r="AQ43512">
        <v>0</v>
      </c>
    </row>
    <row r="43513" spans="1:43">
      <c r="A43513" t="s">
        <v>26577</v>
      </c>
      <c r="B43513" t="s">
        <v>26578</v>
      </c>
      <c r="C43513" t="s">
        <v>10390</v>
      </c>
      <c r="D43513" t="s">
        <v>10391</v>
      </c>
      <c r="E43513" t="s">
        <v>10212</v>
      </c>
      <c r="F43513" t="s">
        <v>10213</v>
      </c>
      <c r="G43513" t="s">
        <v>10214</v>
      </c>
      <c r="H43513" t="s">
        <v>10215</v>
      </c>
      <c r="I43513" s="2">
        <v>1</v>
      </c>
      <c r="J43513" s="2">
        <v>0</v>
      </c>
      <c r="K43513" s="2">
        <v>0</v>
      </c>
      <c r="L43513" t="s">
        <v>120</v>
      </c>
      <c r="M43513" t="s">
        <v>83</v>
      </c>
      <c r="N43513" t="s">
        <v>91</v>
      </c>
      <c r="O43513" t="s">
        <v>85</v>
      </c>
      <c r="P43513" t="s">
        <v>86</v>
      </c>
      <c r="Q43513">
        <v>0</v>
      </c>
      <c r="R43513">
        <v>0</v>
      </c>
      <c r="S43513">
        <v>0</v>
      </c>
      <c r="T43513">
        <v>0</v>
      </c>
      <c r="U43513">
        <v>0</v>
      </c>
      <c r="V43513">
        <v>0</v>
      </c>
      <c r="W43513">
        <v>0</v>
      </c>
      <c r="X43513">
        <v>0</v>
      </c>
      <c r="Y43513">
        <v>0</v>
      </c>
      <c r="Z43513">
        <v>0</v>
      </c>
      <c r="AA43513">
        <v>0</v>
      </c>
      <c r="AB43513">
        <v>0</v>
      </c>
      <c r="AC43513">
        <v>0</v>
      </c>
      <c r="AD43513">
        <v>0</v>
      </c>
      <c r="AE43513">
        <v>0</v>
      </c>
      <c r="AF43513">
        <v>0</v>
      </c>
      <c r="AG43513">
        <v>0</v>
      </c>
      <c r="AH43513">
        <v>0</v>
      </c>
      <c r="AI43513">
        <v>0</v>
      </c>
      <c r="AJ43513">
        <v>0</v>
      </c>
      <c r="AK43513">
        <v>0</v>
      </c>
      <c r="AL43513">
        <v>0</v>
      </c>
      <c r="AM43513">
        <v>0</v>
      </c>
      <c r="AN43513">
        <v>0</v>
      </c>
      <c r="AO43513">
        <v>0</v>
      </c>
      <c r="AP43513">
        <v>0</v>
      </c>
      <c r="AQ43513">
        <v>0</v>
      </c>
    </row>
    <row r="43514" spans="1:43">
      <c r="A43514" t="s">
        <v>26579</v>
      </c>
      <c r="B43514" t="s">
        <v>26580</v>
      </c>
      <c r="C43514" t="s">
        <v>10390</v>
      </c>
      <c r="D43514" t="s">
        <v>10391</v>
      </c>
      <c r="E43514" t="s">
        <v>10212</v>
      </c>
      <c r="F43514" t="s">
        <v>10213</v>
      </c>
      <c r="G43514" t="s">
        <v>10214</v>
      </c>
      <c r="H43514" t="s">
        <v>10215</v>
      </c>
      <c r="I43514" s="2">
        <v>1</v>
      </c>
      <c r="J43514" s="2">
        <v>0</v>
      </c>
      <c r="K43514" s="2">
        <v>0</v>
      </c>
      <c r="L43514" t="s">
        <v>120</v>
      </c>
      <c r="M43514" t="s">
        <v>83</v>
      </c>
      <c r="N43514" t="s">
        <v>84</v>
      </c>
      <c r="O43514" t="s">
        <v>85</v>
      </c>
      <c r="P43514" t="s">
        <v>86</v>
      </c>
      <c r="Q43514">
        <v>0</v>
      </c>
      <c r="R43514">
        <v>0</v>
      </c>
      <c r="S43514">
        <v>0</v>
      </c>
      <c r="T43514">
        <v>0</v>
      </c>
      <c r="U43514">
        <v>0</v>
      </c>
      <c r="V43514">
        <v>0</v>
      </c>
      <c r="W43514">
        <v>0</v>
      </c>
      <c r="X43514">
        <v>0</v>
      </c>
      <c r="Y43514">
        <v>0</v>
      </c>
      <c r="Z43514">
        <v>0</v>
      </c>
      <c r="AA43514">
        <v>0</v>
      </c>
      <c r="AB43514">
        <v>0</v>
      </c>
      <c r="AC43514">
        <v>0</v>
      </c>
      <c r="AD43514">
        <v>0</v>
      </c>
      <c r="AE43514">
        <v>0</v>
      </c>
      <c r="AF43514">
        <v>0</v>
      </c>
      <c r="AG43514">
        <v>0</v>
      </c>
      <c r="AH43514">
        <v>0</v>
      </c>
      <c r="AI43514">
        <v>0</v>
      </c>
      <c r="AJ43514">
        <v>0</v>
      </c>
      <c r="AK43514">
        <v>0</v>
      </c>
      <c r="AL43514">
        <v>0</v>
      </c>
      <c r="AM43514">
        <v>0</v>
      </c>
      <c r="AN43514">
        <v>0</v>
      </c>
      <c r="AO43514">
        <v>0</v>
      </c>
      <c r="AP43514">
        <v>0</v>
      </c>
      <c r="AQ43514">
        <v>0</v>
      </c>
    </row>
    <row r="43515" spans="1:43">
      <c r="A43515" t="s">
        <v>26579</v>
      </c>
      <c r="B43515" t="s">
        <v>26580</v>
      </c>
      <c r="C43515" t="s">
        <v>10390</v>
      </c>
      <c r="D43515" t="s">
        <v>10391</v>
      </c>
      <c r="E43515" t="s">
        <v>10212</v>
      </c>
      <c r="F43515" t="s">
        <v>10213</v>
      </c>
      <c r="G43515" t="s">
        <v>10214</v>
      </c>
      <c r="H43515" t="s">
        <v>10215</v>
      </c>
      <c r="I43515" s="2">
        <v>1</v>
      </c>
      <c r="J43515" s="2">
        <v>0</v>
      </c>
      <c r="K43515" s="2">
        <v>0</v>
      </c>
      <c r="L43515" t="s">
        <v>120</v>
      </c>
      <c r="M43515" t="s">
        <v>87</v>
      </c>
      <c r="N43515" t="s">
        <v>88</v>
      </c>
      <c r="O43515" t="s">
        <v>85</v>
      </c>
      <c r="P43515" t="s">
        <v>86</v>
      </c>
      <c r="Q43515">
        <v>0</v>
      </c>
      <c r="R43515">
        <v>0</v>
      </c>
      <c r="S43515">
        <v>0</v>
      </c>
      <c r="T43515">
        <v>0</v>
      </c>
      <c r="U43515">
        <v>0</v>
      </c>
      <c r="V43515">
        <v>0</v>
      </c>
      <c r="W43515">
        <v>0</v>
      </c>
      <c r="X43515">
        <v>0</v>
      </c>
      <c r="Y43515">
        <v>0</v>
      </c>
      <c r="Z43515">
        <v>0</v>
      </c>
      <c r="AA43515">
        <v>0</v>
      </c>
      <c r="AB43515">
        <v>0</v>
      </c>
      <c r="AC43515">
        <v>0</v>
      </c>
      <c r="AD43515">
        <v>0</v>
      </c>
      <c r="AE43515">
        <v>0</v>
      </c>
      <c r="AF43515">
        <v>0</v>
      </c>
      <c r="AG43515">
        <v>0</v>
      </c>
      <c r="AH43515">
        <v>0</v>
      </c>
      <c r="AI43515">
        <v>0</v>
      </c>
      <c r="AJ43515">
        <v>0</v>
      </c>
      <c r="AK43515">
        <v>0</v>
      </c>
      <c r="AL43515">
        <v>0</v>
      </c>
      <c r="AM43515">
        <v>0</v>
      </c>
      <c r="AN43515">
        <v>0</v>
      </c>
      <c r="AO43515">
        <v>0</v>
      </c>
      <c r="AP43515">
        <v>0</v>
      </c>
      <c r="AQ43515">
        <v>0</v>
      </c>
    </row>
    <row r="43516" spans="1:43">
      <c r="A43516" t="s">
        <v>26579</v>
      </c>
      <c r="B43516" t="s">
        <v>26580</v>
      </c>
      <c r="C43516" t="s">
        <v>10390</v>
      </c>
      <c r="D43516" t="s">
        <v>10391</v>
      </c>
      <c r="E43516" t="s">
        <v>10212</v>
      </c>
      <c r="F43516" t="s">
        <v>10213</v>
      </c>
      <c r="G43516" t="s">
        <v>10214</v>
      </c>
      <c r="H43516" t="s">
        <v>10215</v>
      </c>
      <c r="I43516" s="2">
        <v>1</v>
      </c>
      <c r="J43516" s="2">
        <v>0</v>
      </c>
      <c r="K43516" s="2">
        <v>0</v>
      </c>
      <c r="L43516" t="s">
        <v>120</v>
      </c>
      <c r="M43516" t="s">
        <v>89</v>
      </c>
      <c r="N43516" t="s">
        <v>90</v>
      </c>
      <c r="O43516" t="s">
        <v>85</v>
      </c>
      <c r="P43516" t="s">
        <v>86</v>
      </c>
      <c r="Q43516">
        <v>0</v>
      </c>
      <c r="R43516">
        <v>0</v>
      </c>
      <c r="S43516">
        <v>0</v>
      </c>
      <c r="T43516">
        <v>0</v>
      </c>
      <c r="U43516">
        <v>0</v>
      </c>
      <c r="V43516">
        <v>0</v>
      </c>
      <c r="W43516">
        <v>0</v>
      </c>
      <c r="X43516">
        <v>0</v>
      </c>
      <c r="Y43516">
        <v>0</v>
      </c>
      <c r="Z43516">
        <v>0</v>
      </c>
      <c r="AA43516">
        <v>0</v>
      </c>
      <c r="AB43516">
        <v>0</v>
      </c>
      <c r="AC43516">
        <v>0</v>
      </c>
      <c r="AD43516">
        <v>0</v>
      </c>
      <c r="AE43516">
        <v>0</v>
      </c>
      <c r="AF43516">
        <v>0</v>
      </c>
      <c r="AG43516">
        <v>0</v>
      </c>
      <c r="AH43516">
        <v>0</v>
      </c>
      <c r="AI43516">
        <v>0</v>
      </c>
      <c r="AJ43516">
        <v>0</v>
      </c>
      <c r="AK43516">
        <v>0</v>
      </c>
      <c r="AL43516">
        <v>0</v>
      </c>
      <c r="AM43516">
        <v>0</v>
      </c>
      <c r="AN43516">
        <v>0</v>
      </c>
      <c r="AO43516">
        <v>0</v>
      </c>
      <c r="AP43516">
        <v>0</v>
      </c>
      <c r="AQ43516">
        <v>0</v>
      </c>
    </row>
    <row r="43517" spans="1:43">
      <c r="A43517" t="s">
        <v>26579</v>
      </c>
      <c r="B43517" t="s">
        <v>26580</v>
      </c>
      <c r="C43517" t="s">
        <v>10390</v>
      </c>
      <c r="D43517" t="s">
        <v>10391</v>
      </c>
      <c r="E43517" t="s">
        <v>10212</v>
      </c>
      <c r="F43517" t="s">
        <v>10213</v>
      </c>
      <c r="G43517" t="s">
        <v>10214</v>
      </c>
      <c r="H43517" t="s">
        <v>10215</v>
      </c>
      <c r="I43517" s="2">
        <v>1</v>
      </c>
      <c r="J43517" s="2">
        <v>0</v>
      </c>
      <c r="K43517" s="2">
        <v>0</v>
      </c>
      <c r="L43517" t="s">
        <v>120</v>
      </c>
      <c r="M43517" t="s">
        <v>83</v>
      </c>
      <c r="N43517" t="s">
        <v>91</v>
      </c>
      <c r="O43517" t="s">
        <v>85</v>
      </c>
      <c r="P43517" t="s">
        <v>86</v>
      </c>
      <c r="Q43517">
        <v>0</v>
      </c>
      <c r="R43517">
        <v>0</v>
      </c>
      <c r="S43517">
        <v>0</v>
      </c>
      <c r="T43517">
        <v>0</v>
      </c>
      <c r="U43517">
        <v>0</v>
      </c>
      <c r="V43517">
        <v>0</v>
      </c>
      <c r="W43517">
        <v>0</v>
      </c>
      <c r="X43517">
        <v>0</v>
      </c>
      <c r="Y43517">
        <v>0</v>
      </c>
      <c r="Z43517">
        <v>0</v>
      </c>
      <c r="AA43517">
        <v>0</v>
      </c>
      <c r="AB43517">
        <v>0</v>
      </c>
      <c r="AC43517">
        <v>0</v>
      </c>
      <c r="AD43517">
        <v>0</v>
      </c>
      <c r="AE43517">
        <v>0</v>
      </c>
      <c r="AF43517">
        <v>0</v>
      </c>
      <c r="AG43517">
        <v>0</v>
      </c>
      <c r="AH43517">
        <v>0</v>
      </c>
      <c r="AI43517">
        <v>0</v>
      </c>
      <c r="AJ43517">
        <v>0</v>
      </c>
      <c r="AK43517">
        <v>0</v>
      </c>
      <c r="AL43517">
        <v>0</v>
      </c>
      <c r="AM43517">
        <v>0</v>
      </c>
      <c r="AN43517">
        <v>0</v>
      </c>
      <c r="AO43517">
        <v>0</v>
      </c>
      <c r="AP43517">
        <v>0</v>
      </c>
      <c r="AQ43517">
        <v>0</v>
      </c>
    </row>
    <row r="43518" spans="1:43">
      <c r="A43518" t="s">
        <v>26581</v>
      </c>
      <c r="B43518" t="s">
        <v>26582</v>
      </c>
      <c r="C43518" t="s">
        <v>10390</v>
      </c>
      <c r="D43518" t="s">
        <v>10391</v>
      </c>
      <c r="E43518" t="s">
        <v>10212</v>
      </c>
      <c r="F43518" t="s">
        <v>10213</v>
      </c>
      <c r="G43518" t="s">
        <v>10214</v>
      </c>
      <c r="H43518" t="s">
        <v>10215</v>
      </c>
      <c r="I43518" s="2">
        <v>1</v>
      </c>
      <c r="J43518" s="2">
        <v>0</v>
      </c>
      <c r="K43518" s="2">
        <v>0</v>
      </c>
      <c r="L43518" t="s">
        <v>120</v>
      </c>
      <c r="M43518" t="s">
        <v>83</v>
      </c>
      <c r="N43518" t="s">
        <v>84</v>
      </c>
      <c r="O43518" t="s">
        <v>85</v>
      </c>
      <c r="P43518" t="s">
        <v>86</v>
      </c>
      <c r="Q43518">
        <v>8</v>
      </c>
      <c r="R43518">
        <v>8</v>
      </c>
      <c r="S43518">
        <v>8</v>
      </c>
      <c r="T43518">
        <v>8</v>
      </c>
      <c r="U43518">
        <v>8</v>
      </c>
      <c r="V43518">
        <v>9</v>
      </c>
      <c r="W43518">
        <v>9</v>
      </c>
      <c r="X43518">
        <v>9</v>
      </c>
      <c r="Y43518">
        <v>9</v>
      </c>
      <c r="Z43518">
        <v>9</v>
      </c>
      <c r="AA43518">
        <v>9</v>
      </c>
      <c r="AB43518">
        <v>9</v>
      </c>
      <c r="AC43518">
        <v>9</v>
      </c>
      <c r="AD43518">
        <v>9</v>
      </c>
      <c r="AE43518">
        <v>9</v>
      </c>
      <c r="AF43518">
        <v>10</v>
      </c>
      <c r="AG43518">
        <v>10</v>
      </c>
      <c r="AH43518">
        <v>10</v>
      </c>
      <c r="AI43518">
        <v>10</v>
      </c>
      <c r="AJ43518">
        <v>10</v>
      </c>
      <c r="AK43518">
        <v>10</v>
      </c>
      <c r="AL43518">
        <v>10</v>
      </c>
      <c r="AM43518">
        <v>10</v>
      </c>
      <c r="AN43518">
        <v>10</v>
      </c>
      <c r="AO43518">
        <v>10</v>
      </c>
      <c r="AP43518">
        <v>10</v>
      </c>
      <c r="AQ43518">
        <v>10</v>
      </c>
    </row>
    <row r="43519" spans="1:43">
      <c r="A43519" t="s">
        <v>26581</v>
      </c>
      <c r="B43519" t="s">
        <v>26582</v>
      </c>
      <c r="C43519" t="s">
        <v>10390</v>
      </c>
      <c r="D43519" t="s">
        <v>10391</v>
      </c>
      <c r="E43519" t="s">
        <v>10212</v>
      </c>
      <c r="F43519" t="s">
        <v>10213</v>
      </c>
      <c r="G43519" t="s">
        <v>10214</v>
      </c>
      <c r="H43519" t="s">
        <v>10215</v>
      </c>
      <c r="I43519" s="2">
        <v>1</v>
      </c>
      <c r="J43519" s="2">
        <v>0</v>
      </c>
      <c r="K43519" s="2">
        <v>0</v>
      </c>
      <c r="L43519" t="s">
        <v>120</v>
      </c>
      <c r="M43519" t="s">
        <v>87</v>
      </c>
      <c r="N43519" t="s">
        <v>88</v>
      </c>
      <c r="O43519" t="s">
        <v>85</v>
      </c>
      <c r="P43519" t="s">
        <v>86</v>
      </c>
      <c r="Q43519">
        <v>8</v>
      </c>
      <c r="R43519">
        <v>8</v>
      </c>
      <c r="S43519">
        <v>8</v>
      </c>
      <c r="T43519">
        <v>8</v>
      </c>
      <c r="U43519">
        <v>8</v>
      </c>
      <c r="V43519">
        <v>8</v>
      </c>
      <c r="W43519">
        <v>8</v>
      </c>
      <c r="X43519">
        <v>8</v>
      </c>
      <c r="Y43519">
        <v>8</v>
      </c>
      <c r="Z43519">
        <v>8</v>
      </c>
      <c r="AA43519">
        <v>8</v>
      </c>
      <c r="AB43519">
        <v>8</v>
      </c>
      <c r="AC43519">
        <v>8</v>
      </c>
      <c r="AD43519">
        <v>8</v>
      </c>
      <c r="AE43519">
        <v>8</v>
      </c>
      <c r="AF43519">
        <v>8</v>
      </c>
      <c r="AG43519">
        <v>8</v>
      </c>
      <c r="AH43519">
        <v>9</v>
      </c>
      <c r="AI43519">
        <v>9</v>
      </c>
      <c r="AJ43519">
        <v>9</v>
      </c>
      <c r="AK43519">
        <v>9</v>
      </c>
      <c r="AL43519">
        <v>9</v>
      </c>
      <c r="AM43519">
        <v>9</v>
      </c>
      <c r="AN43519">
        <v>9</v>
      </c>
      <c r="AO43519">
        <v>9</v>
      </c>
      <c r="AP43519">
        <v>9</v>
      </c>
      <c r="AQ43519">
        <v>9</v>
      </c>
    </row>
    <row r="43520" spans="1:43">
      <c r="A43520" t="s">
        <v>26581</v>
      </c>
      <c r="B43520" t="s">
        <v>26582</v>
      </c>
      <c r="C43520" t="s">
        <v>10390</v>
      </c>
      <c r="D43520" t="s">
        <v>10391</v>
      </c>
      <c r="E43520" t="s">
        <v>10212</v>
      </c>
      <c r="F43520" t="s">
        <v>10213</v>
      </c>
      <c r="G43520" t="s">
        <v>10214</v>
      </c>
      <c r="H43520" t="s">
        <v>10215</v>
      </c>
      <c r="I43520" s="2">
        <v>1</v>
      </c>
      <c r="J43520" s="2">
        <v>0</v>
      </c>
      <c r="K43520" s="2">
        <v>0</v>
      </c>
      <c r="L43520" t="s">
        <v>120</v>
      </c>
      <c r="M43520" t="s">
        <v>89</v>
      </c>
      <c r="N43520" t="s">
        <v>90</v>
      </c>
      <c r="O43520" t="s">
        <v>85</v>
      </c>
      <c r="P43520" t="s">
        <v>86</v>
      </c>
      <c r="Q43520">
        <v>8</v>
      </c>
      <c r="R43520">
        <v>8</v>
      </c>
      <c r="S43520">
        <v>8</v>
      </c>
      <c r="T43520">
        <v>9</v>
      </c>
      <c r="U43520">
        <v>9</v>
      </c>
      <c r="V43520">
        <v>9</v>
      </c>
      <c r="W43520">
        <v>9</v>
      </c>
      <c r="X43520">
        <v>9</v>
      </c>
      <c r="Y43520">
        <v>9</v>
      </c>
      <c r="Z43520">
        <v>9</v>
      </c>
      <c r="AA43520">
        <v>10</v>
      </c>
      <c r="AB43520">
        <v>10</v>
      </c>
      <c r="AC43520">
        <v>10</v>
      </c>
      <c r="AD43520">
        <v>10</v>
      </c>
      <c r="AE43520">
        <v>10</v>
      </c>
      <c r="AF43520">
        <v>10</v>
      </c>
      <c r="AG43520">
        <v>10</v>
      </c>
      <c r="AH43520">
        <v>10</v>
      </c>
      <c r="AI43520">
        <v>10</v>
      </c>
      <c r="AJ43520">
        <v>10</v>
      </c>
      <c r="AK43520">
        <v>10</v>
      </c>
      <c r="AL43520">
        <v>10</v>
      </c>
      <c r="AM43520">
        <v>10</v>
      </c>
      <c r="AN43520">
        <v>10</v>
      </c>
      <c r="AO43520">
        <v>10</v>
      </c>
      <c r="AP43520">
        <v>10</v>
      </c>
      <c r="AQ43520">
        <v>10</v>
      </c>
    </row>
    <row r="43521" spans="1:43">
      <c r="A43521" t="s">
        <v>26581</v>
      </c>
      <c r="B43521" t="s">
        <v>26582</v>
      </c>
      <c r="C43521" t="s">
        <v>10390</v>
      </c>
      <c r="D43521" t="s">
        <v>10391</v>
      </c>
      <c r="E43521" t="s">
        <v>10212</v>
      </c>
      <c r="F43521" t="s">
        <v>10213</v>
      </c>
      <c r="G43521" t="s">
        <v>10214</v>
      </c>
      <c r="H43521" t="s">
        <v>10215</v>
      </c>
      <c r="I43521" s="2">
        <v>1</v>
      </c>
      <c r="J43521" s="2">
        <v>0</v>
      </c>
      <c r="K43521" s="2">
        <v>0</v>
      </c>
      <c r="L43521" t="s">
        <v>120</v>
      </c>
      <c r="M43521" t="s">
        <v>83</v>
      </c>
      <c r="N43521" t="s">
        <v>91</v>
      </c>
      <c r="O43521" t="s">
        <v>85</v>
      </c>
      <c r="P43521" t="s">
        <v>86</v>
      </c>
      <c r="Q43521">
        <v>8</v>
      </c>
      <c r="R43521">
        <v>8</v>
      </c>
      <c r="S43521">
        <v>8</v>
      </c>
      <c r="T43521">
        <v>8</v>
      </c>
      <c r="U43521">
        <v>8</v>
      </c>
      <c r="V43521">
        <v>9</v>
      </c>
      <c r="W43521">
        <v>9</v>
      </c>
      <c r="X43521">
        <v>9</v>
      </c>
      <c r="Y43521">
        <v>9</v>
      </c>
      <c r="Z43521">
        <v>9</v>
      </c>
      <c r="AA43521">
        <v>9</v>
      </c>
      <c r="AB43521">
        <v>9</v>
      </c>
      <c r="AC43521">
        <v>9</v>
      </c>
      <c r="AD43521">
        <v>9</v>
      </c>
      <c r="AE43521">
        <v>9</v>
      </c>
      <c r="AF43521">
        <v>10</v>
      </c>
      <c r="AG43521">
        <v>10</v>
      </c>
      <c r="AH43521">
        <v>10</v>
      </c>
      <c r="AI43521">
        <v>10</v>
      </c>
      <c r="AJ43521">
        <v>10</v>
      </c>
      <c r="AK43521">
        <v>10</v>
      </c>
      <c r="AL43521">
        <v>10</v>
      </c>
      <c r="AM43521">
        <v>10</v>
      </c>
      <c r="AN43521">
        <v>10</v>
      </c>
      <c r="AO43521">
        <v>10</v>
      </c>
      <c r="AP43521">
        <v>10</v>
      </c>
      <c r="AQ43521">
        <v>10</v>
      </c>
    </row>
    <row r="43522" spans="1:43">
      <c r="A43522" t="s">
        <v>26583</v>
      </c>
      <c r="B43522" t="s">
        <v>26584</v>
      </c>
      <c r="C43522" t="s">
        <v>10344</v>
      </c>
      <c r="D43522" t="s">
        <v>10345</v>
      </c>
      <c r="E43522" t="s">
        <v>10212</v>
      </c>
      <c r="F43522" t="s">
        <v>10213</v>
      </c>
      <c r="G43522" t="s">
        <v>10214</v>
      </c>
      <c r="H43522" t="s">
        <v>10215</v>
      </c>
      <c r="I43522" s="2">
        <v>1</v>
      </c>
      <c r="J43522" s="2">
        <v>0</v>
      </c>
      <c r="K43522" s="2">
        <v>0</v>
      </c>
      <c r="L43522" t="s">
        <v>120</v>
      </c>
      <c r="M43522" t="s">
        <v>83</v>
      </c>
      <c r="N43522" t="s">
        <v>84</v>
      </c>
      <c r="O43522" t="s">
        <v>85</v>
      </c>
      <c r="P43522" t="s">
        <v>86</v>
      </c>
      <c r="Q43522">
        <v>30</v>
      </c>
      <c r="R43522">
        <v>31</v>
      </c>
      <c r="S43522">
        <v>31</v>
      </c>
      <c r="T43522">
        <v>32</v>
      </c>
      <c r="U43522">
        <v>32</v>
      </c>
      <c r="V43522">
        <v>33</v>
      </c>
      <c r="W43522">
        <v>33</v>
      </c>
      <c r="X43522">
        <v>33</v>
      </c>
      <c r="Y43522">
        <v>34</v>
      </c>
      <c r="Z43522">
        <v>34</v>
      </c>
      <c r="AA43522">
        <v>35</v>
      </c>
      <c r="AB43522">
        <v>35</v>
      </c>
      <c r="AC43522">
        <v>35</v>
      </c>
      <c r="AD43522">
        <v>36</v>
      </c>
      <c r="AE43522">
        <v>36</v>
      </c>
      <c r="AF43522">
        <v>37</v>
      </c>
      <c r="AG43522">
        <v>37</v>
      </c>
      <c r="AH43522">
        <v>37</v>
      </c>
      <c r="AI43522">
        <v>38</v>
      </c>
      <c r="AJ43522">
        <v>38</v>
      </c>
      <c r="AK43522">
        <v>38</v>
      </c>
      <c r="AL43522">
        <v>39</v>
      </c>
      <c r="AM43522">
        <v>39</v>
      </c>
      <c r="AN43522">
        <v>39</v>
      </c>
      <c r="AO43522">
        <v>39</v>
      </c>
      <c r="AP43522">
        <v>39</v>
      </c>
      <c r="AQ43522">
        <v>39</v>
      </c>
    </row>
    <row r="43523" spans="1:43">
      <c r="A43523" t="s">
        <v>26583</v>
      </c>
      <c r="B43523" t="s">
        <v>26584</v>
      </c>
      <c r="C43523" t="s">
        <v>10344</v>
      </c>
      <c r="D43523" t="s">
        <v>10345</v>
      </c>
      <c r="E43523" t="s">
        <v>10212</v>
      </c>
      <c r="F43523" t="s">
        <v>10213</v>
      </c>
      <c r="G43523" t="s">
        <v>10214</v>
      </c>
      <c r="H43523" t="s">
        <v>10215</v>
      </c>
      <c r="I43523" s="2">
        <v>1</v>
      </c>
      <c r="J43523" s="2">
        <v>0</v>
      </c>
      <c r="K43523" s="2">
        <v>0</v>
      </c>
      <c r="L43523" t="s">
        <v>120</v>
      </c>
      <c r="M43523" t="s">
        <v>87</v>
      </c>
      <c r="N43523" t="s">
        <v>88</v>
      </c>
      <c r="O43523" t="s">
        <v>85</v>
      </c>
      <c r="P43523" t="s">
        <v>86</v>
      </c>
      <c r="Q43523">
        <v>30</v>
      </c>
      <c r="R43523">
        <v>30</v>
      </c>
      <c r="S43523">
        <v>30</v>
      </c>
      <c r="T43523">
        <v>30</v>
      </c>
      <c r="U43523">
        <v>31</v>
      </c>
      <c r="V43523">
        <v>31</v>
      </c>
      <c r="W43523">
        <v>31</v>
      </c>
      <c r="X43523">
        <v>31</v>
      </c>
      <c r="Y43523">
        <v>31</v>
      </c>
      <c r="Z43523">
        <v>31</v>
      </c>
      <c r="AA43523">
        <v>32</v>
      </c>
      <c r="AB43523">
        <v>32</v>
      </c>
      <c r="AC43523">
        <v>32</v>
      </c>
      <c r="AD43523">
        <v>32</v>
      </c>
      <c r="AE43523">
        <v>32</v>
      </c>
      <c r="AF43523">
        <v>32</v>
      </c>
      <c r="AG43523">
        <v>32</v>
      </c>
      <c r="AH43523">
        <v>32</v>
      </c>
      <c r="AI43523">
        <v>33</v>
      </c>
      <c r="AJ43523">
        <v>33</v>
      </c>
      <c r="AK43523">
        <v>33</v>
      </c>
      <c r="AL43523">
        <v>33</v>
      </c>
      <c r="AM43523">
        <v>33</v>
      </c>
      <c r="AN43523">
        <v>33</v>
      </c>
      <c r="AO43523">
        <v>33</v>
      </c>
      <c r="AP43523">
        <v>34</v>
      </c>
      <c r="AQ43523">
        <v>34</v>
      </c>
    </row>
    <row r="43524" spans="1:43">
      <c r="A43524" t="s">
        <v>26583</v>
      </c>
      <c r="B43524" t="s">
        <v>26584</v>
      </c>
      <c r="C43524" t="s">
        <v>10344</v>
      </c>
      <c r="D43524" t="s">
        <v>10345</v>
      </c>
      <c r="E43524" t="s">
        <v>10212</v>
      </c>
      <c r="F43524" t="s">
        <v>10213</v>
      </c>
      <c r="G43524" t="s">
        <v>10214</v>
      </c>
      <c r="H43524" t="s">
        <v>10215</v>
      </c>
      <c r="I43524" s="2">
        <v>1</v>
      </c>
      <c r="J43524" s="2">
        <v>0</v>
      </c>
      <c r="K43524" s="2">
        <v>0</v>
      </c>
      <c r="L43524" t="s">
        <v>120</v>
      </c>
      <c r="M43524" t="s">
        <v>89</v>
      </c>
      <c r="N43524" t="s">
        <v>90</v>
      </c>
      <c r="O43524" t="s">
        <v>85</v>
      </c>
      <c r="P43524" t="s">
        <v>86</v>
      </c>
      <c r="Q43524">
        <v>30</v>
      </c>
      <c r="R43524">
        <v>30</v>
      </c>
      <c r="S43524">
        <v>31</v>
      </c>
      <c r="T43524">
        <v>32</v>
      </c>
      <c r="U43524">
        <v>32</v>
      </c>
      <c r="V43524">
        <v>33</v>
      </c>
      <c r="W43524">
        <v>34</v>
      </c>
      <c r="X43524">
        <v>34</v>
      </c>
      <c r="Y43524">
        <v>35</v>
      </c>
      <c r="Z43524">
        <v>35</v>
      </c>
      <c r="AA43524">
        <v>36</v>
      </c>
      <c r="AB43524">
        <v>36</v>
      </c>
      <c r="AC43524">
        <v>37</v>
      </c>
      <c r="AD43524">
        <v>37</v>
      </c>
      <c r="AE43524">
        <v>38</v>
      </c>
      <c r="AF43524">
        <v>38</v>
      </c>
      <c r="AG43524">
        <v>38</v>
      </c>
      <c r="AH43524">
        <v>38</v>
      </c>
      <c r="AI43524">
        <v>38</v>
      </c>
      <c r="AJ43524">
        <v>38</v>
      </c>
      <c r="AK43524">
        <v>38</v>
      </c>
      <c r="AL43524">
        <v>38</v>
      </c>
      <c r="AM43524">
        <v>38</v>
      </c>
      <c r="AN43524">
        <v>38</v>
      </c>
      <c r="AO43524">
        <v>38</v>
      </c>
      <c r="AP43524">
        <v>38</v>
      </c>
      <c r="AQ43524">
        <v>38</v>
      </c>
    </row>
    <row r="43525" spans="1:43">
      <c r="A43525" t="s">
        <v>26583</v>
      </c>
      <c r="B43525" t="s">
        <v>26584</v>
      </c>
      <c r="C43525" t="s">
        <v>10344</v>
      </c>
      <c r="D43525" t="s">
        <v>10345</v>
      </c>
      <c r="E43525" t="s">
        <v>10212</v>
      </c>
      <c r="F43525" t="s">
        <v>10213</v>
      </c>
      <c r="G43525" t="s">
        <v>10214</v>
      </c>
      <c r="H43525" t="s">
        <v>10215</v>
      </c>
      <c r="I43525" s="2">
        <v>1</v>
      </c>
      <c r="J43525" s="2">
        <v>0</v>
      </c>
      <c r="K43525" s="2">
        <v>0</v>
      </c>
      <c r="L43525" t="s">
        <v>120</v>
      </c>
      <c r="M43525" t="s">
        <v>83</v>
      </c>
      <c r="N43525" t="s">
        <v>91</v>
      </c>
      <c r="O43525" t="s">
        <v>85</v>
      </c>
      <c r="P43525" t="s">
        <v>86</v>
      </c>
      <c r="Q43525">
        <v>30</v>
      </c>
      <c r="R43525">
        <v>31</v>
      </c>
      <c r="S43525">
        <v>31</v>
      </c>
      <c r="T43525">
        <v>32</v>
      </c>
      <c r="U43525">
        <v>32</v>
      </c>
      <c r="V43525">
        <v>33</v>
      </c>
      <c r="W43525">
        <v>33</v>
      </c>
      <c r="X43525">
        <v>33</v>
      </c>
      <c r="Y43525">
        <v>34</v>
      </c>
      <c r="Z43525">
        <v>34</v>
      </c>
      <c r="AA43525">
        <v>35</v>
      </c>
      <c r="AB43525">
        <v>35</v>
      </c>
      <c r="AC43525">
        <v>35</v>
      </c>
      <c r="AD43525">
        <v>36</v>
      </c>
      <c r="AE43525">
        <v>36</v>
      </c>
      <c r="AF43525">
        <v>37</v>
      </c>
      <c r="AG43525">
        <v>37</v>
      </c>
      <c r="AH43525">
        <v>37</v>
      </c>
      <c r="AI43525">
        <v>38</v>
      </c>
      <c r="AJ43525">
        <v>38</v>
      </c>
      <c r="AK43525">
        <v>38</v>
      </c>
      <c r="AL43525">
        <v>39</v>
      </c>
      <c r="AM43525">
        <v>39</v>
      </c>
      <c r="AN43525">
        <v>39</v>
      </c>
      <c r="AO43525">
        <v>39</v>
      </c>
      <c r="AP43525">
        <v>39</v>
      </c>
      <c r="AQ43525">
        <v>39</v>
      </c>
    </row>
    <row r="43526" spans="1:43">
      <c r="A43526" t="s">
        <v>26585</v>
      </c>
      <c r="B43526" t="s">
        <v>26586</v>
      </c>
      <c r="C43526" t="s">
        <v>10344</v>
      </c>
      <c r="D43526" t="s">
        <v>10345</v>
      </c>
      <c r="E43526" t="s">
        <v>10212</v>
      </c>
      <c r="F43526" t="s">
        <v>10213</v>
      </c>
      <c r="G43526" t="s">
        <v>10214</v>
      </c>
      <c r="H43526" t="s">
        <v>10215</v>
      </c>
      <c r="I43526" s="2">
        <v>1</v>
      </c>
      <c r="J43526" s="2">
        <v>0</v>
      </c>
      <c r="K43526" s="2">
        <v>0</v>
      </c>
      <c r="L43526" t="s">
        <v>120</v>
      </c>
      <c r="M43526" t="s">
        <v>83</v>
      </c>
      <c r="N43526" t="s">
        <v>84</v>
      </c>
      <c r="O43526" t="s">
        <v>85</v>
      </c>
      <c r="P43526" t="s">
        <v>86</v>
      </c>
      <c r="Q43526">
        <v>0</v>
      </c>
      <c r="R43526">
        <v>0</v>
      </c>
      <c r="S43526">
        <v>0</v>
      </c>
      <c r="T43526">
        <v>0</v>
      </c>
      <c r="U43526">
        <v>0</v>
      </c>
      <c r="V43526">
        <v>0</v>
      </c>
      <c r="W43526">
        <v>0</v>
      </c>
      <c r="X43526">
        <v>0</v>
      </c>
      <c r="Y43526">
        <v>0</v>
      </c>
      <c r="Z43526">
        <v>0</v>
      </c>
      <c r="AA43526">
        <v>0</v>
      </c>
      <c r="AB43526">
        <v>0</v>
      </c>
      <c r="AC43526">
        <v>0</v>
      </c>
      <c r="AD43526">
        <v>0</v>
      </c>
      <c r="AE43526">
        <v>0</v>
      </c>
      <c r="AF43526">
        <v>0</v>
      </c>
      <c r="AG43526">
        <v>0</v>
      </c>
      <c r="AH43526">
        <v>0</v>
      </c>
      <c r="AI43526">
        <v>0</v>
      </c>
      <c r="AJ43526">
        <v>0</v>
      </c>
      <c r="AK43526">
        <v>0</v>
      </c>
      <c r="AL43526">
        <v>0</v>
      </c>
      <c r="AM43526">
        <v>0</v>
      </c>
      <c r="AN43526">
        <v>0</v>
      </c>
      <c r="AO43526">
        <v>0</v>
      </c>
      <c r="AP43526">
        <v>0</v>
      </c>
      <c r="AQ43526">
        <v>0</v>
      </c>
    </row>
    <row r="43527" spans="1:43">
      <c r="A43527" t="s">
        <v>26585</v>
      </c>
      <c r="B43527" t="s">
        <v>26586</v>
      </c>
      <c r="C43527" t="s">
        <v>10344</v>
      </c>
      <c r="D43527" t="s">
        <v>10345</v>
      </c>
      <c r="E43527" t="s">
        <v>10212</v>
      </c>
      <c r="F43527" t="s">
        <v>10213</v>
      </c>
      <c r="G43527" t="s">
        <v>10214</v>
      </c>
      <c r="H43527" t="s">
        <v>10215</v>
      </c>
      <c r="I43527" s="2">
        <v>1</v>
      </c>
      <c r="J43527" s="2">
        <v>0</v>
      </c>
      <c r="K43527" s="2">
        <v>0</v>
      </c>
      <c r="L43527" t="s">
        <v>120</v>
      </c>
      <c r="M43527" t="s">
        <v>87</v>
      </c>
      <c r="N43527" t="s">
        <v>88</v>
      </c>
      <c r="O43527" t="s">
        <v>85</v>
      </c>
      <c r="P43527" t="s">
        <v>86</v>
      </c>
      <c r="Q43527">
        <v>0</v>
      </c>
      <c r="R43527">
        <v>0</v>
      </c>
      <c r="S43527">
        <v>0</v>
      </c>
      <c r="T43527">
        <v>0</v>
      </c>
      <c r="U43527">
        <v>0</v>
      </c>
      <c r="V43527">
        <v>0</v>
      </c>
      <c r="W43527">
        <v>0</v>
      </c>
      <c r="X43527">
        <v>0</v>
      </c>
      <c r="Y43527">
        <v>0</v>
      </c>
      <c r="Z43527">
        <v>0</v>
      </c>
      <c r="AA43527">
        <v>0</v>
      </c>
      <c r="AB43527">
        <v>0</v>
      </c>
      <c r="AC43527">
        <v>0</v>
      </c>
      <c r="AD43527">
        <v>0</v>
      </c>
      <c r="AE43527">
        <v>0</v>
      </c>
      <c r="AF43527">
        <v>0</v>
      </c>
      <c r="AG43527">
        <v>0</v>
      </c>
      <c r="AH43527">
        <v>0</v>
      </c>
      <c r="AI43527">
        <v>0</v>
      </c>
      <c r="AJ43527">
        <v>0</v>
      </c>
      <c r="AK43527">
        <v>0</v>
      </c>
      <c r="AL43527">
        <v>0</v>
      </c>
      <c r="AM43527">
        <v>0</v>
      </c>
      <c r="AN43527">
        <v>0</v>
      </c>
      <c r="AO43527">
        <v>0</v>
      </c>
      <c r="AP43527">
        <v>0</v>
      </c>
      <c r="AQ43527">
        <v>0</v>
      </c>
    </row>
    <row r="43528" spans="1:43">
      <c r="A43528" t="s">
        <v>26585</v>
      </c>
      <c r="B43528" t="s">
        <v>26586</v>
      </c>
      <c r="C43528" t="s">
        <v>10344</v>
      </c>
      <c r="D43528" t="s">
        <v>10345</v>
      </c>
      <c r="E43528" t="s">
        <v>10212</v>
      </c>
      <c r="F43528" t="s">
        <v>10213</v>
      </c>
      <c r="G43528" t="s">
        <v>10214</v>
      </c>
      <c r="H43528" t="s">
        <v>10215</v>
      </c>
      <c r="I43528" s="2">
        <v>1</v>
      </c>
      <c r="J43528" s="2">
        <v>0</v>
      </c>
      <c r="K43528" s="2">
        <v>0</v>
      </c>
      <c r="L43528" t="s">
        <v>120</v>
      </c>
      <c r="M43528" t="s">
        <v>89</v>
      </c>
      <c r="N43528" t="s">
        <v>90</v>
      </c>
      <c r="O43528" t="s">
        <v>85</v>
      </c>
      <c r="P43528" t="s">
        <v>86</v>
      </c>
      <c r="Q43528">
        <v>0</v>
      </c>
      <c r="R43528">
        <v>0</v>
      </c>
      <c r="S43528">
        <v>0</v>
      </c>
      <c r="T43528">
        <v>0</v>
      </c>
      <c r="U43528">
        <v>0</v>
      </c>
      <c r="V43528">
        <v>0</v>
      </c>
      <c r="W43528">
        <v>0</v>
      </c>
      <c r="X43528">
        <v>0</v>
      </c>
      <c r="Y43528">
        <v>0</v>
      </c>
      <c r="Z43528">
        <v>0</v>
      </c>
      <c r="AA43528">
        <v>0</v>
      </c>
      <c r="AB43528">
        <v>0</v>
      </c>
      <c r="AC43528">
        <v>0</v>
      </c>
      <c r="AD43528">
        <v>0</v>
      </c>
      <c r="AE43528">
        <v>0</v>
      </c>
      <c r="AF43528">
        <v>0</v>
      </c>
      <c r="AG43528">
        <v>0</v>
      </c>
      <c r="AH43528">
        <v>0</v>
      </c>
      <c r="AI43528">
        <v>0</v>
      </c>
      <c r="AJ43528">
        <v>0</v>
      </c>
      <c r="AK43528">
        <v>0</v>
      </c>
      <c r="AL43528">
        <v>0</v>
      </c>
      <c r="AM43528">
        <v>0</v>
      </c>
      <c r="AN43528">
        <v>0</v>
      </c>
      <c r="AO43528">
        <v>0</v>
      </c>
      <c r="AP43528">
        <v>0</v>
      </c>
      <c r="AQ43528">
        <v>0</v>
      </c>
    </row>
    <row r="43529" spans="1:43">
      <c r="A43529" t="s">
        <v>26585</v>
      </c>
      <c r="B43529" t="s">
        <v>26586</v>
      </c>
      <c r="C43529" t="s">
        <v>10344</v>
      </c>
      <c r="D43529" t="s">
        <v>10345</v>
      </c>
      <c r="E43529" t="s">
        <v>10212</v>
      </c>
      <c r="F43529" t="s">
        <v>10213</v>
      </c>
      <c r="G43529" t="s">
        <v>10214</v>
      </c>
      <c r="H43529" t="s">
        <v>10215</v>
      </c>
      <c r="I43529" s="2">
        <v>1</v>
      </c>
      <c r="J43529" s="2">
        <v>0</v>
      </c>
      <c r="K43529" s="2">
        <v>0</v>
      </c>
      <c r="L43529" t="s">
        <v>120</v>
      </c>
      <c r="M43529" t="s">
        <v>83</v>
      </c>
      <c r="N43529" t="s">
        <v>91</v>
      </c>
      <c r="O43529" t="s">
        <v>85</v>
      </c>
      <c r="P43529" t="s">
        <v>86</v>
      </c>
      <c r="Q43529">
        <v>0</v>
      </c>
      <c r="R43529">
        <v>0</v>
      </c>
      <c r="S43529">
        <v>0</v>
      </c>
      <c r="T43529">
        <v>0</v>
      </c>
      <c r="U43529">
        <v>0</v>
      </c>
      <c r="V43529">
        <v>0</v>
      </c>
      <c r="W43529">
        <v>0</v>
      </c>
      <c r="X43529">
        <v>0</v>
      </c>
      <c r="Y43529">
        <v>0</v>
      </c>
      <c r="Z43529">
        <v>0</v>
      </c>
      <c r="AA43529">
        <v>0</v>
      </c>
      <c r="AB43529">
        <v>0</v>
      </c>
      <c r="AC43529">
        <v>0</v>
      </c>
      <c r="AD43529">
        <v>0</v>
      </c>
      <c r="AE43529">
        <v>0</v>
      </c>
      <c r="AF43529">
        <v>0</v>
      </c>
      <c r="AG43529">
        <v>0</v>
      </c>
      <c r="AH43529">
        <v>0</v>
      </c>
      <c r="AI43529">
        <v>0</v>
      </c>
      <c r="AJ43529">
        <v>0</v>
      </c>
      <c r="AK43529">
        <v>0</v>
      </c>
      <c r="AL43529">
        <v>0</v>
      </c>
      <c r="AM43529">
        <v>0</v>
      </c>
      <c r="AN43529">
        <v>0</v>
      </c>
      <c r="AO43529">
        <v>0</v>
      </c>
      <c r="AP43529">
        <v>0</v>
      </c>
      <c r="AQ43529">
        <v>0</v>
      </c>
    </row>
    <row r="43530" spans="1:43">
      <c r="A43530" t="s">
        <v>26587</v>
      </c>
      <c r="B43530" t="s">
        <v>26588</v>
      </c>
      <c r="C43530" t="s">
        <v>10344</v>
      </c>
      <c r="D43530" t="s">
        <v>10345</v>
      </c>
      <c r="E43530" t="s">
        <v>10212</v>
      </c>
      <c r="F43530" t="s">
        <v>10213</v>
      </c>
      <c r="G43530" t="s">
        <v>10214</v>
      </c>
      <c r="H43530" t="s">
        <v>10215</v>
      </c>
      <c r="I43530" s="2">
        <v>1</v>
      </c>
      <c r="J43530" s="2">
        <v>0</v>
      </c>
      <c r="K43530" s="2">
        <v>0</v>
      </c>
      <c r="L43530" t="s">
        <v>120</v>
      </c>
      <c r="M43530" t="s">
        <v>83</v>
      </c>
      <c r="N43530" t="s">
        <v>84</v>
      </c>
      <c r="O43530" t="s">
        <v>85</v>
      </c>
      <c r="P43530" t="s">
        <v>86</v>
      </c>
      <c r="Q43530">
        <v>12</v>
      </c>
      <c r="R43530">
        <v>12</v>
      </c>
      <c r="S43530">
        <v>13</v>
      </c>
      <c r="T43530">
        <v>13</v>
      </c>
      <c r="U43530">
        <v>13</v>
      </c>
      <c r="V43530">
        <v>13</v>
      </c>
      <c r="W43530">
        <v>13</v>
      </c>
      <c r="X43530">
        <v>13</v>
      </c>
      <c r="Y43530">
        <v>14</v>
      </c>
      <c r="Z43530">
        <v>14</v>
      </c>
      <c r="AA43530">
        <v>14</v>
      </c>
      <c r="AB43530">
        <v>14</v>
      </c>
      <c r="AC43530">
        <v>14</v>
      </c>
      <c r="AD43530">
        <v>14</v>
      </c>
      <c r="AE43530">
        <v>14</v>
      </c>
      <c r="AF43530">
        <v>15</v>
      </c>
      <c r="AG43530">
        <v>15</v>
      </c>
      <c r="AH43530">
        <v>15</v>
      </c>
      <c r="AI43530">
        <v>15</v>
      </c>
      <c r="AJ43530">
        <v>15</v>
      </c>
      <c r="AK43530">
        <v>15</v>
      </c>
      <c r="AL43530">
        <v>15</v>
      </c>
      <c r="AM43530">
        <v>15</v>
      </c>
      <c r="AN43530">
        <v>15</v>
      </c>
      <c r="AO43530">
        <v>15</v>
      </c>
      <c r="AP43530">
        <v>15</v>
      </c>
      <c r="AQ43530">
        <v>15</v>
      </c>
    </row>
    <row r="43531" spans="1:43">
      <c r="A43531" t="s">
        <v>26587</v>
      </c>
      <c r="B43531" t="s">
        <v>26588</v>
      </c>
      <c r="C43531" t="s">
        <v>10344</v>
      </c>
      <c r="D43531" t="s">
        <v>10345</v>
      </c>
      <c r="E43531" t="s">
        <v>10212</v>
      </c>
      <c r="F43531" t="s">
        <v>10213</v>
      </c>
      <c r="G43531" t="s">
        <v>10214</v>
      </c>
      <c r="H43531" t="s">
        <v>10215</v>
      </c>
      <c r="I43531" s="2">
        <v>1</v>
      </c>
      <c r="J43531" s="2">
        <v>0</v>
      </c>
      <c r="K43531" s="2">
        <v>0</v>
      </c>
      <c r="L43531" t="s">
        <v>120</v>
      </c>
      <c r="M43531" t="s">
        <v>87</v>
      </c>
      <c r="N43531" t="s">
        <v>88</v>
      </c>
      <c r="O43531" t="s">
        <v>85</v>
      </c>
      <c r="P43531" t="s">
        <v>86</v>
      </c>
      <c r="Q43531">
        <v>12</v>
      </c>
      <c r="R43531">
        <v>12</v>
      </c>
      <c r="S43531">
        <v>12</v>
      </c>
      <c r="T43531">
        <v>12</v>
      </c>
      <c r="U43531">
        <v>12</v>
      </c>
      <c r="V43531">
        <v>12</v>
      </c>
      <c r="W43531">
        <v>12</v>
      </c>
      <c r="X43531">
        <v>12</v>
      </c>
      <c r="Y43531">
        <v>13</v>
      </c>
      <c r="Z43531">
        <v>13</v>
      </c>
      <c r="AA43531">
        <v>13</v>
      </c>
      <c r="AB43531">
        <v>13</v>
      </c>
      <c r="AC43531">
        <v>13</v>
      </c>
      <c r="AD43531">
        <v>13</v>
      </c>
      <c r="AE43531">
        <v>13</v>
      </c>
      <c r="AF43531">
        <v>13</v>
      </c>
      <c r="AG43531">
        <v>13</v>
      </c>
      <c r="AH43531">
        <v>13</v>
      </c>
      <c r="AI43531">
        <v>13</v>
      </c>
      <c r="AJ43531">
        <v>13</v>
      </c>
      <c r="AK43531">
        <v>13</v>
      </c>
      <c r="AL43531">
        <v>13</v>
      </c>
      <c r="AM43531">
        <v>13</v>
      </c>
      <c r="AN43531">
        <v>13</v>
      </c>
      <c r="AO43531">
        <v>13</v>
      </c>
      <c r="AP43531">
        <v>13</v>
      </c>
      <c r="AQ43531">
        <v>13</v>
      </c>
    </row>
    <row r="43532" spans="1:43">
      <c r="A43532" t="s">
        <v>26587</v>
      </c>
      <c r="B43532" t="s">
        <v>26588</v>
      </c>
      <c r="C43532" t="s">
        <v>10344</v>
      </c>
      <c r="D43532" t="s">
        <v>10345</v>
      </c>
      <c r="E43532" t="s">
        <v>10212</v>
      </c>
      <c r="F43532" t="s">
        <v>10213</v>
      </c>
      <c r="G43532" t="s">
        <v>10214</v>
      </c>
      <c r="H43532" t="s">
        <v>10215</v>
      </c>
      <c r="I43532" s="2">
        <v>1</v>
      </c>
      <c r="J43532" s="2">
        <v>0</v>
      </c>
      <c r="K43532" s="2">
        <v>0</v>
      </c>
      <c r="L43532" t="s">
        <v>120</v>
      </c>
      <c r="M43532" t="s">
        <v>89</v>
      </c>
      <c r="N43532" t="s">
        <v>90</v>
      </c>
      <c r="O43532" t="s">
        <v>85</v>
      </c>
      <c r="P43532" t="s">
        <v>86</v>
      </c>
      <c r="Q43532">
        <v>12</v>
      </c>
      <c r="R43532">
        <v>13</v>
      </c>
      <c r="S43532">
        <v>13</v>
      </c>
      <c r="T43532">
        <v>13</v>
      </c>
      <c r="U43532">
        <v>13</v>
      </c>
      <c r="V43532">
        <v>14</v>
      </c>
      <c r="W43532">
        <v>14</v>
      </c>
      <c r="X43532">
        <v>14</v>
      </c>
      <c r="Y43532">
        <v>14</v>
      </c>
      <c r="Z43532">
        <v>15</v>
      </c>
      <c r="AA43532">
        <v>15</v>
      </c>
      <c r="AB43532">
        <v>15</v>
      </c>
      <c r="AC43532">
        <v>15</v>
      </c>
      <c r="AD43532">
        <v>15</v>
      </c>
      <c r="AE43532">
        <v>16</v>
      </c>
      <c r="AF43532">
        <v>16</v>
      </c>
      <c r="AG43532">
        <v>16</v>
      </c>
      <c r="AH43532">
        <v>16</v>
      </c>
      <c r="AI43532">
        <v>16</v>
      </c>
      <c r="AJ43532">
        <v>16</v>
      </c>
      <c r="AK43532">
        <v>16</v>
      </c>
      <c r="AL43532">
        <v>16</v>
      </c>
      <c r="AM43532">
        <v>16</v>
      </c>
      <c r="AN43532">
        <v>16</v>
      </c>
      <c r="AO43532">
        <v>16</v>
      </c>
      <c r="AP43532">
        <v>16</v>
      </c>
      <c r="AQ43532">
        <v>16</v>
      </c>
    </row>
    <row r="43533" spans="1:43">
      <c r="A43533" t="s">
        <v>26587</v>
      </c>
      <c r="B43533" t="s">
        <v>26588</v>
      </c>
      <c r="C43533" t="s">
        <v>10344</v>
      </c>
      <c r="D43533" t="s">
        <v>10345</v>
      </c>
      <c r="E43533" t="s">
        <v>10212</v>
      </c>
      <c r="F43533" t="s">
        <v>10213</v>
      </c>
      <c r="G43533" t="s">
        <v>10214</v>
      </c>
      <c r="H43533" t="s">
        <v>10215</v>
      </c>
      <c r="I43533" s="2">
        <v>1</v>
      </c>
      <c r="J43533" s="2">
        <v>0</v>
      </c>
      <c r="K43533" s="2">
        <v>0</v>
      </c>
      <c r="L43533" t="s">
        <v>120</v>
      </c>
      <c r="M43533" t="s">
        <v>83</v>
      </c>
      <c r="N43533" t="s">
        <v>91</v>
      </c>
      <c r="O43533" t="s">
        <v>85</v>
      </c>
      <c r="P43533" t="s">
        <v>86</v>
      </c>
      <c r="Q43533">
        <v>12</v>
      </c>
      <c r="R43533">
        <v>12</v>
      </c>
      <c r="S43533">
        <v>13</v>
      </c>
      <c r="T43533">
        <v>13</v>
      </c>
      <c r="U43533">
        <v>13</v>
      </c>
      <c r="V43533">
        <v>13</v>
      </c>
      <c r="W43533">
        <v>13</v>
      </c>
      <c r="X43533">
        <v>13</v>
      </c>
      <c r="Y43533">
        <v>14</v>
      </c>
      <c r="Z43533">
        <v>14</v>
      </c>
      <c r="AA43533">
        <v>14</v>
      </c>
      <c r="AB43533">
        <v>14</v>
      </c>
      <c r="AC43533">
        <v>14</v>
      </c>
      <c r="AD43533">
        <v>14</v>
      </c>
      <c r="AE43533">
        <v>14</v>
      </c>
      <c r="AF43533">
        <v>15</v>
      </c>
      <c r="AG43533">
        <v>15</v>
      </c>
      <c r="AH43533">
        <v>15</v>
      </c>
      <c r="AI43533">
        <v>15</v>
      </c>
      <c r="AJ43533">
        <v>15</v>
      </c>
      <c r="AK43533">
        <v>15</v>
      </c>
      <c r="AL43533">
        <v>15</v>
      </c>
      <c r="AM43533">
        <v>15</v>
      </c>
      <c r="AN43533">
        <v>15</v>
      </c>
      <c r="AO43533">
        <v>15</v>
      </c>
      <c r="AP43533">
        <v>15</v>
      </c>
      <c r="AQ43533">
        <v>15</v>
      </c>
    </row>
    <row r="43534" spans="1:43">
      <c r="A43534" t="s">
        <v>26589</v>
      </c>
      <c r="B43534" t="s">
        <v>26590</v>
      </c>
      <c r="C43534" t="s">
        <v>10344</v>
      </c>
      <c r="D43534" t="s">
        <v>10345</v>
      </c>
      <c r="E43534" t="s">
        <v>10212</v>
      </c>
      <c r="F43534" t="s">
        <v>10213</v>
      </c>
      <c r="G43534" t="s">
        <v>10214</v>
      </c>
      <c r="H43534" t="s">
        <v>10215</v>
      </c>
      <c r="I43534" s="2">
        <v>1</v>
      </c>
      <c r="J43534" s="2">
        <v>0</v>
      </c>
      <c r="K43534" s="2">
        <v>0</v>
      </c>
      <c r="L43534" t="s">
        <v>120</v>
      </c>
      <c r="M43534" t="s">
        <v>83</v>
      </c>
      <c r="N43534" t="s">
        <v>84</v>
      </c>
      <c r="O43534" t="s">
        <v>85</v>
      </c>
      <c r="P43534" t="s">
        <v>86</v>
      </c>
      <c r="Q43534">
        <v>26</v>
      </c>
      <c r="R43534">
        <v>26</v>
      </c>
      <c r="S43534">
        <v>27</v>
      </c>
      <c r="T43534">
        <v>27</v>
      </c>
      <c r="U43534">
        <v>27</v>
      </c>
      <c r="V43534">
        <v>28</v>
      </c>
      <c r="W43534">
        <v>28</v>
      </c>
      <c r="X43534">
        <v>29</v>
      </c>
      <c r="Y43534">
        <v>29</v>
      </c>
      <c r="Z43534">
        <v>29</v>
      </c>
      <c r="AA43534">
        <v>30</v>
      </c>
      <c r="AB43534">
        <v>30</v>
      </c>
      <c r="AC43534">
        <v>30</v>
      </c>
      <c r="AD43534">
        <v>31</v>
      </c>
      <c r="AE43534">
        <v>31</v>
      </c>
      <c r="AF43534">
        <v>31</v>
      </c>
      <c r="AG43534">
        <v>32</v>
      </c>
      <c r="AH43534">
        <v>32</v>
      </c>
      <c r="AI43534">
        <v>32</v>
      </c>
      <c r="AJ43534">
        <v>33</v>
      </c>
      <c r="AK43534">
        <v>33</v>
      </c>
      <c r="AL43534">
        <v>33</v>
      </c>
      <c r="AM43534">
        <v>33</v>
      </c>
      <c r="AN43534">
        <v>33</v>
      </c>
      <c r="AO43534">
        <v>33</v>
      </c>
      <c r="AP43534">
        <v>33</v>
      </c>
      <c r="AQ43534">
        <v>33</v>
      </c>
    </row>
    <row r="43535" spans="1:43">
      <c r="A43535" t="s">
        <v>26589</v>
      </c>
      <c r="B43535" t="s">
        <v>26590</v>
      </c>
      <c r="C43535" t="s">
        <v>10344</v>
      </c>
      <c r="D43535" t="s">
        <v>10345</v>
      </c>
      <c r="E43535" t="s">
        <v>10212</v>
      </c>
      <c r="F43535" t="s">
        <v>10213</v>
      </c>
      <c r="G43535" t="s">
        <v>10214</v>
      </c>
      <c r="H43535" t="s">
        <v>10215</v>
      </c>
      <c r="I43535" s="2">
        <v>1</v>
      </c>
      <c r="J43535" s="2">
        <v>0</v>
      </c>
      <c r="K43535" s="2">
        <v>0</v>
      </c>
      <c r="L43535" t="s">
        <v>120</v>
      </c>
      <c r="M43535" t="s">
        <v>87</v>
      </c>
      <c r="N43535" t="s">
        <v>88</v>
      </c>
      <c r="O43535" t="s">
        <v>85</v>
      </c>
      <c r="P43535" t="s">
        <v>86</v>
      </c>
      <c r="Q43535">
        <v>26</v>
      </c>
      <c r="R43535">
        <v>26</v>
      </c>
      <c r="S43535">
        <v>26</v>
      </c>
      <c r="T43535">
        <v>26</v>
      </c>
      <c r="U43535">
        <v>26</v>
      </c>
      <c r="V43535">
        <v>26</v>
      </c>
      <c r="W43535">
        <v>26</v>
      </c>
      <c r="X43535">
        <v>27</v>
      </c>
      <c r="Y43535">
        <v>27</v>
      </c>
      <c r="Z43535">
        <v>27</v>
      </c>
      <c r="AA43535">
        <v>27</v>
      </c>
      <c r="AB43535">
        <v>27</v>
      </c>
      <c r="AC43535">
        <v>27</v>
      </c>
      <c r="AD43535">
        <v>27</v>
      </c>
      <c r="AE43535">
        <v>27</v>
      </c>
      <c r="AF43535">
        <v>28</v>
      </c>
      <c r="AG43535">
        <v>28</v>
      </c>
      <c r="AH43535">
        <v>28</v>
      </c>
      <c r="AI43535">
        <v>28</v>
      </c>
      <c r="AJ43535">
        <v>28</v>
      </c>
      <c r="AK43535">
        <v>28</v>
      </c>
      <c r="AL43535">
        <v>28</v>
      </c>
      <c r="AM43535">
        <v>28</v>
      </c>
      <c r="AN43535">
        <v>28</v>
      </c>
      <c r="AO43535">
        <v>29</v>
      </c>
      <c r="AP43535">
        <v>29</v>
      </c>
      <c r="AQ43535">
        <v>29</v>
      </c>
    </row>
    <row r="43536" spans="1:43">
      <c r="A43536" t="s">
        <v>26589</v>
      </c>
      <c r="B43536" t="s">
        <v>26590</v>
      </c>
      <c r="C43536" t="s">
        <v>10344</v>
      </c>
      <c r="D43536" t="s">
        <v>10345</v>
      </c>
      <c r="E43536" t="s">
        <v>10212</v>
      </c>
      <c r="F43536" t="s">
        <v>10213</v>
      </c>
      <c r="G43536" t="s">
        <v>10214</v>
      </c>
      <c r="H43536" t="s">
        <v>10215</v>
      </c>
      <c r="I43536" s="2">
        <v>1</v>
      </c>
      <c r="J43536" s="2">
        <v>0</v>
      </c>
      <c r="K43536" s="2">
        <v>0</v>
      </c>
      <c r="L43536" t="s">
        <v>120</v>
      </c>
      <c r="M43536" t="s">
        <v>89</v>
      </c>
      <c r="N43536" t="s">
        <v>90</v>
      </c>
      <c r="O43536" t="s">
        <v>85</v>
      </c>
      <c r="P43536" t="s">
        <v>86</v>
      </c>
      <c r="Q43536">
        <v>26</v>
      </c>
      <c r="R43536">
        <v>27</v>
      </c>
      <c r="S43536">
        <v>27</v>
      </c>
      <c r="T43536">
        <v>28</v>
      </c>
      <c r="U43536">
        <v>29</v>
      </c>
      <c r="V43536">
        <v>29</v>
      </c>
      <c r="W43536">
        <v>30</v>
      </c>
      <c r="X43536">
        <v>30</v>
      </c>
      <c r="Y43536">
        <v>31</v>
      </c>
      <c r="Z43536">
        <v>31</v>
      </c>
      <c r="AA43536">
        <v>31</v>
      </c>
      <c r="AB43536">
        <v>32</v>
      </c>
      <c r="AC43536">
        <v>32</v>
      </c>
      <c r="AD43536">
        <v>33</v>
      </c>
      <c r="AE43536">
        <v>33</v>
      </c>
      <c r="AF43536">
        <v>33</v>
      </c>
      <c r="AG43536">
        <v>33</v>
      </c>
      <c r="AH43536">
        <v>33</v>
      </c>
      <c r="AI43536">
        <v>33</v>
      </c>
      <c r="AJ43536">
        <v>33</v>
      </c>
      <c r="AK43536">
        <v>33</v>
      </c>
      <c r="AL43536">
        <v>33</v>
      </c>
      <c r="AM43536">
        <v>33</v>
      </c>
      <c r="AN43536">
        <v>33</v>
      </c>
      <c r="AO43536">
        <v>33</v>
      </c>
      <c r="AP43536">
        <v>33</v>
      </c>
      <c r="AQ43536">
        <v>33</v>
      </c>
    </row>
    <row r="43537" spans="1:43">
      <c r="A43537" t="s">
        <v>26589</v>
      </c>
      <c r="B43537" t="s">
        <v>26590</v>
      </c>
      <c r="C43537" t="s">
        <v>10344</v>
      </c>
      <c r="D43537" t="s">
        <v>10345</v>
      </c>
      <c r="E43537" t="s">
        <v>10212</v>
      </c>
      <c r="F43537" t="s">
        <v>10213</v>
      </c>
      <c r="G43537" t="s">
        <v>10214</v>
      </c>
      <c r="H43537" t="s">
        <v>10215</v>
      </c>
      <c r="I43537" s="2">
        <v>1</v>
      </c>
      <c r="J43537" s="2">
        <v>0</v>
      </c>
      <c r="K43537" s="2">
        <v>0</v>
      </c>
      <c r="L43537" t="s">
        <v>120</v>
      </c>
      <c r="M43537" t="s">
        <v>83</v>
      </c>
      <c r="N43537" t="s">
        <v>91</v>
      </c>
      <c r="O43537" t="s">
        <v>85</v>
      </c>
      <c r="P43537" t="s">
        <v>86</v>
      </c>
      <c r="Q43537">
        <v>26</v>
      </c>
      <c r="R43537">
        <v>26</v>
      </c>
      <c r="S43537">
        <v>27</v>
      </c>
      <c r="T43537">
        <v>27</v>
      </c>
      <c r="U43537">
        <v>27</v>
      </c>
      <c r="V43537">
        <v>28</v>
      </c>
      <c r="W43537">
        <v>28</v>
      </c>
      <c r="X43537">
        <v>29</v>
      </c>
      <c r="Y43537">
        <v>29</v>
      </c>
      <c r="Z43537">
        <v>29</v>
      </c>
      <c r="AA43537">
        <v>30</v>
      </c>
      <c r="AB43537">
        <v>30</v>
      </c>
      <c r="AC43537">
        <v>30</v>
      </c>
      <c r="AD43537">
        <v>31</v>
      </c>
      <c r="AE43537">
        <v>31</v>
      </c>
      <c r="AF43537">
        <v>31</v>
      </c>
      <c r="AG43537">
        <v>32</v>
      </c>
      <c r="AH43537">
        <v>32</v>
      </c>
      <c r="AI43537">
        <v>32</v>
      </c>
      <c r="AJ43537">
        <v>33</v>
      </c>
      <c r="AK43537">
        <v>33</v>
      </c>
      <c r="AL43537">
        <v>33</v>
      </c>
      <c r="AM43537">
        <v>33</v>
      </c>
      <c r="AN43537">
        <v>33</v>
      </c>
      <c r="AO43537">
        <v>33</v>
      </c>
      <c r="AP43537">
        <v>33</v>
      </c>
      <c r="AQ43537">
        <v>33</v>
      </c>
    </row>
    <row r="43538" spans="1:43">
      <c r="A43538" t="s">
        <v>26591</v>
      </c>
      <c r="B43538" t="s">
        <v>26592</v>
      </c>
      <c r="C43538" t="s">
        <v>13583</v>
      </c>
      <c r="D43538" t="s">
        <v>13584</v>
      </c>
      <c r="E43538" t="s">
        <v>13539</v>
      </c>
      <c r="F43538" t="s">
        <v>13540</v>
      </c>
      <c r="G43538" t="s">
        <v>10214</v>
      </c>
      <c r="H43538" t="s">
        <v>10215</v>
      </c>
      <c r="I43538" s="2">
        <v>1</v>
      </c>
      <c r="J43538" s="2">
        <v>0</v>
      </c>
      <c r="K43538" s="2">
        <v>0</v>
      </c>
      <c r="L43538" t="s">
        <v>120</v>
      </c>
      <c r="M43538" t="s">
        <v>83</v>
      </c>
      <c r="N43538" t="s">
        <v>84</v>
      </c>
      <c r="O43538" t="s">
        <v>85</v>
      </c>
      <c r="P43538" t="s">
        <v>86</v>
      </c>
      <c r="Q43538">
        <v>11</v>
      </c>
      <c r="R43538">
        <v>12</v>
      </c>
      <c r="S43538">
        <v>12</v>
      </c>
      <c r="T43538">
        <v>12</v>
      </c>
      <c r="U43538">
        <v>13</v>
      </c>
      <c r="V43538">
        <v>13</v>
      </c>
      <c r="W43538">
        <v>13</v>
      </c>
      <c r="X43538">
        <v>14</v>
      </c>
      <c r="Y43538">
        <v>14</v>
      </c>
      <c r="Z43538">
        <v>14</v>
      </c>
      <c r="AA43538">
        <v>15</v>
      </c>
      <c r="AB43538">
        <v>15</v>
      </c>
      <c r="AC43538">
        <v>16</v>
      </c>
      <c r="AD43538">
        <v>16</v>
      </c>
      <c r="AE43538">
        <v>16</v>
      </c>
      <c r="AF43538">
        <v>17</v>
      </c>
      <c r="AG43538">
        <v>17</v>
      </c>
      <c r="AH43538">
        <v>17</v>
      </c>
      <c r="AI43538">
        <v>18</v>
      </c>
      <c r="AJ43538">
        <v>18</v>
      </c>
      <c r="AK43538">
        <v>19</v>
      </c>
      <c r="AL43538">
        <v>19</v>
      </c>
      <c r="AM43538">
        <v>19</v>
      </c>
      <c r="AN43538">
        <v>20</v>
      </c>
      <c r="AO43538">
        <v>20</v>
      </c>
      <c r="AP43538">
        <v>20</v>
      </c>
      <c r="AQ43538">
        <v>20</v>
      </c>
    </row>
    <row r="43539" spans="1:43">
      <c r="A43539" t="s">
        <v>26591</v>
      </c>
      <c r="B43539" t="s">
        <v>26592</v>
      </c>
      <c r="C43539" t="s">
        <v>13583</v>
      </c>
      <c r="D43539" t="s">
        <v>13584</v>
      </c>
      <c r="E43539" t="s">
        <v>13539</v>
      </c>
      <c r="F43539" t="s">
        <v>13540</v>
      </c>
      <c r="G43539" t="s">
        <v>10214</v>
      </c>
      <c r="H43539" t="s">
        <v>10215</v>
      </c>
      <c r="I43539" s="2">
        <v>1</v>
      </c>
      <c r="J43539" s="2">
        <v>0</v>
      </c>
      <c r="K43539" s="2">
        <v>0</v>
      </c>
      <c r="L43539" t="s">
        <v>120</v>
      </c>
      <c r="M43539" t="s">
        <v>87</v>
      </c>
      <c r="N43539" t="s">
        <v>88</v>
      </c>
      <c r="O43539" t="s">
        <v>85</v>
      </c>
      <c r="P43539" t="s">
        <v>86</v>
      </c>
      <c r="Q43539">
        <v>11</v>
      </c>
      <c r="R43539">
        <v>12</v>
      </c>
      <c r="S43539">
        <v>12</v>
      </c>
      <c r="T43539">
        <v>12</v>
      </c>
      <c r="U43539">
        <v>12</v>
      </c>
      <c r="V43539">
        <v>12</v>
      </c>
      <c r="W43539">
        <v>13</v>
      </c>
      <c r="X43539">
        <v>13</v>
      </c>
      <c r="Y43539">
        <v>13</v>
      </c>
      <c r="Z43539">
        <v>13</v>
      </c>
      <c r="AA43539">
        <v>13</v>
      </c>
      <c r="AB43539">
        <v>14</v>
      </c>
      <c r="AC43539">
        <v>14</v>
      </c>
      <c r="AD43539">
        <v>14</v>
      </c>
      <c r="AE43539">
        <v>14</v>
      </c>
      <c r="AF43539">
        <v>15</v>
      </c>
      <c r="AG43539">
        <v>15</v>
      </c>
      <c r="AH43539">
        <v>15</v>
      </c>
      <c r="AI43539">
        <v>15</v>
      </c>
      <c r="AJ43539">
        <v>16</v>
      </c>
      <c r="AK43539">
        <v>16</v>
      </c>
      <c r="AL43539">
        <v>16</v>
      </c>
      <c r="AM43539">
        <v>17</v>
      </c>
      <c r="AN43539">
        <v>17</v>
      </c>
      <c r="AO43539">
        <v>17</v>
      </c>
      <c r="AP43539">
        <v>17</v>
      </c>
      <c r="AQ43539">
        <v>18</v>
      </c>
    </row>
    <row r="43540" spans="1:43">
      <c r="A43540" t="s">
        <v>26591</v>
      </c>
      <c r="B43540" t="s">
        <v>26592</v>
      </c>
      <c r="C43540" t="s">
        <v>13583</v>
      </c>
      <c r="D43540" t="s">
        <v>13584</v>
      </c>
      <c r="E43540" t="s">
        <v>13539</v>
      </c>
      <c r="F43540" t="s">
        <v>13540</v>
      </c>
      <c r="G43540" t="s">
        <v>10214</v>
      </c>
      <c r="H43540" t="s">
        <v>10215</v>
      </c>
      <c r="I43540" s="2">
        <v>1</v>
      </c>
      <c r="J43540" s="2">
        <v>0</v>
      </c>
      <c r="K43540" s="2">
        <v>0</v>
      </c>
      <c r="L43540" t="s">
        <v>120</v>
      </c>
      <c r="M43540" t="s">
        <v>89</v>
      </c>
      <c r="N43540" t="s">
        <v>90</v>
      </c>
      <c r="O43540" t="s">
        <v>85</v>
      </c>
      <c r="P43540" t="s">
        <v>86</v>
      </c>
      <c r="Q43540">
        <v>11</v>
      </c>
      <c r="R43540">
        <v>11</v>
      </c>
      <c r="S43540">
        <v>11</v>
      </c>
      <c r="T43540">
        <v>12</v>
      </c>
      <c r="U43540">
        <v>12</v>
      </c>
      <c r="V43540">
        <v>13</v>
      </c>
      <c r="W43540">
        <v>13</v>
      </c>
      <c r="X43540">
        <v>13</v>
      </c>
      <c r="Y43540">
        <v>14</v>
      </c>
      <c r="Z43540">
        <v>14</v>
      </c>
      <c r="AA43540">
        <v>15</v>
      </c>
      <c r="AB43540">
        <v>15</v>
      </c>
      <c r="AC43540">
        <v>16</v>
      </c>
      <c r="AD43540">
        <v>16</v>
      </c>
      <c r="AE43540">
        <v>16</v>
      </c>
      <c r="AF43540">
        <v>17</v>
      </c>
      <c r="AG43540">
        <v>17</v>
      </c>
      <c r="AH43540">
        <v>17</v>
      </c>
      <c r="AI43540">
        <v>17</v>
      </c>
      <c r="AJ43540">
        <v>18</v>
      </c>
      <c r="AK43540">
        <v>18</v>
      </c>
      <c r="AL43540">
        <v>18</v>
      </c>
      <c r="AM43540">
        <v>18</v>
      </c>
      <c r="AN43540">
        <v>19</v>
      </c>
      <c r="AO43540">
        <v>19</v>
      </c>
      <c r="AP43540">
        <v>19</v>
      </c>
      <c r="AQ43540">
        <v>19</v>
      </c>
    </row>
    <row r="43541" spans="1:43">
      <c r="A43541" t="s">
        <v>26591</v>
      </c>
      <c r="B43541" t="s">
        <v>26592</v>
      </c>
      <c r="C43541" t="s">
        <v>13583</v>
      </c>
      <c r="D43541" t="s">
        <v>13584</v>
      </c>
      <c r="E43541" t="s">
        <v>13539</v>
      </c>
      <c r="F43541" t="s">
        <v>13540</v>
      </c>
      <c r="G43541" t="s">
        <v>10214</v>
      </c>
      <c r="H43541" t="s">
        <v>10215</v>
      </c>
      <c r="I43541" s="2">
        <v>1</v>
      </c>
      <c r="J43541" s="2">
        <v>0</v>
      </c>
      <c r="K43541" s="2">
        <v>0</v>
      </c>
      <c r="L43541" t="s">
        <v>120</v>
      </c>
      <c r="M43541" t="s">
        <v>83</v>
      </c>
      <c r="N43541" t="s">
        <v>91</v>
      </c>
      <c r="O43541" t="s">
        <v>85</v>
      </c>
      <c r="P43541" t="s">
        <v>86</v>
      </c>
      <c r="Q43541">
        <v>11</v>
      </c>
      <c r="R43541">
        <v>12</v>
      </c>
      <c r="S43541">
        <v>12</v>
      </c>
      <c r="T43541">
        <v>12</v>
      </c>
      <c r="U43541">
        <v>13</v>
      </c>
      <c r="V43541">
        <v>13</v>
      </c>
      <c r="W43541">
        <v>13</v>
      </c>
      <c r="X43541">
        <v>14</v>
      </c>
      <c r="Y43541">
        <v>14</v>
      </c>
      <c r="Z43541">
        <v>14</v>
      </c>
      <c r="AA43541">
        <v>15</v>
      </c>
      <c r="AB43541">
        <v>15</v>
      </c>
      <c r="AC43541">
        <v>16</v>
      </c>
      <c r="AD43541">
        <v>16</v>
      </c>
      <c r="AE43541">
        <v>16</v>
      </c>
      <c r="AF43541">
        <v>17</v>
      </c>
      <c r="AG43541">
        <v>17</v>
      </c>
      <c r="AH43541">
        <v>17</v>
      </c>
      <c r="AI43541">
        <v>18</v>
      </c>
      <c r="AJ43541">
        <v>18</v>
      </c>
      <c r="AK43541">
        <v>19</v>
      </c>
      <c r="AL43541">
        <v>19</v>
      </c>
      <c r="AM43541">
        <v>19</v>
      </c>
      <c r="AN43541">
        <v>20</v>
      </c>
      <c r="AO43541">
        <v>20</v>
      </c>
      <c r="AP43541">
        <v>20</v>
      </c>
      <c r="AQ43541">
        <v>20</v>
      </c>
    </row>
    <row r="43542" spans="1:43">
      <c r="A43542" t="s">
        <v>26593</v>
      </c>
      <c r="B43542" t="s">
        <v>26594</v>
      </c>
      <c r="C43542" t="s">
        <v>13583</v>
      </c>
      <c r="D43542" t="s">
        <v>13584</v>
      </c>
      <c r="E43542" t="s">
        <v>13539</v>
      </c>
      <c r="F43542" t="s">
        <v>13540</v>
      </c>
      <c r="G43542" t="s">
        <v>10214</v>
      </c>
      <c r="H43542" t="s">
        <v>10215</v>
      </c>
      <c r="I43542" s="2">
        <v>1</v>
      </c>
      <c r="J43542" s="2">
        <v>0</v>
      </c>
      <c r="K43542" s="2">
        <v>0</v>
      </c>
      <c r="L43542" t="s">
        <v>120</v>
      </c>
      <c r="M43542" t="s">
        <v>83</v>
      </c>
      <c r="N43542" t="s">
        <v>84</v>
      </c>
      <c r="O43542" t="s">
        <v>85</v>
      </c>
      <c r="P43542" t="s">
        <v>86</v>
      </c>
      <c r="Q43542">
        <v>5</v>
      </c>
      <c r="R43542">
        <v>5</v>
      </c>
      <c r="S43542">
        <v>5</v>
      </c>
      <c r="T43542">
        <v>5</v>
      </c>
      <c r="U43542">
        <v>6</v>
      </c>
      <c r="V43542">
        <v>6</v>
      </c>
      <c r="W43542">
        <v>6</v>
      </c>
      <c r="X43542">
        <v>6</v>
      </c>
      <c r="Y43542">
        <v>6</v>
      </c>
      <c r="Z43542">
        <v>6</v>
      </c>
      <c r="AA43542">
        <v>6</v>
      </c>
      <c r="AB43542">
        <v>7</v>
      </c>
      <c r="AC43542">
        <v>7</v>
      </c>
      <c r="AD43542">
        <v>7</v>
      </c>
      <c r="AE43542">
        <v>7</v>
      </c>
      <c r="AF43542">
        <v>7</v>
      </c>
      <c r="AG43542">
        <v>7</v>
      </c>
      <c r="AH43542">
        <v>8</v>
      </c>
      <c r="AI43542">
        <v>8</v>
      </c>
      <c r="AJ43542">
        <v>8</v>
      </c>
      <c r="AK43542">
        <v>8</v>
      </c>
      <c r="AL43542">
        <v>8</v>
      </c>
      <c r="AM43542">
        <v>8</v>
      </c>
      <c r="AN43542">
        <v>8</v>
      </c>
      <c r="AO43542">
        <v>9</v>
      </c>
      <c r="AP43542">
        <v>9</v>
      </c>
      <c r="AQ43542">
        <v>9</v>
      </c>
    </row>
    <row r="43543" spans="1:43">
      <c r="A43543" t="s">
        <v>26593</v>
      </c>
      <c r="B43543" t="s">
        <v>26594</v>
      </c>
      <c r="C43543" t="s">
        <v>13583</v>
      </c>
      <c r="D43543" t="s">
        <v>13584</v>
      </c>
      <c r="E43543" t="s">
        <v>13539</v>
      </c>
      <c r="F43543" t="s">
        <v>13540</v>
      </c>
      <c r="G43543" t="s">
        <v>10214</v>
      </c>
      <c r="H43543" t="s">
        <v>10215</v>
      </c>
      <c r="I43543" s="2">
        <v>1</v>
      </c>
      <c r="J43543" s="2">
        <v>0</v>
      </c>
      <c r="K43543" s="2">
        <v>0</v>
      </c>
      <c r="L43543" t="s">
        <v>120</v>
      </c>
      <c r="M43543" t="s">
        <v>87</v>
      </c>
      <c r="N43543" t="s">
        <v>88</v>
      </c>
      <c r="O43543" t="s">
        <v>85</v>
      </c>
      <c r="P43543" t="s">
        <v>86</v>
      </c>
      <c r="Q43543">
        <v>5</v>
      </c>
      <c r="R43543">
        <v>5</v>
      </c>
      <c r="S43543">
        <v>5</v>
      </c>
      <c r="T43543">
        <v>5</v>
      </c>
      <c r="U43543">
        <v>5</v>
      </c>
      <c r="V43543">
        <v>5</v>
      </c>
      <c r="W43543">
        <v>5</v>
      </c>
      <c r="X43543">
        <v>6</v>
      </c>
      <c r="Y43543">
        <v>6</v>
      </c>
      <c r="Z43543">
        <v>6</v>
      </c>
      <c r="AA43543">
        <v>6</v>
      </c>
      <c r="AB43543">
        <v>6</v>
      </c>
      <c r="AC43543">
        <v>6</v>
      </c>
      <c r="AD43543">
        <v>6</v>
      </c>
      <c r="AE43543">
        <v>6</v>
      </c>
      <c r="AF43543">
        <v>6</v>
      </c>
      <c r="AG43543">
        <v>6</v>
      </c>
      <c r="AH43543">
        <v>7</v>
      </c>
      <c r="AI43543">
        <v>7</v>
      </c>
      <c r="AJ43543">
        <v>7</v>
      </c>
      <c r="AK43543">
        <v>7</v>
      </c>
      <c r="AL43543">
        <v>7</v>
      </c>
      <c r="AM43543">
        <v>7</v>
      </c>
      <c r="AN43543">
        <v>7</v>
      </c>
      <c r="AO43543">
        <v>7</v>
      </c>
      <c r="AP43543">
        <v>8</v>
      </c>
      <c r="AQ43543">
        <v>8</v>
      </c>
    </row>
    <row r="43544" spans="1:43">
      <c r="A43544" t="s">
        <v>26593</v>
      </c>
      <c r="B43544" t="s">
        <v>26594</v>
      </c>
      <c r="C43544" t="s">
        <v>13583</v>
      </c>
      <c r="D43544" t="s">
        <v>13584</v>
      </c>
      <c r="E43544" t="s">
        <v>13539</v>
      </c>
      <c r="F43544" t="s">
        <v>13540</v>
      </c>
      <c r="G43544" t="s">
        <v>10214</v>
      </c>
      <c r="H43544" t="s">
        <v>10215</v>
      </c>
      <c r="I43544" s="2">
        <v>1</v>
      </c>
      <c r="J43544" s="2">
        <v>0</v>
      </c>
      <c r="K43544" s="2">
        <v>0</v>
      </c>
      <c r="L43544" t="s">
        <v>120</v>
      </c>
      <c r="M43544" t="s">
        <v>89</v>
      </c>
      <c r="N43544" t="s">
        <v>90</v>
      </c>
      <c r="O43544" t="s">
        <v>85</v>
      </c>
      <c r="P43544" t="s">
        <v>86</v>
      </c>
      <c r="Q43544">
        <v>5</v>
      </c>
      <c r="R43544">
        <v>5</v>
      </c>
      <c r="S43544">
        <v>5</v>
      </c>
      <c r="T43544">
        <v>6</v>
      </c>
      <c r="U43544">
        <v>6</v>
      </c>
      <c r="V43544">
        <v>6</v>
      </c>
      <c r="W43544">
        <v>6</v>
      </c>
      <c r="X43544">
        <v>6</v>
      </c>
      <c r="Y43544">
        <v>6</v>
      </c>
      <c r="Z43544">
        <v>7</v>
      </c>
      <c r="AA43544">
        <v>7</v>
      </c>
      <c r="AB43544">
        <v>7</v>
      </c>
      <c r="AC43544">
        <v>7</v>
      </c>
      <c r="AD43544">
        <v>7</v>
      </c>
      <c r="AE43544">
        <v>8</v>
      </c>
      <c r="AF43544">
        <v>8</v>
      </c>
      <c r="AG43544">
        <v>8</v>
      </c>
      <c r="AH43544">
        <v>8</v>
      </c>
      <c r="AI43544">
        <v>8</v>
      </c>
      <c r="AJ43544">
        <v>8</v>
      </c>
      <c r="AK43544">
        <v>8</v>
      </c>
      <c r="AL43544">
        <v>8</v>
      </c>
      <c r="AM43544">
        <v>8</v>
      </c>
      <c r="AN43544">
        <v>9</v>
      </c>
      <c r="AO43544">
        <v>9</v>
      </c>
      <c r="AP43544">
        <v>9</v>
      </c>
      <c r="AQ43544">
        <v>9</v>
      </c>
    </row>
    <row r="43545" spans="1:43">
      <c r="A43545" t="s">
        <v>26593</v>
      </c>
      <c r="B43545" t="s">
        <v>26594</v>
      </c>
      <c r="C43545" t="s">
        <v>13583</v>
      </c>
      <c r="D43545" t="s">
        <v>13584</v>
      </c>
      <c r="E43545" t="s">
        <v>13539</v>
      </c>
      <c r="F43545" t="s">
        <v>13540</v>
      </c>
      <c r="G43545" t="s">
        <v>10214</v>
      </c>
      <c r="H43545" t="s">
        <v>10215</v>
      </c>
      <c r="I43545" s="2">
        <v>1</v>
      </c>
      <c r="J43545" s="2">
        <v>0</v>
      </c>
      <c r="K43545" s="2">
        <v>0</v>
      </c>
      <c r="L43545" t="s">
        <v>120</v>
      </c>
      <c r="M43545" t="s">
        <v>83</v>
      </c>
      <c r="N43545" t="s">
        <v>91</v>
      </c>
      <c r="O43545" t="s">
        <v>85</v>
      </c>
      <c r="P43545" t="s">
        <v>86</v>
      </c>
      <c r="Q43545">
        <v>5</v>
      </c>
      <c r="R43545">
        <v>5</v>
      </c>
      <c r="S43545">
        <v>5</v>
      </c>
      <c r="T43545">
        <v>5</v>
      </c>
      <c r="U43545">
        <v>6</v>
      </c>
      <c r="V43545">
        <v>6</v>
      </c>
      <c r="W43545">
        <v>6</v>
      </c>
      <c r="X43545">
        <v>6</v>
      </c>
      <c r="Y43545">
        <v>6</v>
      </c>
      <c r="Z43545">
        <v>6</v>
      </c>
      <c r="AA43545">
        <v>6</v>
      </c>
      <c r="AB43545">
        <v>7</v>
      </c>
      <c r="AC43545">
        <v>7</v>
      </c>
      <c r="AD43545">
        <v>7</v>
      </c>
      <c r="AE43545">
        <v>7</v>
      </c>
      <c r="AF43545">
        <v>7</v>
      </c>
      <c r="AG43545">
        <v>7</v>
      </c>
      <c r="AH43545">
        <v>8</v>
      </c>
      <c r="AI43545">
        <v>8</v>
      </c>
      <c r="AJ43545">
        <v>8</v>
      </c>
      <c r="AK43545">
        <v>8</v>
      </c>
      <c r="AL43545">
        <v>8</v>
      </c>
      <c r="AM43545">
        <v>8</v>
      </c>
      <c r="AN43545">
        <v>8</v>
      </c>
      <c r="AO43545">
        <v>9</v>
      </c>
      <c r="AP43545">
        <v>9</v>
      </c>
      <c r="AQ43545">
        <v>9</v>
      </c>
    </row>
    <row r="43546" spans="1:43">
      <c r="A43546" t="s">
        <v>26595</v>
      </c>
      <c r="B43546" t="s">
        <v>26596</v>
      </c>
      <c r="C43546" t="s">
        <v>13583</v>
      </c>
      <c r="D43546" t="s">
        <v>13584</v>
      </c>
      <c r="E43546" t="s">
        <v>13539</v>
      </c>
      <c r="F43546" t="s">
        <v>13540</v>
      </c>
      <c r="G43546" t="s">
        <v>10214</v>
      </c>
      <c r="H43546" t="s">
        <v>10215</v>
      </c>
      <c r="I43546" s="2">
        <v>1</v>
      </c>
      <c r="J43546" s="2">
        <v>0</v>
      </c>
      <c r="K43546" s="2">
        <v>0</v>
      </c>
      <c r="L43546" t="s">
        <v>120</v>
      </c>
      <c r="M43546" t="s">
        <v>83</v>
      </c>
      <c r="N43546" t="s">
        <v>84</v>
      </c>
      <c r="O43546" t="s">
        <v>85</v>
      </c>
      <c r="P43546" t="s">
        <v>86</v>
      </c>
      <c r="Q43546">
        <v>14</v>
      </c>
      <c r="R43546">
        <v>14</v>
      </c>
      <c r="S43546">
        <v>15</v>
      </c>
      <c r="T43546">
        <v>15</v>
      </c>
      <c r="U43546">
        <v>16</v>
      </c>
      <c r="V43546">
        <v>16</v>
      </c>
      <c r="W43546">
        <v>16</v>
      </c>
      <c r="X43546">
        <v>17</v>
      </c>
      <c r="Y43546">
        <v>17</v>
      </c>
      <c r="Z43546">
        <v>18</v>
      </c>
      <c r="AA43546">
        <v>18</v>
      </c>
      <c r="AB43546">
        <v>19</v>
      </c>
      <c r="AC43546">
        <v>19</v>
      </c>
      <c r="AD43546">
        <v>19</v>
      </c>
      <c r="AE43546">
        <v>20</v>
      </c>
      <c r="AF43546">
        <v>20</v>
      </c>
      <c r="AG43546">
        <v>21</v>
      </c>
      <c r="AH43546">
        <v>21</v>
      </c>
      <c r="AI43546">
        <v>22</v>
      </c>
      <c r="AJ43546">
        <v>22</v>
      </c>
      <c r="AK43546">
        <v>23</v>
      </c>
      <c r="AL43546">
        <v>23</v>
      </c>
      <c r="AM43546">
        <v>24</v>
      </c>
      <c r="AN43546">
        <v>24</v>
      </c>
      <c r="AO43546">
        <v>24</v>
      </c>
      <c r="AP43546">
        <v>25</v>
      </c>
      <c r="AQ43546">
        <v>25</v>
      </c>
    </row>
    <row r="43547" spans="1:43">
      <c r="A43547" t="s">
        <v>26595</v>
      </c>
      <c r="B43547" t="s">
        <v>26596</v>
      </c>
      <c r="C43547" t="s">
        <v>13583</v>
      </c>
      <c r="D43547" t="s">
        <v>13584</v>
      </c>
      <c r="E43547" t="s">
        <v>13539</v>
      </c>
      <c r="F43547" t="s">
        <v>13540</v>
      </c>
      <c r="G43547" t="s">
        <v>10214</v>
      </c>
      <c r="H43547" t="s">
        <v>10215</v>
      </c>
      <c r="I43547" s="2">
        <v>1</v>
      </c>
      <c r="J43547" s="2">
        <v>0</v>
      </c>
      <c r="K43547" s="2">
        <v>0</v>
      </c>
      <c r="L43547" t="s">
        <v>120</v>
      </c>
      <c r="M43547" t="s">
        <v>87</v>
      </c>
      <c r="N43547" t="s">
        <v>88</v>
      </c>
      <c r="O43547" t="s">
        <v>85</v>
      </c>
      <c r="P43547" t="s">
        <v>86</v>
      </c>
      <c r="Q43547">
        <v>14</v>
      </c>
      <c r="R43547">
        <v>14</v>
      </c>
      <c r="S43547">
        <v>14</v>
      </c>
      <c r="T43547">
        <v>15</v>
      </c>
      <c r="U43547">
        <v>15</v>
      </c>
      <c r="V43547">
        <v>15</v>
      </c>
      <c r="W43547">
        <v>15</v>
      </c>
      <c r="X43547">
        <v>16</v>
      </c>
      <c r="Y43547">
        <v>16</v>
      </c>
      <c r="Z43547">
        <v>16</v>
      </c>
      <c r="AA43547">
        <v>17</v>
      </c>
      <c r="AB43547">
        <v>17</v>
      </c>
      <c r="AC43547">
        <v>17</v>
      </c>
      <c r="AD43547">
        <v>17</v>
      </c>
      <c r="AE43547">
        <v>18</v>
      </c>
      <c r="AF43547">
        <v>18</v>
      </c>
      <c r="AG43547">
        <v>18</v>
      </c>
      <c r="AH43547">
        <v>19</v>
      </c>
      <c r="AI43547">
        <v>19</v>
      </c>
      <c r="AJ43547">
        <v>19</v>
      </c>
      <c r="AK43547">
        <v>20</v>
      </c>
      <c r="AL43547">
        <v>20</v>
      </c>
      <c r="AM43547">
        <v>20</v>
      </c>
      <c r="AN43547">
        <v>21</v>
      </c>
      <c r="AO43547">
        <v>21</v>
      </c>
      <c r="AP43547">
        <v>21</v>
      </c>
      <c r="AQ43547">
        <v>22</v>
      </c>
    </row>
    <row r="43548" spans="1:43">
      <c r="A43548" t="s">
        <v>26595</v>
      </c>
      <c r="B43548" t="s">
        <v>26596</v>
      </c>
      <c r="C43548" t="s">
        <v>13583</v>
      </c>
      <c r="D43548" t="s">
        <v>13584</v>
      </c>
      <c r="E43548" t="s">
        <v>13539</v>
      </c>
      <c r="F43548" t="s">
        <v>13540</v>
      </c>
      <c r="G43548" t="s">
        <v>10214</v>
      </c>
      <c r="H43548" t="s">
        <v>10215</v>
      </c>
      <c r="I43548" s="2">
        <v>1</v>
      </c>
      <c r="J43548" s="2">
        <v>0</v>
      </c>
      <c r="K43548" s="2">
        <v>0</v>
      </c>
      <c r="L43548" t="s">
        <v>120</v>
      </c>
      <c r="M43548" t="s">
        <v>89</v>
      </c>
      <c r="N43548" t="s">
        <v>90</v>
      </c>
      <c r="O43548" t="s">
        <v>85</v>
      </c>
      <c r="P43548" t="s">
        <v>86</v>
      </c>
      <c r="Q43548">
        <v>14</v>
      </c>
      <c r="R43548">
        <v>15</v>
      </c>
      <c r="S43548">
        <v>15</v>
      </c>
      <c r="T43548">
        <v>16</v>
      </c>
      <c r="U43548">
        <v>16</v>
      </c>
      <c r="V43548">
        <v>17</v>
      </c>
      <c r="W43548">
        <v>17</v>
      </c>
      <c r="X43548">
        <v>18</v>
      </c>
      <c r="Y43548">
        <v>18</v>
      </c>
      <c r="Z43548">
        <v>19</v>
      </c>
      <c r="AA43548">
        <v>19</v>
      </c>
      <c r="AB43548">
        <v>20</v>
      </c>
      <c r="AC43548">
        <v>20</v>
      </c>
      <c r="AD43548">
        <v>21</v>
      </c>
      <c r="AE43548">
        <v>21</v>
      </c>
      <c r="AF43548">
        <v>22</v>
      </c>
      <c r="AG43548">
        <v>22</v>
      </c>
      <c r="AH43548">
        <v>22</v>
      </c>
      <c r="AI43548">
        <v>22</v>
      </c>
      <c r="AJ43548">
        <v>23</v>
      </c>
      <c r="AK43548">
        <v>23</v>
      </c>
      <c r="AL43548">
        <v>23</v>
      </c>
      <c r="AM43548">
        <v>24</v>
      </c>
      <c r="AN43548">
        <v>24</v>
      </c>
      <c r="AO43548">
        <v>24</v>
      </c>
      <c r="AP43548">
        <v>25</v>
      </c>
      <c r="AQ43548">
        <v>25</v>
      </c>
    </row>
    <row r="43549" spans="1:43">
      <c r="A43549" t="s">
        <v>26595</v>
      </c>
      <c r="B43549" t="s">
        <v>26596</v>
      </c>
      <c r="C43549" t="s">
        <v>13583</v>
      </c>
      <c r="D43549" t="s">
        <v>13584</v>
      </c>
      <c r="E43549" t="s">
        <v>13539</v>
      </c>
      <c r="F43549" t="s">
        <v>13540</v>
      </c>
      <c r="G43549" t="s">
        <v>10214</v>
      </c>
      <c r="H43549" t="s">
        <v>10215</v>
      </c>
      <c r="I43549" s="2">
        <v>1</v>
      </c>
      <c r="J43549" s="2">
        <v>0</v>
      </c>
      <c r="K43549" s="2">
        <v>0</v>
      </c>
      <c r="L43549" t="s">
        <v>120</v>
      </c>
      <c r="M43549" t="s">
        <v>83</v>
      </c>
      <c r="N43549" t="s">
        <v>91</v>
      </c>
      <c r="O43549" t="s">
        <v>85</v>
      </c>
      <c r="P43549" t="s">
        <v>86</v>
      </c>
      <c r="Q43549">
        <v>14</v>
      </c>
      <c r="R43549">
        <v>14</v>
      </c>
      <c r="S43549">
        <v>15</v>
      </c>
      <c r="T43549">
        <v>15</v>
      </c>
      <c r="U43549">
        <v>16</v>
      </c>
      <c r="V43549">
        <v>16</v>
      </c>
      <c r="W43549">
        <v>16</v>
      </c>
      <c r="X43549">
        <v>17</v>
      </c>
      <c r="Y43549">
        <v>17</v>
      </c>
      <c r="Z43549">
        <v>18</v>
      </c>
      <c r="AA43549">
        <v>18</v>
      </c>
      <c r="AB43549">
        <v>19</v>
      </c>
      <c r="AC43549">
        <v>19</v>
      </c>
      <c r="AD43549">
        <v>19</v>
      </c>
      <c r="AE43549">
        <v>20</v>
      </c>
      <c r="AF43549">
        <v>20</v>
      </c>
      <c r="AG43549">
        <v>21</v>
      </c>
      <c r="AH43549">
        <v>21</v>
      </c>
      <c r="AI43549">
        <v>22</v>
      </c>
      <c r="AJ43549">
        <v>22</v>
      </c>
      <c r="AK43549">
        <v>23</v>
      </c>
      <c r="AL43549">
        <v>23</v>
      </c>
      <c r="AM43549">
        <v>24</v>
      </c>
      <c r="AN43549">
        <v>24</v>
      </c>
      <c r="AO43549">
        <v>24</v>
      </c>
      <c r="AP43549">
        <v>25</v>
      </c>
      <c r="AQ43549">
        <v>25</v>
      </c>
    </row>
    <row r="43550" spans="1:43">
      <c r="A43550" t="s">
        <v>26597</v>
      </c>
      <c r="B43550" t="s">
        <v>26598</v>
      </c>
      <c r="C43550" t="s">
        <v>13583</v>
      </c>
      <c r="D43550" t="s">
        <v>13584</v>
      </c>
      <c r="E43550" t="s">
        <v>13539</v>
      </c>
      <c r="F43550" t="s">
        <v>13540</v>
      </c>
      <c r="G43550" t="s">
        <v>10214</v>
      </c>
      <c r="H43550" t="s">
        <v>10215</v>
      </c>
      <c r="I43550" s="2">
        <v>1</v>
      </c>
      <c r="J43550" s="2">
        <v>0</v>
      </c>
      <c r="K43550" s="2">
        <v>0</v>
      </c>
      <c r="L43550" t="s">
        <v>120</v>
      </c>
      <c r="M43550" t="s">
        <v>83</v>
      </c>
      <c r="N43550" t="s">
        <v>84</v>
      </c>
      <c r="O43550" t="s">
        <v>85</v>
      </c>
      <c r="P43550" t="s">
        <v>86</v>
      </c>
      <c r="Q43550">
        <v>19</v>
      </c>
      <c r="R43550">
        <v>19</v>
      </c>
      <c r="S43550">
        <v>20</v>
      </c>
      <c r="T43550">
        <v>20</v>
      </c>
      <c r="U43550">
        <v>21</v>
      </c>
      <c r="V43550">
        <v>21</v>
      </c>
      <c r="W43550">
        <v>22</v>
      </c>
      <c r="X43550">
        <v>22</v>
      </c>
      <c r="Y43550">
        <v>23</v>
      </c>
      <c r="Z43550">
        <v>24</v>
      </c>
      <c r="AA43550">
        <v>24</v>
      </c>
      <c r="AB43550">
        <v>25</v>
      </c>
      <c r="AC43550">
        <v>25</v>
      </c>
      <c r="AD43550">
        <v>26</v>
      </c>
      <c r="AE43550">
        <v>26</v>
      </c>
      <c r="AF43550">
        <v>27</v>
      </c>
      <c r="AG43550">
        <v>28</v>
      </c>
      <c r="AH43550">
        <v>28</v>
      </c>
      <c r="AI43550">
        <v>29</v>
      </c>
      <c r="AJ43550">
        <v>30</v>
      </c>
      <c r="AK43550">
        <v>30</v>
      </c>
      <c r="AL43550">
        <v>31</v>
      </c>
      <c r="AM43550">
        <v>31</v>
      </c>
      <c r="AN43550">
        <v>32</v>
      </c>
      <c r="AO43550">
        <v>32</v>
      </c>
      <c r="AP43550">
        <v>33</v>
      </c>
      <c r="AQ43550">
        <v>33</v>
      </c>
    </row>
    <row r="43551" spans="1:43">
      <c r="A43551" t="s">
        <v>26597</v>
      </c>
      <c r="B43551" t="s">
        <v>26598</v>
      </c>
      <c r="C43551" t="s">
        <v>13583</v>
      </c>
      <c r="D43551" t="s">
        <v>13584</v>
      </c>
      <c r="E43551" t="s">
        <v>13539</v>
      </c>
      <c r="F43551" t="s">
        <v>13540</v>
      </c>
      <c r="G43551" t="s">
        <v>10214</v>
      </c>
      <c r="H43551" t="s">
        <v>10215</v>
      </c>
      <c r="I43551" s="2">
        <v>1</v>
      </c>
      <c r="J43551" s="2">
        <v>0</v>
      </c>
      <c r="K43551" s="2">
        <v>0</v>
      </c>
      <c r="L43551" t="s">
        <v>120</v>
      </c>
      <c r="M43551" t="s">
        <v>87</v>
      </c>
      <c r="N43551" t="s">
        <v>88</v>
      </c>
      <c r="O43551" t="s">
        <v>85</v>
      </c>
      <c r="P43551" t="s">
        <v>86</v>
      </c>
      <c r="Q43551">
        <v>19</v>
      </c>
      <c r="R43551">
        <v>20</v>
      </c>
      <c r="S43551">
        <v>20</v>
      </c>
      <c r="T43551">
        <v>21</v>
      </c>
      <c r="U43551">
        <v>21</v>
      </c>
      <c r="V43551">
        <v>21</v>
      </c>
      <c r="W43551">
        <v>22</v>
      </c>
      <c r="X43551">
        <v>22</v>
      </c>
      <c r="Y43551">
        <v>22</v>
      </c>
      <c r="Z43551">
        <v>23</v>
      </c>
      <c r="AA43551">
        <v>23</v>
      </c>
      <c r="AB43551">
        <v>23</v>
      </c>
      <c r="AC43551">
        <v>24</v>
      </c>
      <c r="AD43551">
        <v>24</v>
      </c>
      <c r="AE43551">
        <v>25</v>
      </c>
      <c r="AF43551">
        <v>25</v>
      </c>
      <c r="AG43551">
        <v>25</v>
      </c>
      <c r="AH43551">
        <v>26</v>
      </c>
      <c r="AI43551">
        <v>26</v>
      </c>
      <c r="AJ43551">
        <v>27</v>
      </c>
      <c r="AK43551">
        <v>27</v>
      </c>
      <c r="AL43551">
        <v>28</v>
      </c>
      <c r="AM43551">
        <v>28</v>
      </c>
      <c r="AN43551">
        <v>28</v>
      </c>
      <c r="AO43551">
        <v>29</v>
      </c>
      <c r="AP43551">
        <v>29</v>
      </c>
      <c r="AQ43551">
        <v>30</v>
      </c>
    </row>
    <row r="43552" spans="1:43">
      <c r="A43552" t="s">
        <v>26597</v>
      </c>
      <c r="B43552" t="s">
        <v>26598</v>
      </c>
      <c r="C43552" t="s">
        <v>13583</v>
      </c>
      <c r="D43552" t="s">
        <v>13584</v>
      </c>
      <c r="E43552" t="s">
        <v>13539</v>
      </c>
      <c r="F43552" t="s">
        <v>13540</v>
      </c>
      <c r="G43552" t="s">
        <v>10214</v>
      </c>
      <c r="H43552" t="s">
        <v>10215</v>
      </c>
      <c r="I43552" s="2">
        <v>1</v>
      </c>
      <c r="J43552" s="2">
        <v>0</v>
      </c>
      <c r="K43552" s="2">
        <v>0</v>
      </c>
      <c r="L43552" t="s">
        <v>120</v>
      </c>
      <c r="M43552" t="s">
        <v>89</v>
      </c>
      <c r="N43552" t="s">
        <v>90</v>
      </c>
      <c r="O43552" t="s">
        <v>85</v>
      </c>
      <c r="P43552" t="s">
        <v>86</v>
      </c>
      <c r="Q43552">
        <v>19</v>
      </c>
      <c r="R43552">
        <v>20</v>
      </c>
      <c r="S43552">
        <v>20</v>
      </c>
      <c r="T43552">
        <v>21</v>
      </c>
      <c r="U43552">
        <v>22</v>
      </c>
      <c r="V43552">
        <v>22</v>
      </c>
      <c r="W43552">
        <v>23</v>
      </c>
      <c r="X43552">
        <v>24</v>
      </c>
      <c r="Y43552">
        <v>24</v>
      </c>
      <c r="Z43552">
        <v>25</v>
      </c>
      <c r="AA43552">
        <v>26</v>
      </c>
      <c r="AB43552">
        <v>26</v>
      </c>
      <c r="AC43552">
        <v>27</v>
      </c>
      <c r="AD43552">
        <v>28</v>
      </c>
      <c r="AE43552">
        <v>28</v>
      </c>
      <c r="AF43552">
        <v>29</v>
      </c>
      <c r="AG43552">
        <v>29</v>
      </c>
      <c r="AH43552">
        <v>30</v>
      </c>
      <c r="AI43552">
        <v>30</v>
      </c>
      <c r="AJ43552">
        <v>30</v>
      </c>
      <c r="AK43552">
        <v>31</v>
      </c>
      <c r="AL43552">
        <v>31</v>
      </c>
      <c r="AM43552">
        <v>32</v>
      </c>
      <c r="AN43552">
        <v>32</v>
      </c>
      <c r="AO43552">
        <v>32</v>
      </c>
      <c r="AP43552">
        <v>33</v>
      </c>
      <c r="AQ43552">
        <v>33</v>
      </c>
    </row>
    <row r="43553" spans="1:43">
      <c r="A43553" t="s">
        <v>26597</v>
      </c>
      <c r="B43553" t="s">
        <v>26598</v>
      </c>
      <c r="C43553" t="s">
        <v>13583</v>
      </c>
      <c r="D43553" t="s">
        <v>13584</v>
      </c>
      <c r="E43553" t="s">
        <v>13539</v>
      </c>
      <c r="F43553" t="s">
        <v>13540</v>
      </c>
      <c r="G43553" t="s">
        <v>10214</v>
      </c>
      <c r="H43553" t="s">
        <v>10215</v>
      </c>
      <c r="I43553" s="2">
        <v>1</v>
      </c>
      <c r="J43553" s="2">
        <v>0</v>
      </c>
      <c r="K43553" s="2">
        <v>0</v>
      </c>
      <c r="L43553" t="s">
        <v>120</v>
      </c>
      <c r="M43553" t="s">
        <v>83</v>
      </c>
      <c r="N43553" t="s">
        <v>91</v>
      </c>
      <c r="O43553" t="s">
        <v>85</v>
      </c>
      <c r="P43553" t="s">
        <v>86</v>
      </c>
      <c r="Q43553">
        <v>19</v>
      </c>
      <c r="R43553">
        <v>19</v>
      </c>
      <c r="S43553">
        <v>20</v>
      </c>
      <c r="T43553">
        <v>20</v>
      </c>
      <c r="U43553">
        <v>21</v>
      </c>
      <c r="V43553">
        <v>21</v>
      </c>
      <c r="W43553">
        <v>22</v>
      </c>
      <c r="X43553">
        <v>22</v>
      </c>
      <c r="Y43553">
        <v>23</v>
      </c>
      <c r="Z43553">
        <v>24</v>
      </c>
      <c r="AA43553">
        <v>24</v>
      </c>
      <c r="AB43553">
        <v>25</v>
      </c>
      <c r="AC43553">
        <v>25</v>
      </c>
      <c r="AD43553">
        <v>26</v>
      </c>
      <c r="AE43553">
        <v>26</v>
      </c>
      <c r="AF43553">
        <v>27</v>
      </c>
      <c r="AG43553">
        <v>28</v>
      </c>
      <c r="AH43553">
        <v>28</v>
      </c>
      <c r="AI43553">
        <v>29</v>
      </c>
      <c r="AJ43553">
        <v>30</v>
      </c>
      <c r="AK43553">
        <v>30</v>
      </c>
      <c r="AL43553">
        <v>31</v>
      </c>
      <c r="AM43553">
        <v>31</v>
      </c>
      <c r="AN43553">
        <v>32</v>
      </c>
      <c r="AO43553">
        <v>32</v>
      </c>
      <c r="AP43553">
        <v>33</v>
      </c>
      <c r="AQ43553">
        <v>33</v>
      </c>
    </row>
    <row r="43554" spans="1:43">
      <c r="A43554" t="s">
        <v>26599</v>
      </c>
      <c r="B43554" t="s">
        <v>26600</v>
      </c>
      <c r="C43554" t="s">
        <v>24997</v>
      </c>
      <c r="D43554" t="s">
        <v>24998</v>
      </c>
      <c r="E43554" t="s">
        <v>13539</v>
      </c>
      <c r="F43554" t="s">
        <v>13540</v>
      </c>
      <c r="G43554" t="s">
        <v>10214</v>
      </c>
      <c r="H43554" t="s">
        <v>10215</v>
      </c>
      <c r="I43554" s="2">
        <v>1</v>
      </c>
      <c r="J43554" s="2">
        <v>0</v>
      </c>
      <c r="K43554" s="2">
        <v>0</v>
      </c>
      <c r="L43554" t="s">
        <v>120</v>
      </c>
      <c r="M43554" t="s">
        <v>83</v>
      </c>
      <c r="N43554" t="s">
        <v>84</v>
      </c>
      <c r="O43554" t="s">
        <v>85</v>
      </c>
      <c r="P43554" t="s">
        <v>86</v>
      </c>
      <c r="Q43554">
        <v>16</v>
      </c>
      <c r="R43554">
        <v>16</v>
      </c>
      <c r="S43554">
        <v>17</v>
      </c>
      <c r="T43554">
        <v>17</v>
      </c>
      <c r="U43554">
        <v>18</v>
      </c>
      <c r="V43554">
        <v>18</v>
      </c>
      <c r="W43554">
        <v>19</v>
      </c>
      <c r="X43554">
        <v>19</v>
      </c>
      <c r="Y43554">
        <v>20</v>
      </c>
      <c r="Z43554">
        <v>20</v>
      </c>
      <c r="AA43554">
        <v>21</v>
      </c>
      <c r="AB43554">
        <v>21</v>
      </c>
      <c r="AC43554">
        <v>22</v>
      </c>
      <c r="AD43554">
        <v>22</v>
      </c>
      <c r="AE43554">
        <v>23</v>
      </c>
      <c r="AF43554">
        <v>23</v>
      </c>
      <c r="AG43554">
        <v>24</v>
      </c>
      <c r="AH43554">
        <v>24</v>
      </c>
      <c r="AI43554">
        <v>25</v>
      </c>
      <c r="AJ43554">
        <v>26</v>
      </c>
      <c r="AK43554">
        <v>26</v>
      </c>
      <c r="AL43554">
        <v>27</v>
      </c>
      <c r="AM43554">
        <v>27</v>
      </c>
      <c r="AN43554">
        <v>27</v>
      </c>
      <c r="AO43554">
        <v>28</v>
      </c>
      <c r="AP43554">
        <v>28</v>
      </c>
      <c r="AQ43554">
        <v>28</v>
      </c>
    </row>
    <row r="43555" spans="1:43">
      <c r="A43555" t="s">
        <v>26599</v>
      </c>
      <c r="B43555" t="s">
        <v>26600</v>
      </c>
      <c r="C43555" t="s">
        <v>24997</v>
      </c>
      <c r="D43555" t="s">
        <v>24998</v>
      </c>
      <c r="E43555" t="s">
        <v>13539</v>
      </c>
      <c r="F43555" t="s">
        <v>13540</v>
      </c>
      <c r="G43555" t="s">
        <v>10214</v>
      </c>
      <c r="H43555" t="s">
        <v>10215</v>
      </c>
      <c r="I43555" s="2">
        <v>1</v>
      </c>
      <c r="J43555" s="2">
        <v>0</v>
      </c>
      <c r="K43555" s="2">
        <v>0</v>
      </c>
      <c r="L43555" t="s">
        <v>120</v>
      </c>
      <c r="M43555" t="s">
        <v>87</v>
      </c>
      <c r="N43555" t="s">
        <v>88</v>
      </c>
      <c r="O43555" t="s">
        <v>85</v>
      </c>
      <c r="P43555" t="s">
        <v>86</v>
      </c>
      <c r="Q43555">
        <v>16</v>
      </c>
      <c r="R43555">
        <v>16</v>
      </c>
      <c r="S43555">
        <v>16</v>
      </c>
      <c r="T43555">
        <v>17</v>
      </c>
      <c r="U43555">
        <v>17</v>
      </c>
      <c r="V43555">
        <v>17</v>
      </c>
      <c r="W43555">
        <v>18</v>
      </c>
      <c r="X43555">
        <v>18</v>
      </c>
      <c r="Y43555">
        <v>18</v>
      </c>
      <c r="Z43555">
        <v>19</v>
      </c>
      <c r="AA43555">
        <v>19</v>
      </c>
      <c r="AB43555">
        <v>19</v>
      </c>
      <c r="AC43555">
        <v>20</v>
      </c>
      <c r="AD43555">
        <v>20</v>
      </c>
      <c r="AE43555">
        <v>20</v>
      </c>
      <c r="AF43555">
        <v>21</v>
      </c>
      <c r="AG43555">
        <v>21</v>
      </c>
      <c r="AH43555">
        <v>21</v>
      </c>
      <c r="AI43555">
        <v>22</v>
      </c>
      <c r="AJ43555">
        <v>22</v>
      </c>
      <c r="AK43555">
        <v>22</v>
      </c>
      <c r="AL43555">
        <v>23</v>
      </c>
      <c r="AM43555">
        <v>23</v>
      </c>
      <c r="AN43555">
        <v>24</v>
      </c>
      <c r="AO43555">
        <v>24</v>
      </c>
      <c r="AP43555">
        <v>24</v>
      </c>
      <c r="AQ43555">
        <v>25</v>
      </c>
    </row>
    <row r="43556" spans="1:43">
      <c r="A43556" t="s">
        <v>26599</v>
      </c>
      <c r="B43556" t="s">
        <v>26600</v>
      </c>
      <c r="C43556" t="s">
        <v>24997</v>
      </c>
      <c r="D43556" t="s">
        <v>24998</v>
      </c>
      <c r="E43556" t="s">
        <v>13539</v>
      </c>
      <c r="F43556" t="s">
        <v>13540</v>
      </c>
      <c r="G43556" t="s">
        <v>10214</v>
      </c>
      <c r="H43556" t="s">
        <v>10215</v>
      </c>
      <c r="I43556" s="2">
        <v>1</v>
      </c>
      <c r="J43556" s="2">
        <v>0</v>
      </c>
      <c r="K43556" s="2">
        <v>0</v>
      </c>
      <c r="L43556" t="s">
        <v>120</v>
      </c>
      <c r="M43556" t="s">
        <v>89</v>
      </c>
      <c r="N43556" t="s">
        <v>90</v>
      </c>
      <c r="O43556" t="s">
        <v>85</v>
      </c>
      <c r="P43556" t="s">
        <v>86</v>
      </c>
      <c r="Q43556">
        <v>16</v>
      </c>
      <c r="R43556">
        <v>17</v>
      </c>
      <c r="S43556">
        <v>17</v>
      </c>
      <c r="T43556">
        <v>18</v>
      </c>
      <c r="U43556">
        <v>18</v>
      </c>
      <c r="V43556">
        <v>19</v>
      </c>
      <c r="W43556">
        <v>20</v>
      </c>
      <c r="X43556">
        <v>20</v>
      </c>
      <c r="Y43556">
        <v>21</v>
      </c>
      <c r="Z43556">
        <v>21</v>
      </c>
      <c r="AA43556">
        <v>22</v>
      </c>
      <c r="AB43556">
        <v>23</v>
      </c>
      <c r="AC43556">
        <v>23</v>
      </c>
      <c r="AD43556">
        <v>24</v>
      </c>
      <c r="AE43556">
        <v>24</v>
      </c>
      <c r="AF43556">
        <v>25</v>
      </c>
      <c r="AG43556">
        <v>25</v>
      </c>
      <c r="AH43556">
        <v>25</v>
      </c>
      <c r="AI43556">
        <v>26</v>
      </c>
      <c r="AJ43556">
        <v>26</v>
      </c>
      <c r="AK43556">
        <v>26</v>
      </c>
      <c r="AL43556">
        <v>27</v>
      </c>
      <c r="AM43556">
        <v>27</v>
      </c>
      <c r="AN43556">
        <v>27</v>
      </c>
      <c r="AO43556">
        <v>28</v>
      </c>
      <c r="AP43556">
        <v>28</v>
      </c>
      <c r="AQ43556">
        <v>29</v>
      </c>
    </row>
    <row r="43557" spans="1:43">
      <c r="A43557" t="s">
        <v>26599</v>
      </c>
      <c r="B43557" t="s">
        <v>26600</v>
      </c>
      <c r="C43557" t="s">
        <v>24997</v>
      </c>
      <c r="D43557" t="s">
        <v>24998</v>
      </c>
      <c r="E43557" t="s">
        <v>13539</v>
      </c>
      <c r="F43557" t="s">
        <v>13540</v>
      </c>
      <c r="G43557" t="s">
        <v>10214</v>
      </c>
      <c r="H43557" t="s">
        <v>10215</v>
      </c>
      <c r="I43557" s="2">
        <v>1</v>
      </c>
      <c r="J43557" s="2">
        <v>0</v>
      </c>
      <c r="K43557" s="2">
        <v>0</v>
      </c>
      <c r="L43557" t="s">
        <v>120</v>
      </c>
      <c r="M43557" t="s">
        <v>83</v>
      </c>
      <c r="N43557" t="s">
        <v>91</v>
      </c>
      <c r="O43557" t="s">
        <v>85</v>
      </c>
      <c r="P43557" t="s">
        <v>86</v>
      </c>
      <c r="Q43557">
        <v>16</v>
      </c>
      <c r="R43557">
        <v>16</v>
      </c>
      <c r="S43557">
        <v>17</v>
      </c>
      <c r="T43557">
        <v>17</v>
      </c>
      <c r="U43557">
        <v>18</v>
      </c>
      <c r="V43557">
        <v>18</v>
      </c>
      <c r="W43557">
        <v>19</v>
      </c>
      <c r="X43557">
        <v>19</v>
      </c>
      <c r="Y43557">
        <v>20</v>
      </c>
      <c r="Z43557">
        <v>20</v>
      </c>
      <c r="AA43557">
        <v>21</v>
      </c>
      <c r="AB43557">
        <v>21</v>
      </c>
      <c r="AC43557">
        <v>22</v>
      </c>
      <c r="AD43557">
        <v>22</v>
      </c>
      <c r="AE43557">
        <v>23</v>
      </c>
      <c r="AF43557">
        <v>23</v>
      </c>
      <c r="AG43557">
        <v>24</v>
      </c>
      <c r="AH43557">
        <v>24</v>
      </c>
      <c r="AI43557">
        <v>25</v>
      </c>
      <c r="AJ43557">
        <v>26</v>
      </c>
      <c r="AK43557">
        <v>26</v>
      </c>
      <c r="AL43557">
        <v>27</v>
      </c>
      <c r="AM43557">
        <v>27</v>
      </c>
      <c r="AN43557">
        <v>27</v>
      </c>
      <c r="AO43557">
        <v>28</v>
      </c>
      <c r="AP43557">
        <v>28</v>
      </c>
      <c r="AQ43557">
        <v>28</v>
      </c>
    </row>
    <row r="43558" spans="1:43">
      <c r="A43558" t="s">
        <v>26601</v>
      </c>
      <c r="B43558" t="s">
        <v>26602</v>
      </c>
      <c r="C43558" t="s">
        <v>24997</v>
      </c>
      <c r="D43558" t="s">
        <v>24998</v>
      </c>
      <c r="E43558" t="s">
        <v>13539</v>
      </c>
      <c r="F43558" t="s">
        <v>13540</v>
      </c>
      <c r="G43558" t="s">
        <v>10214</v>
      </c>
      <c r="H43558" t="s">
        <v>10215</v>
      </c>
      <c r="I43558" s="2">
        <v>1</v>
      </c>
      <c r="J43558" s="2">
        <v>0</v>
      </c>
      <c r="K43558" s="2">
        <v>0</v>
      </c>
      <c r="L43558" t="s">
        <v>120</v>
      </c>
      <c r="M43558" t="s">
        <v>83</v>
      </c>
      <c r="N43558" t="s">
        <v>84</v>
      </c>
      <c r="O43558" t="s">
        <v>85</v>
      </c>
      <c r="P43558" t="s">
        <v>86</v>
      </c>
      <c r="Q43558">
        <v>17</v>
      </c>
      <c r="R43558">
        <v>17</v>
      </c>
      <c r="S43558">
        <v>18</v>
      </c>
      <c r="T43558">
        <v>18</v>
      </c>
      <c r="U43558">
        <v>18</v>
      </c>
      <c r="V43558">
        <v>19</v>
      </c>
      <c r="W43558">
        <v>19</v>
      </c>
      <c r="X43558">
        <v>20</v>
      </c>
      <c r="Y43558">
        <v>20</v>
      </c>
      <c r="Z43558">
        <v>21</v>
      </c>
      <c r="AA43558">
        <v>21</v>
      </c>
      <c r="AB43558">
        <v>22</v>
      </c>
      <c r="AC43558">
        <v>23</v>
      </c>
      <c r="AD43558">
        <v>23</v>
      </c>
      <c r="AE43558">
        <v>24</v>
      </c>
      <c r="AF43558">
        <v>24</v>
      </c>
      <c r="AG43558">
        <v>25</v>
      </c>
      <c r="AH43558">
        <v>25</v>
      </c>
      <c r="AI43558">
        <v>26</v>
      </c>
      <c r="AJ43558">
        <v>27</v>
      </c>
      <c r="AK43558">
        <v>27</v>
      </c>
      <c r="AL43558">
        <v>28</v>
      </c>
      <c r="AM43558">
        <v>28</v>
      </c>
      <c r="AN43558">
        <v>28</v>
      </c>
      <c r="AO43558">
        <v>29</v>
      </c>
      <c r="AP43558">
        <v>29</v>
      </c>
      <c r="AQ43558">
        <v>30</v>
      </c>
    </row>
    <row r="43559" spans="1:43">
      <c r="A43559" t="s">
        <v>26601</v>
      </c>
      <c r="B43559" t="s">
        <v>26602</v>
      </c>
      <c r="C43559" t="s">
        <v>24997</v>
      </c>
      <c r="D43559" t="s">
        <v>24998</v>
      </c>
      <c r="E43559" t="s">
        <v>13539</v>
      </c>
      <c r="F43559" t="s">
        <v>13540</v>
      </c>
      <c r="G43559" t="s">
        <v>10214</v>
      </c>
      <c r="H43559" t="s">
        <v>10215</v>
      </c>
      <c r="I43559" s="2">
        <v>1</v>
      </c>
      <c r="J43559" s="2">
        <v>0</v>
      </c>
      <c r="K43559" s="2">
        <v>0</v>
      </c>
      <c r="L43559" t="s">
        <v>120</v>
      </c>
      <c r="M43559" t="s">
        <v>87</v>
      </c>
      <c r="N43559" t="s">
        <v>88</v>
      </c>
      <c r="O43559" t="s">
        <v>85</v>
      </c>
      <c r="P43559" t="s">
        <v>86</v>
      </c>
      <c r="Q43559">
        <v>17</v>
      </c>
      <c r="R43559">
        <v>18</v>
      </c>
      <c r="S43559">
        <v>18</v>
      </c>
      <c r="T43559">
        <v>18</v>
      </c>
      <c r="U43559">
        <v>19</v>
      </c>
      <c r="V43559">
        <v>19</v>
      </c>
      <c r="W43559">
        <v>19</v>
      </c>
      <c r="X43559">
        <v>20</v>
      </c>
      <c r="Y43559">
        <v>20</v>
      </c>
      <c r="Z43559">
        <v>20</v>
      </c>
      <c r="AA43559">
        <v>21</v>
      </c>
      <c r="AB43559">
        <v>21</v>
      </c>
      <c r="AC43559">
        <v>21</v>
      </c>
      <c r="AD43559">
        <v>22</v>
      </c>
      <c r="AE43559">
        <v>22</v>
      </c>
      <c r="AF43559">
        <v>22</v>
      </c>
      <c r="AG43559">
        <v>23</v>
      </c>
      <c r="AH43559">
        <v>23</v>
      </c>
      <c r="AI43559">
        <v>23</v>
      </c>
      <c r="AJ43559">
        <v>24</v>
      </c>
      <c r="AK43559">
        <v>24</v>
      </c>
      <c r="AL43559">
        <v>25</v>
      </c>
      <c r="AM43559">
        <v>25</v>
      </c>
      <c r="AN43559">
        <v>25</v>
      </c>
      <c r="AO43559">
        <v>26</v>
      </c>
      <c r="AP43559">
        <v>26</v>
      </c>
      <c r="AQ43559">
        <v>27</v>
      </c>
    </row>
    <row r="43560" spans="1:43">
      <c r="A43560" t="s">
        <v>26601</v>
      </c>
      <c r="B43560" t="s">
        <v>26602</v>
      </c>
      <c r="C43560" t="s">
        <v>24997</v>
      </c>
      <c r="D43560" t="s">
        <v>24998</v>
      </c>
      <c r="E43560" t="s">
        <v>13539</v>
      </c>
      <c r="F43560" t="s">
        <v>13540</v>
      </c>
      <c r="G43560" t="s">
        <v>10214</v>
      </c>
      <c r="H43560" t="s">
        <v>10215</v>
      </c>
      <c r="I43560" s="2">
        <v>1</v>
      </c>
      <c r="J43560" s="2">
        <v>0</v>
      </c>
      <c r="K43560" s="2">
        <v>0</v>
      </c>
      <c r="L43560" t="s">
        <v>120</v>
      </c>
      <c r="M43560" t="s">
        <v>89</v>
      </c>
      <c r="N43560" t="s">
        <v>90</v>
      </c>
      <c r="O43560" t="s">
        <v>85</v>
      </c>
      <c r="P43560" t="s">
        <v>86</v>
      </c>
      <c r="Q43560">
        <v>17</v>
      </c>
      <c r="R43560">
        <v>17</v>
      </c>
      <c r="S43560">
        <v>18</v>
      </c>
      <c r="T43560">
        <v>19</v>
      </c>
      <c r="U43560">
        <v>19</v>
      </c>
      <c r="V43560">
        <v>20</v>
      </c>
      <c r="W43560">
        <v>20</v>
      </c>
      <c r="X43560">
        <v>21</v>
      </c>
      <c r="Y43560">
        <v>22</v>
      </c>
      <c r="Z43560">
        <v>22</v>
      </c>
      <c r="AA43560">
        <v>23</v>
      </c>
      <c r="AB43560">
        <v>23</v>
      </c>
      <c r="AC43560">
        <v>24</v>
      </c>
      <c r="AD43560">
        <v>25</v>
      </c>
      <c r="AE43560">
        <v>25</v>
      </c>
      <c r="AF43560">
        <v>26</v>
      </c>
      <c r="AG43560">
        <v>26</v>
      </c>
      <c r="AH43560">
        <v>26</v>
      </c>
      <c r="AI43560">
        <v>27</v>
      </c>
      <c r="AJ43560">
        <v>27</v>
      </c>
      <c r="AK43560">
        <v>27</v>
      </c>
      <c r="AL43560">
        <v>28</v>
      </c>
      <c r="AM43560">
        <v>28</v>
      </c>
      <c r="AN43560">
        <v>29</v>
      </c>
      <c r="AO43560">
        <v>29</v>
      </c>
      <c r="AP43560">
        <v>29</v>
      </c>
      <c r="AQ43560">
        <v>30</v>
      </c>
    </row>
    <row r="43561" spans="1:43">
      <c r="A43561" t="s">
        <v>26601</v>
      </c>
      <c r="B43561" t="s">
        <v>26602</v>
      </c>
      <c r="C43561" t="s">
        <v>24997</v>
      </c>
      <c r="D43561" t="s">
        <v>24998</v>
      </c>
      <c r="E43561" t="s">
        <v>13539</v>
      </c>
      <c r="F43561" t="s">
        <v>13540</v>
      </c>
      <c r="G43561" t="s">
        <v>10214</v>
      </c>
      <c r="H43561" t="s">
        <v>10215</v>
      </c>
      <c r="I43561" s="2">
        <v>1</v>
      </c>
      <c r="J43561" s="2">
        <v>0</v>
      </c>
      <c r="K43561" s="2">
        <v>0</v>
      </c>
      <c r="L43561" t="s">
        <v>120</v>
      </c>
      <c r="M43561" t="s">
        <v>83</v>
      </c>
      <c r="N43561" t="s">
        <v>91</v>
      </c>
      <c r="O43561" t="s">
        <v>85</v>
      </c>
      <c r="P43561" t="s">
        <v>86</v>
      </c>
      <c r="Q43561">
        <v>17</v>
      </c>
      <c r="R43561">
        <v>17</v>
      </c>
      <c r="S43561">
        <v>18</v>
      </c>
      <c r="T43561">
        <v>18</v>
      </c>
      <c r="U43561">
        <v>18</v>
      </c>
      <c r="V43561">
        <v>19</v>
      </c>
      <c r="W43561">
        <v>19</v>
      </c>
      <c r="X43561">
        <v>20</v>
      </c>
      <c r="Y43561">
        <v>20</v>
      </c>
      <c r="Z43561">
        <v>21</v>
      </c>
      <c r="AA43561">
        <v>21</v>
      </c>
      <c r="AB43561">
        <v>22</v>
      </c>
      <c r="AC43561">
        <v>23</v>
      </c>
      <c r="AD43561">
        <v>23</v>
      </c>
      <c r="AE43561">
        <v>24</v>
      </c>
      <c r="AF43561">
        <v>24</v>
      </c>
      <c r="AG43561">
        <v>25</v>
      </c>
      <c r="AH43561">
        <v>25</v>
      </c>
      <c r="AI43561">
        <v>26</v>
      </c>
      <c r="AJ43561">
        <v>27</v>
      </c>
      <c r="AK43561">
        <v>27</v>
      </c>
      <c r="AL43561">
        <v>28</v>
      </c>
      <c r="AM43561">
        <v>28</v>
      </c>
      <c r="AN43561">
        <v>28</v>
      </c>
      <c r="AO43561">
        <v>29</v>
      </c>
      <c r="AP43561">
        <v>29</v>
      </c>
      <c r="AQ43561">
        <v>30</v>
      </c>
    </row>
    <row r="43562" spans="1:43">
      <c r="A43562" t="s">
        <v>26603</v>
      </c>
      <c r="B43562" t="s">
        <v>26604</v>
      </c>
      <c r="C43562" t="s">
        <v>13547</v>
      </c>
      <c r="D43562" t="s">
        <v>13548</v>
      </c>
      <c r="E43562" t="s">
        <v>13539</v>
      </c>
      <c r="F43562" t="s">
        <v>13540</v>
      </c>
      <c r="G43562" t="s">
        <v>10214</v>
      </c>
      <c r="H43562" t="s">
        <v>10215</v>
      </c>
      <c r="I43562" s="2">
        <v>1</v>
      </c>
      <c r="J43562" s="2">
        <v>0</v>
      </c>
      <c r="K43562" s="2">
        <v>0</v>
      </c>
      <c r="L43562" t="s">
        <v>120</v>
      </c>
      <c r="M43562" t="s">
        <v>83</v>
      </c>
      <c r="N43562" t="s">
        <v>84</v>
      </c>
      <c r="O43562" t="s">
        <v>85</v>
      </c>
      <c r="P43562" t="s">
        <v>86</v>
      </c>
      <c r="Q43562">
        <v>161</v>
      </c>
      <c r="R43562">
        <v>166</v>
      </c>
      <c r="S43562">
        <v>170</v>
      </c>
      <c r="T43562">
        <v>175</v>
      </c>
      <c r="U43562">
        <v>180</v>
      </c>
      <c r="V43562">
        <v>184</v>
      </c>
      <c r="W43562">
        <v>189</v>
      </c>
      <c r="X43562">
        <v>194</v>
      </c>
      <c r="Y43562">
        <v>199</v>
      </c>
      <c r="Z43562">
        <v>204</v>
      </c>
      <c r="AA43562">
        <v>209</v>
      </c>
      <c r="AB43562">
        <v>214</v>
      </c>
      <c r="AC43562">
        <v>219</v>
      </c>
      <c r="AD43562">
        <v>224</v>
      </c>
      <c r="AE43562">
        <v>230</v>
      </c>
      <c r="AF43562">
        <v>235</v>
      </c>
      <c r="AG43562">
        <v>241</v>
      </c>
      <c r="AH43562">
        <v>247</v>
      </c>
      <c r="AI43562">
        <v>253</v>
      </c>
      <c r="AJ43562">
        <v>259</v>
      </c>
      <c r="AK43562">
        <v>265</v>
      </c>
      <c r="AL43562">
        <v>269</v>
      </c>
      <c r="AM43562">
        <v>273</v>
      </c>
      <c r="AN43562">
        <v>276</v>
      </c>
      <c r="AO43562">
        <v>280</v>
      </c>
      <c r="AP43562">
        <v>284</v>
      </c>
      <c r="AQ43562">
        <v>288</v>
      </c>
    </row>
    <row r="43563" spans="1:43">
      <c r="A43563" t="s">
        <v>26603</v>
      </c>
      <c r="B43563" t="s">
        <v>26604</v>
      </c>
      <c r="C43563" t="s">
        <v>13547</v>
      </c>
      <c r="D43563" t="s">
        <v>13548</v>
      </c>
      <c r="E43563" t="s">
        <v>13539</v>
      </c>
      <c r="F43563" t="s">
        <v>13540</v>
      </c>
      <c r="G43563" t="s">
        <v>10214</v>
      </c>
      <c r="H43563" t="s">
        <v>10215</v>
      </c>
      <c r="I43563" s="2">
        <v>1</v>
      </c>
      <c r="J43563" s="2">
        <v>0</v>
      </c>
      <c r="K43563" s="2">
        <v>0</v>
      </c>
      <c r="L43563" t="s">
        <v>120</v>
      </c>
      <c r="M43563" t="s">
        <v>87</v>
      </c>
      <c r="N43563" t="s">
        <v>88</v>
      </c>
      <c r="O43563" t="s">
        <v>85</v>
      </c>
      <c r="P43563" t="s">
        <v>86</v>
      </c>
      <c r="Q43563">
        <v>161</v>
      </c>
      <c r="R43563">
        <v>164</v>
      </c>
      <c r="S43563">
        <v>167</v>
      </c>
      <c r="T43563">
        <v>170</v>
      </c>
      <c r="U43563">
        <v>173</v>
      </c>
      <c r="V43563">
        <v>176</v>
      </c>
      <c r="W43563">
        <v>179</v>
      </c>
      <c r="X43563">
        <v>182</v>
      </c>
      <c r="Y43563">
        <v>185</v>
      </c>
      <c r="Z43563">
        <v>188</v>
      </c>
      <c r="AA43563">
        <v>191</v>
      </c>
      <c r="AB43563">
        <v>195</v>
      </c>
      <c r="AC43563">
        <v>198</v>
      </c>
      <c r="AD43563">
        <v>201</v>
      </c>
      <c r="AE43563">
        <v>205</v>
      </c>
      <c r="AF43563">
        <v>208</v>
      </c>
      <c r="AG43563">
        <v>212</v>
      </c>
      <c r="AH43563">
        <v>216</v>
      </c>
      <c r="AI43563">
        <v>219</v>
      </c>
      <c r="AJ43563">
        <v>223</v>
      </c>
      <c r="AK43563">
        <v>227</v>
      </c>
      <c r="AL43563">
        <v>231</v>
      </c>
      <c r="AM43563">
        <v>235</v>
      </c>
      <c r="AN43563">
        <v>239</v>
      </c>
      <c r="AO43563">
        <v>243</v>
      </c>
      <c r="AP43563">
        <v>247</v>
      </c>
      <c r="AQ43563">
        <v>251</v>
      </c>
    </row>
    <row r="43564" spans="1:43">
      <c r="A43564" t="s">
        <v>26603</v>
      </c>
      <c r="B43564" t="s">
        <v>26604</v>
      </c>
      <c r="C43564" t="s">
        <v>13547</v>
      </c>
      <c r="D43564" t="s">
        <v>13548</v>
      </c>
      <c r="E43564" t="s">
        <v>13539</v>
      </c>
      <c r="F43564" t="s">
        <v>13540</v>
      </c>
      <c r="G43564" t="s">
        <v>10214</v>
      </c>
      <c r="H43564" t="s">
        <v>10215</v>
      </c>
      <c r="I43564" s="2">
        <v>1</v>
      </c>
      <c r="J43564" s="2">
        <v>0</v>
      </c>
      <c r="K43564" s="2">
        <v>0</v>
      </c>
      <c r="L43564" t="s">
        <v>120</v>
      </c>
      <c r="M43564" t="s">
        <v>89</v>
      </c>
      <c r="N43564" t="s">
        <v>90</v>
      </c>
      <c r="O43564" t="s">
        <v>85</v>
      </c>
      <c r="P43564" t="s">
        <v>86</v>
      </c>
      <c r="Q43564">
        <v>161</v>
      </c>
      <c r="R43564">
        <v>167</v>
      </c>
      <c r="S43564">
        <v>173</v>
      </c>
      <c r="T43564">
        <v>179</v>
      </c>
      <c r="U43564">
        <v>185</v>
      </c>
      <c r="V43564">
        <v>191</v>
      </c>
      <c r="W43564">
        <v>196</v>
      </c>
      <c r="X43564">
        <v>202</v>
      </c>
      <c r="Y43564">
        <v>208</v>
      </c>
      <c r="Z43564">
        <v>214</v>
      </c>
      <c r="AA43564">
        <v>220</v>
      </c>
      <c r="AB43564">
        <v>226</v>
      </c>
      <c r="AC43564">
        <v>233</v>
      </c>
      <c r="AD43564">
        <v>239</v>
      </c>
      <c r="AE43564">
        <v>245</v>
      </c>
      <c r="AF43564">
        <v>248</v>
      </c>
      <c r="AG43564">
        <v>251</v>
      </c>
      <c r="AH43564">
        <v>255</v>
      </c>
      <c r="AI43564">
        <v>258</v>
      </c>
      <c r="AJ43564">
        <v>262</v>
      </c>
      <c r="AK43564">
        <v>265</v>
      </c>
      <c r="AL43564">
        <v>269</v>
      </c>
      <c r="AM43564">
        <v>272</v>
      </c>
      <c r="AN43564">
        <v>276</v>
      </c>
      <c r="AO43564">
        <v>279</v>
      </c>
      <c r="AP43564">
        <v>283</v>
      </c>
      <c r="AQ43564">
        <v>287</v>
      </c>
    </row>
    <row r="43565" spans="1:43">
      <c r="A43565" t="s">
        <v>26603</v>
      </c>
      <c r="B43565" t="s">
        <v>26604</v>
      </c>
      <c r="C43565" t="s">
        <v>13547</v>
      </c>
      <c r="D43565" t="s">
        <v>13548</v>
      </c>
      <c r="E43565" t="s">
        <v>13539</v>
      </c>
      <c r="F43565" t="s">
        <v>13540</v>
      </c>
      <c r="G43565" t="s">
        <v>10214</v>
      </c>
      <c r="H43565" t="s">
        <v>10215</v>
      </c>
      <c r="I43565" s="2">
        <v>1</v>
      </c>
      <c r="J43565" s="2">
        <v>0</v>
      </c>
      <c r="K43565" s="2">
        <v>0</v>
      </c>
      <c r="L43565" t="s">
        <v>120</v>
      </c>
      <c r="M43565" t="s">
        <v>83</v>
      </c>
      <c r="N43565" t="s">
        <v>91</v>
      </c>
      <c r="O43565" t="s">
        <v>85</v>
      </c>
      <c r="P43565" t="s">
        <v>86</v>
      </c>
      <c r="Q43565">
        <v>161</v>
      </c>
      <c r="R43565">
        <v>166</v>
      </c>
      <c r="S43565">
        <v>170</v>
      </c>
      <c r="T43565">
        <v>175</v>
      </c>
      <c r="U43565">
        <v>180</v>
      </c>
      <c r="V43565">
        <v>184</v>
      </c>
      <c r="W43565">
        <v>189</v>
      </c>
      <c r="X43565">
        <v>194</v>
      </c>
      <c r="Y43565">
        <v>199</v>
      </c>
      <c r="Z43565">
        <v>204</v>
      </c>
      <c r="AA43565">
        <v>209</v>
      </c>
      <c r="AB43565">
        <v>214</v>
      </c>
      <c r="AC43565">
        <v>219</v>
      </c>
      <c r="AD43565">
        <v>224</v>
      </c>
      <c r="AE43565">
        <v>230</v>
      </c>
      <c r="AF43565">
        <v>235</v>
      </c>
      <c r="AG43565">
        <v>241</v>
      </c>
      <c r="AH43565">
        <v>247</v>
      </c>
      <c r="AI43565">
        <v>253</v>
      </c>
      <c r="AJ43565">
        <v>259</v>
      </c>
      <c r="AK43565">
        <v>265</v>
      </c>
      <c r="AL43565">
        <v>269</v>
      </c>
      <c r="AM43565">
        <v>273</v>
      </c>
      <c r="AN43565">
        <v>276</v>
      </c>
      <c r="AO43565">
        <v>280</v>
      </c>
      <c r="AP43565">
        <v>284</v>
      </c>
      <c r="AQ43565">
        <v>288</v>
      </c>
    </row>
    <row r="43566" spans="1:43">
      <c r="A43566" t="s">
        <v>26605</v>
      </c>
      <c r="B43566" t="s">
        <v>26606</v>
      </c>
      <c r="C43566" t="s">
        <v>16705</v>
      </c>
      <c r="D43566" t="s">
        <v>16706</v>
      </c>
      <c r="E43566" t="s">
        <v>16695</v>
      </c>
      <c r="F43566" t="s">
        <v>16696</v>
      </c>
      <c r="G43566" t="s">
        <v>16559</v>
      </c>
      <c r="H43566" t="s">
        <v>16560</v>
      </c>
      <c r="I43566" s="2">
        <v>1</v>
      </c>
      <c r="J43566" s="2">
        <v>0</v>
      </c>
      <c r="K43566" s="2">
        <v>0</v>
      </c>
      <c r="L43566" t="s">
        <v>120</v>
      </c>
      <c r="M43566" t="s">
        <v>83</v>
      </c>
      <c r="N43566" t="s">
        <v>84</v>
      </c>
      <c r="O43566" t="s">
        <v>85</v>
      </c>
      <c r="P43566" t="s">
        <v>86</v>
      </c>
      <c r="Q43566">
        <v>116</v>
      </c>
      <c r="R43566">
        <v>117</v>
      </c>
      <c r="S43566">
        <v>118</v>
      </c>
      <c r="T43566">
        <v>119</v>
      </c>
      <c r="U43566">
        <v>120</v>
      </c>
      <c r="V43566">
        <v>120</v>
      </c>
      <c r="W43566">
        <v>121</v>
      </c>
      <c r="X43566">
        <v>122</v>
      </c>
      <c r="Y43566">
        <v>122</v>
      </c>
      <c r="Z43566">
        <v>123</v>
      </c>
      <c r="AA43566">
        <v>123</v>
      </c>
      <c r="AB43566">
        <v>124</v>
      </c>
      <c r="AC43566">
        <v>125</v>
      </c>
      <c r="AD43566">
        <v>125</v>
      </c>
      <c r="AE43566">
        <v>126</v>
      </c>
      <c r="AF43566">
        <v>126</v>
      </c>
      <c r="AG43566">
        <v>127</v>
      </c>
      <c r="AH43566">
        <v>128</v>
      </c>
      <c r="AI43566">
        <v>128</v>
      </c>
      <c r="AJ43566">
        <v>129</v>
      </c>
      <c r="AK43566">
        <v>129</v>
      </c>
      <c r="AL43566">
        <v>129</v>
      </c>
      <c r="AM43566">
        <v>129</v>
      </c>
      <c r="AN43566">
        <v>128</v>
      </c>
      <c r="AO43566">
        <v>128</v>
      </c>
      <c r="AP43566">
        <v>127</v>
      </c>
      <c r="AQ43566">
        <v>127</v>
      </c>
    </row>
    <row r="43567" spans="1:43">
      <c r="A43567" t="s">
        <v>26605</v>
      </c>
      <c r="B43567" t="s">
        <v>26606</v>
      </c>
      <c r="C43567" t="s">
        <v>16705</v>
      </c>
      <c r="D43567" t="s">
        <v>16706</v>
      </c>
      <c r="E43567" t="s">
        <v>16695</v>
      </c>
      <c r="F43567" t="s">
        <v>16696</v>
      </c>
      <c r="G43567" t="s">
        <v>16559</v>
      </c>
      <c r="H43567" t="s">
        <v>16560</v>
      </c>
      <c r="I43567" s="2">
        <v>1</v>
      </c>
      <c r="J43567" s="2">
        <v>0</v>
      </c>
      <c r="K43567" s="2">
        <v>0</v>
      </c>
      <c r="L43567" t="s">
        <v>120</v>
      </c>
      <c r="M43567" t="s">
        <v>87</v>
      </c>
      <c r="N43567" t="s">
        <v>88</v>
      </c>
      <c r="O43567" t="s">
        <v>85</v>
      </c>
      <c r="P43567" t="s">
        <v>86</v>
      </c>
      <c r="Q43567">
        <v>116</v>
      </c>
      <c r="R43567">
        <v>116</v>
      </c>
      <c r="S43567">
        <v>116</v>
      </c>
      <c r="T43567">
        <v>116</v>
      </c>
      <c r="U43567">
        <v>115</v>
      </c>
      <c r="V43567">
        <v>115</v>
      </c>
      <c r="W43567">
        <v>115</v>
      </c>
      <c r="X43567">
        <v>114</v>
      </c>
      <c r="Y43567">
        <v>114</v>
      </c>
      <c r="Z43567">
        <v>114</v>
      </c>
      <c r="AA43567">
        <v>113</v>
      </c>
      <c r="AB43567">
        <v>113</v>
      </c>
      <c r="AC43567">
        <v>113</v>
      </c>
      <c r="AD43567">
        <v>113</v>
      </c>
      <c r="AE43567">
        <v>112</v>
      </c>
      <c r="AF43567">
        <v>112</v>
      </c>
      <c r="AG43567">
        <v>112</v>
      </c>
      <c r="AH43567">
        <v>112</v>
      </c>
      <c r="AI43567">
        <v>112</v>
      </c>
      <c r="AJ43567">
        <v>111</v>
      </c>
      <c r="AK43567">
        <v>111</v>
      </c>
      <c r="AL43567">
        <v>111</v>
      </c>
      <c r="AM43567">
        <v>111</v>
      </c>
      <c r="AN43567">
        <v>111</v>
      </c>
      <c r="AO43567">
        <v>111</v>
      </c>
      <c r="AP43567">
        <v>111</v>
      </c>
      <c r="AQ43567">
        <v>110</v>
      </c>
    </row>
    <row r="43568" spans="1:43">
      <c r="A43568" t="s">
        <v>26605</v>
      </c>
      <c r="B43568" t="s">
        <v>26606</v>
      </c>
      <c r="C43568" t="s">
        <v>16705</v>
      </c>
      <c r="D43568" t="s">
        <v>16706</v>
      </c>
      <c r="E43568" t="s">
        <v>16695</v>
      </c>
      <c r="F43568" t="s">
        <v>16696</v>
      </c>
      <c r="G43568" t="s">
        <v>16559</v>
      </c>
      <c r="H43568" t="s">
        <v>16560</v>
      </c>
      <c r="I43568" s="2">
        <v>1</v>
      </c>
      <c r="J43568" s="2">
        <v>0</v>
      </c>
      <c r="K43568" s="2">
        <v>0</v>
      </c>
      <c r="L43568" t="s">
        <v>120</v>
      </c>
      <c r="M43568" t="s">
        <v>89</v>
      </c>
      <c r="N43568" t="s">
        <v>90</v>
      </c>
      <c r="O43568" t="s">
        <v>85</v>
      </c>
      <c r="P43568" t="s">
        <v>86</v>
      </c>
      <c r="Q43568">
        <v>116</v>
      </c>
      <c r="R43568">
        <v>118</v>
      </c>
      <c r="S43568">
        <v>120</v>
      </c>
      <c r="T43568">
        <v>122</v>
      </c>
      <c r="U43568">
        <v>123</v>
      </c>
      <c r="V43568">
        <v>125</v>
      </c>
      <c r="W43568">
        <v>126</v>
      </c>
      <c r="X43568">
        <v>127</v>
      </c>
      <c r="Y43568">
        <v>128</v>
      </c>
      <c r="Z43568">
        <v>129</v>
      </c>
      <c r="AA43568">
        <v>131</v>
      </c>
      <c r="AB43568">
        <v>131</v>
      </c>
      <c r="AC43568">
        <v>133</v>
      </c>
      <c r="AD43568">
        <v>134</v>
      </c>
      <c r="AE43568">
        <v>134</v>
      </c>
      <c r="AF43568">
        <v>133</v>
      </c>
      <c r="AG43568">
        <v>133</v>
      </c>
      <c r="AH43568">
        <v>132</v>
      </c>
      <c r="AI43568">
        <v>132</v>
      </c>
      <c r="AJ43568">
        <v>131</v>
      </c>
      <c r="AK43568">
        <v>131</v>
      </c>
      <c r="AL43568">
        <v>130</v>
      </c>
      <c r="AM43568">
        <v>130</v>
      </c>
      <c r="AN43568">
        <v>129</v>
      </c>
      <c r="AO43568">
        <v>129</v>
      </c>
      <c r="AP43568">
        <v>128</v>
      </c>
      <c r="AQ43568">
        <v>128</v>
      </c>
    </row>
    <row r="43569" spans="1:43">
      <c r="A43569" t="s">
        <v>26605</v>
      </c>
      <c r="B43569" t="s">
        <v>26606</v>
      </c>
      <c r="C43569" t="s">
        <v>16705</v>
      </c>
      <c r="D43569" t="s">
        <v>16706</v>
      </c>
      <c r="E43569" t="s">
        <v>16695</v>
      </c>
      <c r="F43569" t="s">
        <v>16696</v>
      </c>
      <c r="G43569" t="s">
        <v>16559</v>
      </c>
      <c r="H43569" t="s">
        <v>16560</v>
      </c>
      <c r="I43569" s="2">
        <v>1</v>
      </c>
      <c r="J43569" s="2">
        <v>0</v>
      </c>
      <c r="K43569" s="2">
        <v>0</v>
      </c>
      <c r="L43569" t="s">
        <v>120</v>
      </c>
      <c r="M43569" t="s">
        <v>83</v>
      </c>
      <c r="N43569" t="s">
        <v>91</v>
      </c>
      <c r="O43569" t="s">
        <v>85</v>
      </c>
      <c r="P43569" t="s">
        <v>86</v>
      </c>
      <c r="Q43569">
        <v>116</v>
      </c>
      <c r="R43569">
        <v>117</v>
      </c>
      <c r="S43569">
        <v>118</v>
      </c>
      <c r="T43569">
        <v>119</v>
      </c>
      <c r="U43569">
        <v>120</v>
      </c>
      <c r="V43569">
        <v>120</v>
      </c>
      <c r="W43569">
        <v>121</v>
      </c>
      <c r="X43569">
        <v>122</v>
      </c>
      <c r="Y43569">
        <v>122</v>
      </c>
      <c r="Z43569">
        <v>123</v>
      </c>
      <c r="AA43569">
        <v>123</v>
      </c>
      <c r="AB43569">
        <v>124</v>
      </c>
      <c r="AC43569">
        <v>125</v>
      </c>
      <c r="AD43569">
        <v>125</v>
      </c>
      <c r="AE43569">
        <v>126</v>
      </c>
      <c r="AF43569">
        <v>126</v>
      </c>
      <c r="AG43569">
        <v>127</v>
      </c>
      <c r="AH43569">
        <v>128</v>
      </c>
      <c r="AI43569">
        <v>128</v>
      </c>
      <c r="AJ43569">
        <v>129</v>
      </c>
      <c r="AK43569">
        <v>129</v>
      </c>
      <c r="AL43569">
        <v>129</v>
      </c>
      <c r="AM43569">
        <v>129</v>
      </c>
      <c r="AN43569">
        <v>128</v>
      </c>
      <c r="AO43569">
        <v>128</v>
      </c>
      <c r="AP43569">
        <v>127</v>
      </c>
      <c r="AQ43569">
        <v>127</v>
      </c>
    </row>
    <row r="43570" spans="1:43">
      <c r="A43570" t="s">
        <v>26607</v>
      </c>
      <c r="B43570" t="s">
        <v>26608</v>
      </c>
      <c r="C43570" t="s">
        <v>16705</v>
      </c>
      <c r="D43570" t="s">
        <v>16706</v>
      </c>
      <c r="E43570" t="s">
        <v>16695</v>
      </c>
      <c r="F43570" t="s">
        <v>16696</v>
      </c>
      <c r="G43570" t="s">
        <v>16559</v>
      </c>
      <c r="H43570" t="s">
        <v>16560</v>
      </c>
      <c r="I43570" s="2">
        <v>1</v>
      </c>
      <c r="J43570" s="2">
        <v>0</v>
      </c>
      <c r="K43570" s="2">
        <v>0</v>
      </c>
      <c r="L43570" t="s">
        <v>120</v>
      </c>
      <c r="M43570" t="s">
        <v>83</v>
      </c>
      <c r="N43570" t="s">
        <v>84</v>
      </c>
      <c r="O43570" t="s">
        <v>85</v>
      </c>
      <c r="P43570" t="s">
        <v>86</v>
      </c>
      <c r="Q43570">
        <v>73</v>
      </c>
      <c r="R43570">
        <v>73</v>
      </c>
      <c r="S43570">
        <v>74</v>
      </c>
      <c r="T43570">
        <v>75</v>
      </c>
      <c r="U43570">
        <v>75</v>
      </c>
      <c r="V43570">
        <v>75</v>
      </c>
      <c r="W43570">
        <v>76</v>
      </c>
      <c r="X43570">
        <v>76</v>
      </c>
      <c r="Y43570">
        <v>77</v>
      </c>
      <c r="Z43570">
        <v>77</v>
      </c>
      <c r="AA43570">
        <v>77</v>
      </c>
      <c r="AB43570">
        <v>78</v>
      </c>
      <c r="AC43570">
        <v>78</v>
      </c>
      <c r="AD43570">
        <v>78</v>
      </c>
      <c r="AE43570">
        <v>79</v>
      </c>
      <c r="AF43570">
        <v>79</v>
      </c>
      <c r="AG43570">
        <v>80</v>
      </c>
      <c r="AH43570">
        <v>80</v>
      </c>
      <c r="AI43570">
        <v>80</v>
      </c>
      <c r="AJ43570">
        <v>81</v>
      </c>
      <c r="AK43570">
        <v>81</v>
      </c>
      <c r="AL43570">
        <v>81</v>
      </c>
      <c r="AM43570">
        <v>81</v>
      </c>
      <c r="AN43570">
        <v>80</v>
      </c>
      <c r="AO43570">
        <v>80</v>
      </c>
      <c r="AP43570">
        <v>80</v>
      </c>
      <c r="AQ43570">
        <v>80</v>
      </c>
    </row>
    <row r="43571" spans="1:43">
      <c r="A43571" t="s">
        <v>26607</v>
      </c>
      <c r="B43571" t="s">
        <v>26608</v>
      </c>
      <c r="C43571" t="s">
        <v>16705</v>
      </c>
      <c r="D43571" t="s">
        <v>16706</v>
      </c>
      <c r="E43571" t="s">
        <v>16695</v>
      </c>
      <c r="F43571" t="s">
        <v>16696</v>
      </c>
      <c r="G43571" t="s">
        <v>16559</v>
      </c>
      <c r="H43571" t="s">
        <v>16560</v>
      </c>
      <c r="I43571" s="2">
        <v>1</v>
      </c>
      <c r="J43571" s="2">
        <v>0</v>
      </c>
      <c r="K43571" s="2">
        <v>0</v>
      </c>
      <c r="L43571" t="s">
        <v>120</v>
      </c>
      <c r="M43571" t="s">
        <v>87</v>
      </c>
      <c r="N43571" t="s">
        <v>88</v>
      </c>
      <c r="O43571" t="s">
        <v>85</v>
      </c>
      <c r="P43571" t="s">
        <v>86</v>
      </c>
      <c r="Q43571">
        <v>73</v>
      </c>
      <c r="R43571">
        <v>73</v>
      </c>
      <c r="S43571">
        <v>73</v>
      </c>
      <c r="T43571">
        <v>73</v>
      </c>
      <c r="U43571">
        <v>73</v>
      </c>
      <c r="V43571">
        <v>72</v>
      </c>
      <c r="W43571">
        <v>72</v>
      </c>
      <c r="X43571">
        <v>72</v>
      </c>
      <c r="Y43571">
        <v>72</v>
      </c>
      <c r="Z43571">
        <v>72</v>
      </c>
      <c r="AA43571">
        <v>72</v>
      </c>
      <c r="AB43571">
        <v>71</v>
      </c>
      <c r="AC43571">
        <v>71</v>
      </c>
      <c r="AD43571">
        <v>71</v>
      </c>
      <c r="AE43571">
        <v>71</v>
      </c>
      <c r="AF43571">
        <v>71</v>
      </c>
      <c r="AG43571">
        <v>71</v>
      </c>
      <c r="AH43571">
        <v>70</v>
      </c>
      <c r="AI43571">
        <v>70</v>
      </c>
      <c r="AJ43571">
        <v>70</v>
      </c>
      <c r="AK43571">
        <v>70</v>
      </c>
      <c r="AL43571">
        <v>70</v>
      </c>
      <c r="AM43571">
        <v>70</v>
      </c>
      <c r="AN43571">
        <v>70</v>
      </c>
      <c r="AO43571">
        <v>70</v>
      </c>
      <c r="AP43571">
        <v>70</v>
      </c>
      <c r="AQ43571">
        <v>70</v>
      </c>
    </row>
    <row r="43572" spans="1:43">
      <c r="A43572" t="s">
        <v>26607</v>
      </c>
      <c r="B43572" t="s">
        <v>26608</v>
      </c>
      <c r="C43572" t="s">
        <v>16705</v>
      </c>
      <c r="D43572" t="s">
        <v>16706</v>
      </c>
      <c r="E43572" t="s">
        <v>16695</v>
      </c>
      <c r="F43572" t="s">
        <v>16696</v>
      </c>
      <c r="G43572" t="s">
        <v>16559</v>
      </c>
      <c r="H43572" t="s">
        <v>16560</v>
      </c>
      <c r="I43572" s="2">
        <v>1</v>
      </c>
      <c r="J43572" s="2">
        <v>0</v>
      </c>
      <c r="K43572" s="2">
        <v>0</v>
      </c>
      <c r="L43572" t="s">
        <v>120</v>
      </c>
      <c r="M43572" t="s">
        <v>89</v>
      </c>
      <c r="N43572" t="s">
        <v>90</v>
      </c>
      <c r="O43572" t="s">
        <v>85</v>
      </c>
      <c r="P43572" t="s">
        <v>86</v>
      </c>
      <c r="Q43572">
        <v>73</v>
      </c>
      <c r="R43572">
        <v>74</v>
      </c>
      <c r="S43572">
        <v>75</v>
      </c>
      <c r="T43572">
        <v>76</v>
      </c>
      <c r="U43572">
        <v>77</v>
      </c>
      <c r="V43572">
        <v>78</v>
      </c>
      <c r="W43572">
        <v>79</v>
      </c>
      <c r="X43572">
        <v>79</v>
      </c>
      <c r="Y43572">
        <v>80</v>
      </c>
      <c r="Z43572">
        <v>81</v>
      </c>
      <c r="AA43572">
        <v>81</v>
      </c>
      <c r="AB43572">
        <v>82</v>
      </c>
      <c r="AC43572">
        <v>83</v>
      </c>
      <c r="AD43572">
        <v>83</v>
      </c>
      <c r="AE43572">
        <v>84</v>
      </c>
      <c r="AF43572">
        <v>83</v>
      </c>
      <c r="AG43572">
        <v>83</v>
      </c>
      <c r="AH43572">
        <v>82</v>
      </c>
      <c r="AI43572">
        <v>82</v>
      </c>
      <c r="AJ43572">
        <v>82</v>
      </c>
      <c r="AK43572">
        <v>81</v>
      </c>
      <c r="AL43572">
        <v>81</v>
      </c>
      <c r="AM43572">
        <v>81</v>
      </c>
      <c r="AN43572">
        <v>81</v>
      </c>
      <c r="AO43572">
        <v>80</v>
      </c>
      <c r="AP43572">
        <v>80</v>
      </c>
      <c r="AQ43572">
        <v>80</v>
      </c>
    </row>
    <row r="43573" spans="1:43">
      <c r="A43573" t="s">
        <v>26607</v>
      </c>
      <c r="B43573" t="s">
        <v>26608</v>
      </c>
      <c r="C43573" t="s">
        <v>16705</v>
      </c>
      <c r="D43573" t="s">
        <v>16706</v>
      </c>
      <c r="E43573" t="s">
        <v>16695</v>
      </c>
      <c r="F43573" t="s">
        <v>16696</v>
      </c>
      <c r="G43573" t="s">
        <v>16559</v>
      </c>
      <c r="H43573" t="s">
        <v>16560</v>
      </c>
      <c r="I43573" s="2">
        <v>1</v>
      </c>
      <c r="J43573" s="2">
        <v>0</v>
      </c>
      <c r="K43573" s="2">
        <v>0</v>
      </c>
      <c r="L43573" t="s">
        <v>120</v>
      </c>
      <c r="M43573" t="s">
        <v>83</v>
      </c>
      <c r="N43573" t="s">
        <v>91</v>
      </c>
      <c r="O43573" t="s">
        <v>85</v>
      </c>
      <c r="P43573" t="s">
        <v>86</v>
      </c>
      <c r="Q43573">
        <v>73</v>
      </c>
      <c r="R43573">
        <v>73</v>
      </c>
      <c r="S43573">
        <v>74</v>
      </c>
      <c r="T43573">
        <v>75</v>
      </c>
      <c r="U43573">
        <v>75</v>
      </c>
      <c r="V43573">
        <v>75</v>
      </c>
      <c r="W43573">
        <v>76</v>
      </c>
      <c r="X43573">
        <v>76</v>
      </c>
      <c r="Y43573">
        <v>77</v>
      </c>
      <c r="Z43573">
        <v>77</v>
      </c>
      <c r="AA43573">
        <v>77</v>
      </c>
      <c r="AB43573">
        <v>78</v>
      </c>
      <c r="AC43573">
        <v>78</v>
      </c>
      <c r="AD43573">
        <v>78</v>
      </c>
      <c r="AE43573">
        <v>79</v>
      </c>
      <c r="AF43573">
        <v>79</v>
      </c>
      <c r="AG43573">
        <v>80</v>
      </c>
      <c r="AH43573">
        <v>80</v>
      </c>
      <c r="AI43573">
        <v>80</v>
      </c>
      <c r="AJ43573">
        <v>81</v>
      </c>
      <c r="AK43573">
        <v>81</v>
      </c>
      <c r="AL43573">
        <v>81</v>
      </c>
      <c r="AM43573">
        <v>81</v>
      </c>
      <c r="AN43573">
        <v>80</v>
      </c>
      <c r="AO43573">
        <v>80</v>
      </c>
      <c r="AP43573">
        <v>80</v>
      </c>
      <c r="AQ43573">
        <v>80</v>
      </c>
    </row>
    <row r="43574" spans="1:43">
      <c r="A43574" t="s">
        <v>26609</v>
      </c>
      <c r="B43574" t="s">
        <v>26610</v>
      </c>
      <c r="C43574" t="s">
        <v>16705</v>
      </c>
      <c r="D43574" t="s">
        <v>16706</v>
      </c>
      <c r="E43574" t="s">
        <v>16695</v>
      </c>
      <c r="F43574" t="s">
        <v>16696</v>
      </c>
      <c r="G43574" t="s">
        <v>16559</v>
      </c>
      <c r="H43574" t="s">
        <v>16560</v>
      </c>
      <c r="I43574" s="2">
        <v>1</v>
      </c>
      <c r="J43574" s="2">
        <v>0</v>
      </c>
      <c r="K43574" s="2">
        <v>0</v>
      </c>
      <c r="L43574" t="s">
        <v>120</v>
      </c>
      <c r="M43574" t="s">
        <v>83</v>
      </c>
      <c r="N43574" t="s">
        <v>84</v>
      </c>
      <c r="O43574" t="s">
        <v>85</v>
      </c>
      <c r="P43574" t="s">
        <v>86</v>
      </c>
      <c r="Q43574">
        <v>5</v>
      </c>
      <c r="R43574">
        <v>5</v>
      </c>
      <c r="S43574">
        <v>5</v>
      </c>
      <c r="T43574">
        <v>5</v>
      </c>
      <c r="U43574">
        <v>5</v>
      </c>
      <c r="V43574">
        <v>5</v>
      </c>
      <c r="W43574">
        <v>5</v>
      </c>
      <c r="X43574">
        <v>6</v>
      </c>
      <c r="Y43574">
        <v>6</v>
      </c>
      <c r="Z43574">
        <v>6</v>
      </c>
      <c r="AA43574">
        <v>6</v>
      </c>
      <c r="AB43574">
        <v>6</v>
      </c>
      <c r="AC43574">
        <v>6</v>
      </c>
      <c r="AD43574">
        <v>6</v>
      </c>
      <c r="AE43574">
        <v>6</v>
      </c>
      <c r="AF43574">
        <v>6</v>
      </c>
      <c r="AG43574">
        <v>6</v>
      </c>
      <c r="AH43574">
        <v>6</v>
      </c>
      <c r="AI43574">
        <v>6</v>
      </c>
      <c r="AJ43574">
        <v>6</v>
      </c>
      <c r="AK43574">
        <v>6</v>
      </c>
      <c r="AL43574">
        <v>6</v>
      </c>
      <c r="AM43574">
        <v>6</v>
      </c>
      <c r="AN43574">
        <v>6</v>
      </c>
      <c r="AO43574">
        <v>6</v>
      </c>
      <c r="AP43574">
        <v>6</v>
      </c>
      <c r="AQ43574">
        <v>6</v>
      </c>
    </row>
    <row r="43575" spans="1:43">
      <c r="A43575" t="s">
        <v>26609</v>
      </c>
      <c r="B43575" t="s">
        <v>26610</v>
      </c>
      <c r="C43575" t="s">
        <v>16705</v>
      </c>
      <c r="D43575" t="s">
        <v>16706</v>
      </c>
      <c r="E43575" t="s">
        <v>16695</v>
      </c>
      <c r="F43575" t="s">
        <v>16696</v>
      </c>
      <c r="G43575" t="s">
        <v>16559</v>
      </c>
      <c r="H43575" t="s">
        <v>16560</v>
      </c>
      <c r="I43575" s="2">
        <v>1</v>
      </c>
      <c r="J43575" s="2">
        <v>0</v>
      </c>
      <c r="K43575" s="2">
        <v>0</v>
      </c>
      <c r="L43575" t="s">
        <v>120</v>
      </c>
      <c r="M43575" t="s">
        <v>87</v>
      </c>
      <c r="N43575" t="s">
        <v>88</v>
      </c>
      <c r="O43575" t="s">
        <v>85</v>
      </c>
      <c r="P43575" t="s">
        <v>86</v>
      </c>
      <c r="Q43575">
        <v>5</v>
      </c>
      <c r="R43575">
        <v>5</v>
      </c>
      <c r="S43575">
        <v>5</v>
      </c>
      <c r="T43575">
        <v>5</v>
      </c>
      <c r="U43575">
        <v>5</v>
      </c>
      <c r="V43575">
        <v>5</v>
      </c>
      <c r="W43575">
        <v>5</v>
      </c>
      <c r="X43575">
        <v>5</v>
      </c>
      <c r="Y43575">
        <v>5</v>
      </c>
      <c r="Z43575">
        <v>5</v>
      </c>
      <c r="AA43575">
        <v>5</v>
      </c>
      <c r="AB43575">
        <v>5</v>
      </c>
      <c r="AC43575">
        <v>5</v>
      </c>
      <c r="AD43575">
        <v>5</v>
      </c>
      <c r="AE43575">
        <v>5</v>
      </c>
      <c r="AF43575">
        <v>5</v>
      </c>
      <c r="AG43575">
        <v>5</v>
      </c>
      <c r="AH43575">
        <v>5</v>
      </c>
      <c r="AI43575">
        <v>5</v>
      </c>
      <c r="AJ43575">
        <v>5</v>
      </c>
      <c r="AK43575">
        <v>5</v>
      </c>
      <c r="AL43575">
        <v>5</v>
      </c>
      <c r="AM43575">
        <v>5</v>
      </c>
      <c r="AN43575">
        <v>5</v>
      </c>
      <c r="AO43575">
        <v>5</v>
      </c>
      <c r="AP43575">
        <v>5</v>
      </c>
      <c r="AQ43575">
        <v>5</v>
      </c>
    </row>
    <row r="43576" spans="1:43">
      <c r="A43576" t="s">
        <v>26609</v>
      </c>
      <c r="B43576" t="s">
        <v>26610</v>
      </c>
      <c r="C43576" t="s">
        <v>16705</v>
      </c>
      <c r="D43576" t="s">
        <v>16706</v>
      </c>
      <c r="E43576" t="s">
        <v>16695</v>
      </c>
      <c r="F43576" t="s">
        <v>16696</v>
      </c>
      <c r="G43576" t="s">
        <v>16559</v>
      </c>
      <c r="H43576" t="s">
        <v>16560</v>
      </c>
      <c r="I43576" s="2">
        <v>1</v>
      </c>
      <c r="J43576" s="2">
        <v>0</v>
      </c>
      <c r="K43576" s="2">
        <v>0</v>
      </c>
      <c r="L43576" t="s">
        <v>120</v>
      </c>
      <c r="M43576" t="s">
        <v>89</v>
      </c>
      <c r="N43576" t="s">
        <v>90</v>
      </c>
      <c r="O43576" t="s">
        <v>85</v>
      </c>
      <c r="P43576" t="s">
        <v>86</v>
      </c>
      <c r="Q43576">
        <v>5</v>
      </c>
      <c r="R43576">
        <v>5</v>
      </c>
      <c r="S43576">
        <v>5</v>
      </c>
      <c r="T43576">
        <v>6</v>
      </c>
      <c r="U43576">
        <v>6</v>
      </c>
      <c r="V43576">
        <v>6</v>
      </c>
      <c r="W43576">
        <v>6</v>
      </c>
      <c r="X43576">
        <v>6</v>
      </c>
      <c r="Y43576">
        <v>6</v>
      </c>
      <c r="Z43576">
        <v>6</v>
      </c>
      <c r="AA43576">
        <v>6</v>
      </c>
      <c r="AB43576">
        <v>6</v>
      </c>
      <c r="AC43576">
        <v>6</v>
      </c>
      <c r="AD43576">
        <v>6</v>
      </c>
      <c r="AE43576">
        <v>6</v>
      </c>
      <c r="AF43576">
        <v>6</v>
      </c>
      <c r="AG43576">
        <v>6</v>
      </c>
      <c r="AH43576">
        <v>6</v>
      </c>
      <c r="AI43576">
        <v>6</v>
      </c>
      <c r="AJ43576">
        <v>6</v>
      </c>
      <c r="AK43576">
        <v>6</v>
      </c>
      <c r="AL43576">
        <v>6</v>
      </c>
      <c r="AM43576">
        <v>6</v>
      </c>
      <c r="AN43576">
        <v>6</v>
      </c>
      <c r="AO43576">
        <v>6</v>
      </c>
      <c r="AP43576">
        <v>6</v>
      </c>
      <c r="AQ43576">
        <v>6</v>
      </c>
    </row>
    <row r="43577" spans="1:43">
      <c r="A43577" t="s">
        <v>26609</v>
      </c>
      <c r="B43577" t="s">
        <v>26610</v>
      </c>
      <c r="C43577" t="s">
        <v>16705</v>
      </c>
      <c r="D43577" t="s">
        <v>16706</v>
      </c>
      <c r="E43577" t="s">
        <v>16695</v>
      </c>
      <c r="F43577" t="s">
        <v>16696</v>
      </c>
      <c r="G43577" t="s">
        <v>16559</v>
      </c>
      <c r="H43577" t="s">
        <v>16560</v>
      </c>
      <c r="I43577" s="2">
        <v>1</v>
      </c>
      <c r="J43577" s="2">
        <v>0</v>
      </c>
      <c r="K43577" s="2">
        <v>0</v>
      </c>
      <c r="L43577" t="s">
        <v>120</v>
      </c>
      <c r="M43577" t="s">
        <v>83</v>
      </c>
      <c r="N43577" t="s">
        <v>91</v>
      </c>
      <c r="O43577" t="s">
        <v>85</v>
      </c>
      <c r="P43577" t="s">
        <v>86</v>
      </c>
      <c r="Q43577">
        <v>5</v>
      </c>
      <c r="R43577">
        <v>5</v>
      </c>
      <c r="S43577">
        <v>5</v>
      </c>
      <c r="T43577">
        <v>5</v>
      </c>
      <c r="U43577">
        <v>5</v>
      </c>
      <c r="V43577">
        <v>5</v>
      </c>
      <c r="W43577">
        <v>5</v>
      </c>
      <c r="X43577">
        <v>6</v>
      </c>
      <c r="Y43577">
        <v>6</v>
      </c>
      <c r="Z43577">
        <v>6</v>
      </c>
      <c r="AA43577">
        <v>6</v>
      </c>
      <c r="AB43577">
        <v>6</v>
      </c>
      <c r="AC43577">
        <v>6</v>
      </c>
      <c r="AD43577">
        <v>6</v>
      </c>
      <c r="AE43577">
        <v>6</v>
      </c>
      <c r="AF43577">
        <v>6</v>
      </c>
      <c r="AG43577">
        <v>6</v>
      </c>
      <c r="AH43577">
        <v>6</v>
      </c>
      <c r="AI43577">
        <v>6</v>
      </c>
      <c r="AJ43577">
        <v>6</v>
      </c>
      <c r="AK43577">
        <v>6</v>
      </c>
      <c r="AL43577">
        <v>6</v>
      </c>
      <c r="AM43577">
        <v>6</v>
      </c>
      <c r="AN43577">
        <v>6</v>
      </c>
      <c r="AO43577">
        <v>6</v>
      </c>
      <c r="AP43577">
        <v>6</v>
      </c>
      <c r="AQ43577">
        <v>6</v>
      </c>
    </row>
    <row r="43578" spans="1:43">
      <c r="A43578" t="s">
        <v>26611</v>
      </c>
      <c r="B43578" t="s">
        <v>26612</v>
      </c>
      <c r="C43578" t="s">
        <v>17607</v>
      </c>
      <c r="D43578" t="s">
        <v>17608</v>
      </c>
      <c r="E43578" t="s">
        <v>17455</v>
      </c>
      <c r="F43578" t="s">
        <v>17456</v>
      </c>
      <c r="G43578" t="s">
        <v>16559</v>
      </c>
      <c r="H43578" t="s">
        <v>16560</v>
      </c>
      <c r="I43578" s="2">
        <v>1</v>
      </c>
      <c r="J43578" s="2">
        <v>0</v>
      </c>
      <c r="K43578" s="2">
        <v>0</v>
      </c>
      <c r="L43578" t="s">
        <v>120</v>
      </c>
      <c r="M43578" t="s">
        <v>83</v>
      </c>
      <c r="N43578" t="s">
        <v>84</v>
      </c>
      <c r="O43578" t="s">
        <v>85</v>
      </c>
      <c r="P43578" t="s">
        <v>86</v>
      </c>
      <c r="Q43578">
        <v>34</v>
      </c>
      <c r="R43578">
        <v>35</v>
      </c>
      <c r="S43578">
        <v>36</v>
      </c>
      <c r="T43578">
        <v>37</v>
      </c>
      <c r="U43578">
        <v>37</v>
      </c>
      <c r="V43578">
        <v>38</v>
      </c>
      <c r="W43578">
        <v>39</v>
      </c>
      <c r="X43578">
        <v>40</v>
      </c>
      <c r="Y43578">
        <v>41</v>
      </c>
      <c r="Z43578">
        <v>42</v>
      </c>
      <c r="AA43578">
        <v>42</v>
      </c>
      <c r="AB43578">
        <v>43</v>
      </c>
      <c r="AC43578">
        <v>44</v>
      </c>
      <c r="AD43578">
        <v>45</v>
      </c>
      <c r="AE43578">
        <v>46</v>
      </c>
      <c r="AF43578">
        <v>47</v>
      </c>
      <c r="AG43578">
        <v>48</v>
      </c>
      <c r="AH43578">
        <v>49</v>
      </c>
      <c r="AI43578">
        <v>50</v>
      </c>
      <c r="AJ43578">
        <v>51</v>
      </c>
      <c r="AK43578">
        <v>52</v>
      </c>
      <c r="AL43578">
        <v>52</v>
      </c>
      <c r="AM43578">
        <v>53</v>
      </c>
      <c r="AN43578">
        <v>53</v>
      </c>
      <c r="AO43578">
        <v>53</v>
      </c>
      <c r="AP43578">
        <v>54</v>
      </c>
      <c r="AQ43578">
        <v>54</v>
      </c>
    </row>
    <row r="43579" spans="1:43">
      <c r="A43579" t="s">
        <v>26611</v>
      </c>
      <c r="B43579" t="s">
        <v>26612</v>
      </c>
      <c r="C43579" t="s">
        <v>17607</v>
      </c>
      <c r="D43579" t="s">
        <v>17608</v>
      </c>
      <c r="E43579" t="s">
        <v>17455</v>
      </c>
      <c r="F43579" t="s">
        <v>17456</v>
      </c>
      <c r="G43579" t="s">
        <v>16559</v>
      </c>
      <c r="H43579" t="s">
        <v>16560</v>
      </c>
      <c r="I43579" s="2">
        <v>1</v>
      </c>
      <c r="J43579" s="2">
        <v>0</v>
      </c>
      <c r="K43579" s="2">
        <v>0</v>
      </c>
      <c r="L43579" t="s">
        <v>120</v>
      </c>
      <c r="M43579" t="s">
        <v>87</v>
      </c>
      <c r="N43579" t="s">
        <v>88</v>
      </c>
      <c r="O43579" t="s">
        <v>85</v>
      </c>
      <c r="P43579" t="s">
        <v>86</v>
      </c>
      <c r="Q43579">
        <v>34</v>
      </c>
      <c r="R43579">
        <v>34</v>
      </c>
      <c r="S43579">
        <v>35</v>
      </c>
      <c r="T43579">
        <v>35</v>
      </c>
      <c r="U43579">
        <v>36</v>
      </c>
      <c r="V43579">
        <v>36</v>
      </c>
      <c r="W43579">
        <v>37</v>
      </c>
      <c r="X43579">
        <v>37</v>
      </c>
      <c r="Y43579">
        <v>38</v>
      </c>
      <c r="Z43579">
        <v>38</v>
      </c>
      <c r="AA43579">
        <v>39</v>
      </c>
      <c r="AB43579">
        <v>39</v>
      </c>
      <c r="AC43579">
        <v>40</v>
      </c>
      <c r="AD43579">
        <v>40</v>
      </c>
      <c r="AE43579">
        <v>41</v>
      </c>
      <c r="AF43579">
        <v>41</v>
      </c>
      <c r="AG43579">
        <v>42</v>
      </c>
      <c r="AH43579">
        <v>42</v>
      </c>
      <c r="AI43579">
        <v>43</v>
      </c>
      <c r="AJ43579">
        <v>43</v>
      </c>
      <c r="AK43579">
        <v>44</v>
      </c>
      <c r="AL43579">
        <v>44</v>
      </c>
      <c r="AM43579">
        <v>45</v>
      </c>
      <c r="AN43579">
        <v>46</v>
      </c>
      <c r="AO43579">
        <v>46</v>
      </c>
      <c r="AP43579">
        <v>47</v>
      </c>
      <c r="AQ43579">
        <v>47</v>
      </c>
    </row>
    <row r="43580" spans="1:43">
      <c r="A43580" t="s">
        <v>26611</v>
      </c>
      <c r="B43580" t="s">
        <v>26612</v>
      </c>
      <c r="C43580" t="s">
        <v>17607</v>
      </c>
      <c r="D43580" t="s">
        <v>17608</v>
      </c>
      <c r="E43580" t="s">
        <v>17455</v>
      </c>
      <c r="F43580" t="s">
        <v>17456</v>
      </c>
      <c r="G43580" t="s">
        <v>16559</v>
      </c>
      <c r="H43580" t="s">
        <v>16560</v>
      </c>
      <c r="I43580" s="2">
        <v>1</v>
      </c>
      <c r="J43580" s="2">
        <v>0</v>
      </c>
      <c r="K43580" s="2">
        <v>0</v>
      </c>
      <c r="L43580" t="s">
        <v>120</v>
      </c>
      <c r="M43580" t="s">
        <v>89</v>
      </c>
      <c r="N43580" t="s">
        <v>90</v>
      </c>
      <c r="O43580" t="s">
        <v>85</v>
      </c>
      <c r="P43580" t="s">
        <v>86</v>
      </c>
      <c r="Q43580">
        <v>34</v>
      </c>
      <c r="R43580">
        <v>36</v>
      </c>
      <c r="S43580">
        <v>37</v>
      </c>
      <c r="T43580">
        <v>38</v>
      </c>
      <c r="U43580">
        <v>39</v>
      </c>
      <c r="V43580">
        <v>40</v>
      </c>
      <c r="W43580">
        <v>41</v>
      </c>
      <c r="X43580">
        <v>42</v>
      </c>
      <c r="Y43580">
        <v>43</v>
      </c>
      <c r="Z43580">
        <v>44</v>
      </c>
      <c r="AA43580">
        <v>45</v>
      </c>
      <c r="AB43580">
        <v>46</v>
      </c>
      <c r="AC43580">
        <v>47</v>
      </c>
      <c r="AD43580">
        <v>49</v>
      </c>
      <c r="AE43580">
        <v>49</v>
      </c>
      <c r="AF43580">
        <v>50</v>
      </c>
      <c r="AG43580">
        <v>50</v>
      </c>
      <c r="AH43580">
        <v>51</v>
      </c>
      <c r="AI43580">
        <v>51</v>
      </c>
      <c r="AJ43580">
        <v>52</v>
      </c>
      <c r="AK43580">
        <v>52</v>
      </c>
      <c r="AL43580">
        <v>53</v>
      </c>
      <c r="AM43580">
        <v>53</v>
      </c>
      <c r="AN43580">
        <v>53</v>
      </c>
      <c r="AO43580">
        <v>54</v>
      </c>
      <c r="AP43580">
        <v>54</v>
      </c>
      <c r="AQ43580">
        <v>55</v>
      </c>
    </row>
    <row r="43581" spans="1:43">
      <c r="A43581" t="s">
        <v>26611</v>
      </c>
      <c r="B43581" t="s">
        <v>26612</v>
      </c>
      <c r="C43581" t="s">
        <v>17607</v>
      </c>
      <c r="D43581" t="s">
        <v>17608</v>
      </c>
      <c r="E43581" t="s">
        <v>17455</v>
      </c>
      <c r="F43581" t="s">
        <v>17456</v>
      </c>
      <c r="G43581" t="s">
        <v>16559</v>
      </c>
      <c r="H43581" t="s">
        <v>16560</v>
      </c>
      <c r="I43581" s="2">
        <v>1</v>
      </c>
      <c r="J43581" s="2">
        <v>0</v>
      </c>
      <c r="K43581" s="2">
        <v>0</v>
      </c>
      <c r="L43581" t="s">
        <v>120</v>
      </c>
      <c r="M43581" t="s">
        <v>83</v>
      </c>
      <c r="N43581" t="s">
        <v>91</v>
      </c>
      <c r="O43581" t="s">
        <v>85</v>
      </c>
      <c r="P43581" t="s">
        <v>86</v>
      </c>
      <c r="Q43581">
        <v>34</v>
      </c>
      <c r="R43581">
        <v>35</v>
      </c>
      <c r="S43581">
        <v>36</v>
      </c>
      <c r="T43581">
        <v>37</v>
      </c>
      <c r="U43581">
        <v>37</v>
      </c>
      <c r="V43581">
        <v>38</v>
      </c>
      <c r="W43581">
        <v>39</v>
      </c>
      <c r="X43581">
        <v>40</v>
      </c>
      <c r="Y43581">
        <v>41</v>
      </c>
      <c r="Z43581">
        <v>42</v>
      </c>
      <c r="AA43581">
        <v>42</v>
      </c>
      <c r="AB43581">
        <v>43</v>
      </c>
      <c r="AC43581">
        <v>44</v>
      </c>
      <c r="AD43581">
        <v>45</v>
      </c>
      <c r="AE43581">
        <v>46</v>
      </c>
      <c r="AF43581">
        <v>47</v>
      </c>
      <c r="AG43581">
        <v>48</v>
      </c>
      <c r="AH43581">
        <v>49</v>
      </c>
      <c r="AI43581">
        <v>50</v>
      </c>
      <c r="AJ43581">
        <v>51</v>
      </c>
      <c r="AK43581">
        <v>52</v>
      </c>
      <c r="AL43581">
        <v>52</v>
      </c>
      <c r="AM43581">
        <v>53</v>
      </c>
      <c r="AN43581">
        <v>53</v>
      </c>
      <c r="AO43581">
        <v>53</v>
      </c>
      <c r="AP43581">
        <v>54</v>
      </c>
      <c r="AQ43581">
        <v>54</v>
      </c>
    </row>
    <row r="43582" spans="1:43">
      <c r="A43582" t="s">
        <v>26613</v>
      </c>
      <c r="B43582" t="s">
        <v>26614</v>
      </c>
      <c r="C43582" t="s">
        <v>17607</v>
      </c>
      <c r="D43582" t="s">
        <v>17608</v>
      </c>
      <c r="E43582" t="s">
        <v>17455</v>
      </c>
      <c r="F43582" t="s">
        <v>17456</v>
      </c>
      <c r="G43582" t="s">
        <v>16559</v>
      </c>
      <c r="H43582" t="s">
        <v>16560</v>
      </c>
      <c r="I43582" s="2">
        <v>1</v>
      </c>
      <c r="J43582" s="2">
        <v>0</v>
      </c>
      <c r="K43582" s="2">
        <v>0</v>
      </c>
      <c r="L43582" t="s">
        <v>120</v>
      </c>
      <c r="M43582" t="s">
        <v>83</v>
      </c>
      <c r="N43582" t="s">
        <v>84</v>
      </c>
      <c r="O43582" t="s">
        <v>85</v>
      </c>
      <c r="P43582" t="s">
        <v>86</v>
      </c>
      <c r="Q43582">
        <v>22</v>
      </c>
      <c r="R43582">
        <v>22</v>
      </c>
      <c r="S43582">
        <v>23</v>
      </c>
      <c r="T43582">
        <v>23</v>
      </c>
      <c r="U43582">
        <v>24</v>
      </c>
      <c r="V43582">
        <v>24</v>
      </c>
      <c r="W43582">
        <v>25</v>
      </c>
      <c r="X43582">
        <v>26</v>
      </c>
      <c r="Y43582">
        <v>26</v>
      </c>
      <c r="Z43582">
        <v>27</v>
      </c>
      <c r="AA43582">
        <v>27</v>
      </c>
      <c r="AB43582">
        <v>28</v>
      </c>
      <c r="AC43582">
        <v>28</v>
      </c>
      <c r="AD43582">
        <v>29</v>
      </c>
      <c r="AE43582">
        <v>29</v>
      </c>
      <c r="AF43582">
        <v>30</v>
      </c>
      <c r="AG43582">
        <v>31</v>
      </c>
      <c r="AH43582">
        <v>31</v>
      </c>
      <c r="AI43582">
        <v>32</v>
      </c>
      <c r="AJ43582">
        <v>32</v>
      </c>
      <c r="AK43582">
        <v>33</v>
      </c>
      <c r="AL43582">
        <v>33</v>
      </c>
      <c r="AM43582">
        <v>34</v>
      </c>
      <c r="AN43582">
        <v>34</v>
      </c>
      <c r="AO43582">
        <v>34</v>
      </c>
      <c r="AP43582">
        <v>34</v>
      </c>
      <c r="AQ43582">
        <v>35</v>
      </c>
    </row>
    <row r="43583" spans="1:43">
      <c r="A43583" t="s">
        <v>26613</v>
      </c>
      <c r="B43583" t="s">
        <v>26614</v>
      </c>
      <c r="C43583" t="s">
        <v>17607</v>
      </c>
      <c r="D43583" t="s">
        <v>17608</v>
      </c>
      <c r="E43583" t="s">
        <v>17455</v>
      </c>
      <c r="F43583" t="s">
        <v>17456</v>
      </c>
      <c r="G43583" t="s">
        <v>16559</v>
      </c>
      <c r="H43583" t="s">
        <v>16560</v>
      </c>
      <c r="I43583" s="2">
        <v>1</v>
      </c>
      <c r="J43583" s="2">
        <v>0</v>
      </c>
      <c r="K43583" s="2">
        <v>0</v>
      </c>
      <c r="L43583" t="s">
        <v>120</v>
      </c>
      <c r="M43583" t="s">
        <v>87</v>
      </c>
      <c r="N43583" t="s">
        <v>88</v>
      </c>
      <c r="O43583" t="s">
        <v>85</v>
      </c>
      <c r="P43583" t="s">
        <v>86</v>
      </c>
      <c r="Q43583">
        <v>22</v>
      </c>
      <c r="R43583">
        <v>22</v>
      </c>
      <c r="S43583">
        <v>22</v>
      </c>
      <c r="T43583">
        <v>23</v>
      </c>
      <c r="U43583">
        <v>23</v>
      </c>
      <c r="V43583">
        <v>23</v>
      </c>
      <c r="W43583">
        <v>23</v>
      </c>
      <c r="X43583">
        <v>24</v>
      </c>
      <c r="Y43583">
        <v>24</v>
      </c>
      <c r="Z43583">
        <v>24</v>
      </c>
      <c r="AA43583">
        <v>25</v>
      </c>
      <c r="AB43583">
        <v>25</v>
      </c>
      <c r="AC43583">
        <v>25</v>
      </c>
      <c r="AD43583">
        <v>26</v>
      </c>
      <c r="AE43583">
        <v>26</v>
      </c>
      <c r="AF43583">
        <v>26</v>
      </c>
      <c r="AG43583">
        <v>27</v>
      </c>
      <c r="AH43583">
        <v>27</v>
      </c>
      <c r="AI43583">
        <v>27</v>
      </c>
      <c r="AJ43583">
        <v>28</v>
      </c>
      <c r="AK43583">
        <v>28</v>
      </c>
      <c r="AL43583">
        <v>28</v>
      </c>
      <c r="AM43583">
        <v>29</v>
      </c>
      <c r="AN43583">
        <v>29</v>
      </c>
      <c r="AO43583">
        <v>29</v>
      </c>
      <c r="AP43583">
        <v>30</v>
      </c>
      <c r="AQ43583">
        <v>30</v>
      </c>
    </row>
    <row r="43584" spans="1:43">
      <c r="A43584" t="s">
        <v>26613</v>
      </c>
      <c r="B43584" t="s">
        <v>26614</v>
      </c>
      <c r="C43584" t="s">
        <v>17607</v>
      </c>
      <c r="D43584" t="s">
        <v>17608</v>
      </c>
      <c r="E43584" t="s">
        <v>17455</v>
      </c>
      <c r="F43584" t="s">
        <v>17456</v>
      </c>
      <c r="G43584" t="s">
        <v>16559</v>
      </c>
      <c r="H43584" t="s">
        <v>16560</v>
      </c>
      <c r="I43584" s="2">
        <v>1</v>
      </c>
      <c r="J43584" s="2">
        <v>0</v>
      </c>
      <c r="K43584" s="2">
        <v>0</v>
      </c>
      <c r="L43584" t="s">
        <v>120</v>
      </c>
      <c r="M43584" t="s">
        <v>89</v>
      </c>
      <c r="N43584" t="s">
        <v>90</v>
      </c>
      <c r="O43584" t="s">
        <v>85</v>
      </c>
      <c r="P43584" t="s">
        <v>86</v>
      </c>
      <c r="Q43584">
        <v>22</v>
      </c>
      <c r="R43584">
        <v>23</v>
      </c>
      <c r="S43584">
        <v>23</v>
      </c>
      <c r="T43584">
        <v>24</v>
      </c>
      <c r="U43584">
        <v>25</v>
      </c>
      <c r="V43584">
        <v>26</v>
      </c>
      <c r="W43584">
        <v>26</v>
      </c>
      <c r="X43584">
        <v>27</v>
      </c>
      <c r="Y43584">
        <v>28</v>
      </c>
      <c r="Z43584">
        <v>28</v>
      </c>
      <c r="AA43584">
        <v>29</v>
      </c>
      <c r="AB43584">
        <v>30</v>
      </c>
      <c r="AC43584">
        <v>30</v>
      </c>
      <c r="AD43584">
        <v>31</v>
      </c>
      <c r="AE43584">
        <v>32</v>
      </c>
      <c r="AF43584">
        <v>32</v>
      </c>
      <c r="AG43584">
        <v>32</v>
      </c>
      <c r="AH43584">
        <v>32</v>
      </c>
      <c r="AI43584">
        <v>33</v>
      </c>
      <c r="AJ43584">
        <v>33</v>
      </c>
      <c r="AK43584">
        <v>33</v>
      </c>
      <c r="AL43584">
        <v>34</v>
      </c>
      <c r="AM43584">
        <v>34</v>
      </c>
      <c r="AN43584">
        <v>34</v>
      </c>
      <c r="AO43584">
        <v>34</v>
      </c>
      <c r="AP43584">
        <v>35</v>
      </c>
      <c r="AQ43584">
        <v>35</v>
      </c>
    </row>
    <row r="43585" spans="1:43">
      <c r="A43585" t="s">
        <v>26613</v>
      </c>
      <c r="B43585" t="s">
        <v>26614</v>
      </c>
      <c r="C43585" t="s">
        <v>17607</v>
      </c>
      <c r="D43585" t="s">
        <v>17608</v>
      </c>
      <c r="E43585" t="s">
        <v>17455</v>
      </c>
      <c r="F43585" t="s">
        <v>17456</v>
      </c>
      <c r="G43585" t="s">
        <v>16559</v>
      </c>
      <c r="H43585" t="s">
        <v>16560</v>
      </c>
      <c r="I43585" s="2">
        <v>1</v>
      </c>
      <c r="J43585" s="2">
        <v>0</v>
      </c>
      <c r="K43585" s="2">
        <v>0</v>
      </c>
      <c r="L43585" t="s">
        <v>120</v>
      </c>
      <c r="M43585" t="s">
        <v>83</v>
      </c>
      <c r="N43585" t="s">
        <v>91</v>
      </c>
      <c r="O43585" t="s">
        <v>85</v>
      </c>
      <c r="P43585" t="s">
        <v>86</v>
      </c>
      <c r="Q43585">
        <v>22</v>
      </c>
      <c r="R43585">
        <v>22</v>
      </c>
      <c r="S43585">
        <v>23</v>
      </c>
      <c r="T43585">
        <v>23</v>
      </c>
      <c r="U43585">
        <v>24</v>
      </c>
      <c r="V43585">
        <v>24</v>
      </c>
      <c r="W43585">
        <v>25</v>
      </c>
      <c r="X43585">
        <v>26</v>
      </c>
      <c r="Y43585">
        <v>26</v>
      </c>
      <c r="Z43585">
        <v>27</v>
      </c>
      <c r="AA43585">
        <v>27</v>
      </c>
      <c r="AB43585">
        <v>28</v>
      </c>
      <c r="AC43585">
        <v>28</v>
      </c>
      <c r="AD43585">
        <v>29</v>
      </c>
      <c r="AE43585">
        <v>29</v>
      </c>
      <c r="AF43585">
        <v>30</v>
      </c>
      <c r="AG43585">
        <v>31</v>
      </c>
      <c r="AH43585">
        <v>31</v>
      </c>
      <c r="AI43585">
        <v>32</v>
      </c>
      <c r="AJ43585">
        <v>32</v>
      </c>
      <c r="AK43585">
        <v>33</v>
      </c>
      <c r="AL43585">
        <v>33</v>
      </c>
      <c r="AM43585">
        <v>34</v>
      </c>
      <c r="AN43585">
        <v>34</v>
      </c>
      <c r="AO43585">
        <v>34</v>
      </c>
      <c r="AP43585">
        <v>34</v>
      </c>
      <c r="AQ43585">
        <v>35</v>
      </c>
    </row>
    <row r="43586" spans="1:43">
      <c r="A43586" t="s">
        <v>26615</v>
      </c>
      <c r="B43586" t="s">
        <v>26616</v>
      </c>
      <c r="C43586" t="s">
        <v>17751</v>
      </c>
      <c r="D43586" t="s">
        <v>17752</v>
      </c>
      <c r="E43586" t="s">
        <v>17663</v>
      </c>
      <c r="F43586" t="s">
        <v>17664</v>
      </c>
      <c r="G43586" t="s">
        <v>16559</v>
      </c>
      <c r="H43586" t="s">
        <v>16560</v>
      </c>
      <c r="I43586" s="2">
        <v>1</v>
      </c>
      <c r="J43586" s="2">
        <v>0</v>
      </c>
      <c r="K43586" s="2">
        <v>0</v>
      </c>
      <c r="L43586" t="s">
        <v>120</v>
      </c>
      <c r="M43586" t="s">
        <v>83</v>
      </c>
      <c r="N43586" t="s">
        <v>84</v>
      </c>
      <c r="O43586" t="s">
        <v>85</v>
      </c>
      <c r="P43586" t="s">
        <v>86</v>
      </c>
      <c r="Q43586">
        <v>54</v>
      </c>
      <c r="R43586">
        <v>55</v>
      </c>
      <c r="S43586">
        <v>56</v>
      </c>
      <c r="T43586">
        <v>57</v>
      </c>
      <c r="U43586">
        <v>58</v>
      </c>
      <c r="V43586">
        <v>58</v>
      </c>
      <c r="W43586">
        <v>59</v>
      </c>
      <c r="X43586">
        <v>60</v>
      </c>
      <c r="Y43586">
        <v>61</v>
      </c>
      <c r="Z43586">
        <v>61</v>
      </c>
      <c r="AA43586">
        <v>62</v>
      </c>
      <c r="AB43586">
        <v>63</v>
      </c>
      <c r="AC43586">
        <v>64</v>
      </c>
      <c r="AD43586">
        <v>65</v>
      </c>
      <c r="AE43586">
        <v>65</v>
      </c>
      <c r="AF43586">
        <v>66</v>
      </c>
      <c r="AG43586">
        <v>67</v>
      </c>
      <c r="AH43586">
        <v>68</v>
      </c>
      <c r="AI43586">
        <v>69</v>
      </c>
      <c r="AJ43586">
        <v>69</v>
      </c>
      <c r="AK43586">
        <v>70</v>
      </c>
      <c r="AL43586">
        <v>71</v>
      </c>
      <c r="AM43586">
        <v>71</v>
      </c>
      <c r="AN43586">
        <v>71</v>
      </c>
      <c r="AO43586">
        <v>71</v>
      </c>
      <c r="AP43586">
        <v>71</v>
      </c>
      <c r="AQ43586">
        <v>71</v>
      </c>
    </row>
    <row r="43587" spans="1:43">
      <c r="A43587" t="s">
        <v>26615</v>
      </c>
      <c r="B43587" t="s">
        <v>26616</v>
      </c>
      <c r="C43587" t="s">
        <v>17751</v>
      </c>
      <c r="D43587" t="s">
        <v>17752</v>
      </c>
      <c r="E43587" t="s">
        <v>17663</v>
      </c>
      <c r="F43587" t="s">
        <v>17664</v>
      </c>
      <c r="G43587" t="s">
        <v>16559</v>
      </c>
      <c r="H43587" t="s">
        <v>16560</v>
      </c>
      <c r="I43587" s="2">
        <v>1</v>
      </c>
      <c r="J43587" s="2">
        <v>0</v>
      </c>
      <c r="K43587" s="2">
        <v>0</v>
      </c>
      <c r="L43587" t="s">
        <v>120</v>
      </c>
      <c r="M43587" t="s">
        <v>87</v>
      </c>
      <c r="N43587" t="s">
        <v>88</v>
      </c>
      <c r="O43587" t="s">
        <v>85</v>
      </c>
      <c r="P43587" t="s">
        <v>86</v>
      </c>
      <c r="Q43587">
        <v>54</v>
      </c>
      <c r="R43587">
        <v>54</v>
      </c>
      <c r="S43587">
        <v>54</v>
      </c>
      <c r="T43587">
        <v>55</v>
      </c>
      <c r="U43587">
        <v>55</v>
      </c>
      <c r="V43587">
        <v>55</v>
      </c>
      <c r="W43587">
        <v>56</v>
      </c>
      <c r="X43587">
        <v>56</v>
      </c>
      <c r="Y43587">
        <v>56</v>
      </c>
      <c r="Z43587">
        <v>57</v>
      </c>
      <c r="AA43587">
        <v>57</v>
      </c>
      <c r="AB43587">
        <v>57</v>
      </c>
      <c r="AC43587">
        <v>58</v>
      </c>
      <c r="AD43587">
        <v>58</v>
      </c>
      <c r="AE43587">
        <v>58</v>
      </c>
      <c r="AF43587">
        <v>59</v>
      </c>
      <c r="AG43587">
        <v>59</v>
      </c>
      <c r="AH43587">
        <v>59</v>
      </c>
      <c r="AI43587">
        <v>60</v>
      </c>
      <c r="AJ43587">
        <v>60</v>
      </c>
      <c r="AK43587">
        <v>60</v>
      </c>
      <c r="AL43587">
        <v>61</v>
      </c>
      <c r="AM43587">
        <v>61</v>
      </c>
      <c r="AN43587">
        <v>61</v>
      </c>
      <c r="AO43587">
        <v>62</v>
      </c>
      <c r="AP43587">
        <v>62</v>
      </c>
      <c r="AQ43587">
        <v>63</v>
      </c>
    </row>
    <row r="43588" spans="1:43">
      <c r="A43588" t="s">
        <v>26615</v>
      </c>
      <c r="B43588" t="s">
        <v>26616</v>
      </c>
      <c r="C43588" t="s">
        <v>17751</v>
      </c>
      <c r="D43588" t="s">
        <v>17752</v>
      </c>
      <c r="E43588" t="s">
        <v>17663</v>
      </c>
      <c r="F43588" t="s">
        <v>17664</v>
      </c>
      <c r="G43588" t="s">
        <v>16559</v>
      </c>
      <c r="H43588" t="s">
        <v>16560</v>
      </c>
      <c r="I43588" s="2">
        <v>1</v>
      </c>
      <c r="J43588" s="2">
        <v>0</v>
      </c>
      <c r="K43588" s="2">
        <v>0</v>
      </c>
      <c r="L43588" t="s">
        <v>120</v>
      </c>
      <c r="M43588" t="s">
        <v>89</v>
      </c>
      <c r="N43588" t="s">
        <v>90</v>
      </c>
      <c r="O43588" t="s">
        <v>85</v>
      </c>
      <c r="P43588" t="s">
        <v>86</v>
      </c>
      <c r="Q43588">
        <v>54</v>
      </c>
      <c r="R43588">
        <v>55</v>
      </c>
      <c r="S43588">
        <v>56</v>
      </c>
      <c r="T43588">
        <v>58</v>
      </c>
      <c r="U43588">
        <v>59</v>
      </c>
      <c r="V43588">
        <v>60</v>
      </c>
      <c r="W43588">
        <v>61</v>
      </c>
      <c r="X43588">
        <v>62</v>
      </c>
      <c r="Y43588">
        <v>63</v>
      </c>
      <c r="Z43588">
        <v>64</v>
      </c>
      <c r="AA43588">
        <v>65</v>
      </c>
      <c r="AB43588">
        <v>66</v>
      </c>
      <c r="AC43588">
        <v>67</v>
      </c>
      <c r="AD43588">
        <v>68</v>
      </c>
      <c r="AE43588">
        <v>69</v>
      </c>
      <c r="AF43588">
        <v>69</v>
      </c>
      <c r="AG43588">
        <v>69</v>
      </c>
      <c r="AH43588">
        <v>69</v>
      </c>
      <c r="AI43588">
        <v>69</v>
      </c>
      <c r="AJ43588">
        <v>70</v>
      </c>
      <c r="AK43588">
        <v>70</v>
      </c>
      <c r="AL43588">
        <v>70</v>
      </c>
      <c r="AM43588">
        <v>70</v>
      </c>
      <c r="AN43588">
        <v>70</v>
      </c>
      <c r="AO43588">
        <v>71</v>
      </c>
      <c r="AP43588">
        <v>71</v>
      </c>
      <c r="AQ43588">
        <v>71</v>
      </c>
    </row>
    <row r="43589" spans="1:43">
      <c r="A43589" t="s">
        <v>26615</v>
      </c>
      <c r="B43589" t="s">
        <v>26616</v>
      </c>
      <c r="C43589" t="s">
        <v>17751</v>
      </c>
      <c r="D43589" t="s">
        <v>17752</v>
      </c>
      <c r="E43589" t="s">
        <v>17663</v>
      </c>
      <c r="F43589" t="s">
        <v>17664</v>
      </c>
      <c r="G43589" t="s">
        <v>16559</v>
      </c>
      <c r="H43589" t="s">
        <v>16560</v>
      </c>
      <c r="I43589" s="2">
        <v>1</v>
      </c>
      <c r="J43589" s="2">
        <v>0</v>
      </c>
      <c r="K43589" s="2">
        <v>0</v>
      </c>
      <c r="L43589" t="s">
        <v>120</v>
      </c>
      <c r="M43589" t="s">
        <v>83</v>
      </c>
      <c r="N43589" t="s">
        <v>91</v>
      </c>
      <c r="O43589" t="s">
        <v>85</v>
      </c>
      <c r="P43589" t="s">
        <v>86</v>
      </c>
      <c r="Q43589">
        <v>54</v>
      </c>
      <c r="R43589">
        <v>55</v>
      </c>
      <c r="S43589">
        <v>56</v>
      </c>
      <c r="T43589">
        <v>57</v>
      </c>
      <c r="U43589">
        <v>58</v>
      </c>
      <c r="V43589">
        <v>58</v>
      </c>
      <c r="W43589">
        <v>59</v>
      </c>
      <c r="X43589">
        <v>60</v>
      </c>
      <c r="Y43589">
        <v>61</v>
      </c>
      <c r="Z43589">
        <v>61</v>
      </c>
      <c r="AA43589">
        <v>62</v>
      </c>
      <c r="AB43589">
        <v>63</v>
      </c>
      <c r="AC43589">
        <v>64</v>
      </c>
      <c r="AD43589">
        <v>65</v>
      </c>
      <c r="AE43589">
        <v>65</v>
      </c>
      <c r="AF43589">
        <v>66</v>
      </c>
      <c r="AG43589">
        <v>67</v>
      </c>
      <c r="AH43589">
        <v>68</v>
      </c>
      <c r="AI43589">
        <v>69</v>
      </c>
      <c r="AJ43589">
        <v>69</v>
      </c>
      <c r="AK43589">
        <v>70</v>
      </c>
      <c r="AL43589">
        <v>71</v>
      </c>
      <c r="AM43589">
        <v>71</v>
      </c>
      <c r="AN43589">
        <v>71</v>
      </c>
      <c r="AO43589">
        <v>71</v>
      </c>
      <c r="AP43589">
        <v>71</v>
      </c>
      <c r="AQ43589">
        <v>71</v>
      </c>
    </row>
    <row r="43590" spans="1:43">
      <c r="A43590" t="s">
        <v>26617</v>
      </c>
      <c r="B43590" t="s">
        <v>26618</v>
      </c>
      <c r="C43590" t="s">
        <v>17751</v>
      </c>
      <c r="D43590" t="s">
        <v>17752</v>
      </c>
      <c r="E43590" t="s">
        <v>17663</v>
      </c>
      <c r="F43590" t="s">
        <v>17664</v>
      </c>
      <c r="G43590" t="s">
        <v>16559</v>
      </c>
      <c r="H43590" t="s">
        <v>16560</v>
      </c>
      <c r="I43590" s="2">
        <v>1</v>
      </c>
      <c r="J43590" s="2">
        <v>0</v>
      </c>
      <c r="K43590" s="2">
        <v>0</v>
      </c>
      <c r="L43590" t="s">
        <v>120</v>
      </c>
      <c r="M43590" t="s">
        <v>83</v>
      </c>
      <c r="N43590" t="s">
        <v>84</v>
      </c>
      <c r="O43590" t="s">
        <v>85</v>
      </c>
      <c r="P43590" t="s">
        <v>86</v>
      </c>
      <c r="Q43590">
        <v>6</v>
      </c>
      <c r="R43590">
        <v>6</v>
      </c>
      <c r="S43590">
        <v>6</v>
      </c>
      <c r="T43590">
        <v>6</v>
      </c>
      <c r="U43590">
        <v>6</v>
      </c>
      <c r="V43590">
        <v>6</v>
      </c>
      <c r="W43590">
        <v>7</v>
      </c>
      <c r="X43590">
        <v>7</v>
      </c>
      <c r="Y43590">
        <v>7</v>
      </c>
      <c r="Z43590">
        <v>7</v>
      </c>
      <c r="AA43590">
        <v>7</v>
      </c>
      <c r="AB43590">
        <v>7</v>
      </c>
      <c r="AC43590">
        <v>7</v>
      </c>
      <c r="AD43590">
        <v>7</v>
      </c>
      <c r="AE43590">
        <v>7</v>
      </c>
      <c r="AF43590">
        <v>7</v>
      </c>
      <c r="AG43590">
        <v>7</v>
      </c>
      <c r="AH43590">
        <v>7</v>
      </c>
      <c r="AI43590">
        <v>8</v>
      </c>
      <c r="AJ43590">
        <v>8</v>
      </c>
      <c r="AK43590">
        <v>8</v>
      </c>
      <c r="AL43590">
        <v>8</v>
      </c>
      <c r="AM43590">
        <v>8</v>
      </c>
      <c r="AN43590">
        <v>8</v>
      </c>
      <c r="AO43590">
        <v>8</v>
      </c>
      <c r="AP43590">
        <v>8</v>
      </c>
      <c r="AQ43590">
        <v>8</v>
      </c>
    </row>
    <row r="43591" spans="1:43">
      <c r="A43591" t="s">
        <v>26617</v>
      </c>
      <c r="B43591" t="s">
        <v>26618</v>
      </c>
      <c r="C43591" t="s">
        <v>17751</v>
      </c>
      <c r="D43591" t="s">
        <v>17752</v>
      </c>
      <c r="E43591" t="s">
        <v>17663</v>
      </c>
      <c r="F43591" t="s">
        <v>17664</v>
      </c>
      <c r="G43591" t="s">
        <v>16559</v>
      </c>
      <c r="H43591" t="s">
        <v>16560</v>
      </c>
      <c r="I43591" s="2">
        <v>1</v>
      </c>
      <c r="J43591" s="2">
        <v>0</v>
      </c>
      <c r="K43591" s="2">
        <v>0</v>
      </c>
      <c r="L43591" t="s">
        <v>120</v>
      </c>
      <c r="M43591" t="s">
        <v>87</v>
      </c>
      <c r="N43591" t="s">
        <v>88</v>
      </c>
      <c r="O43591" t="s">
        <v>85</v>
      </c>
      <c r="P43591" t="s">
        <v>86</v>
      </c>
      <c r="Q43591">
        <v>6</v>
      </c>
      <c r="R43591">
        <v>6</v>
      </c>
      <c r="S43591">
        <v>6</v>
      </c>
      <c r="T43591">
        <v>6</v>
      </c>
      <c r="U43591">
        <v>6</v>
      </c>
      <c r="V43591">
        <v>6</v>
      </c>
      <c r="W43591">
        <v>6</v>
      </c>
      <c r="X43591">
        <v>6</v>
      </c>
      <c r="Y43591">
        <v>6</v>
      </c>
      <c r="Z43591">
        <v>6</v>
      </c>
      <c r="AA43591">
        <v>6</v>
      </c>
      <c r="AB43591">
        <v>6</v>
      </c>
      <c r="AC43591">
        <v>6</v>
      </c>
      <c r="AD43591">
        <v>6</v>
      </c>
      <c r="AE43591">
        <v>6</v>
      </c>
      <c r="AF43591">
        <v>6</v>
      </c>
      <c r="AG43591">
        <v>7</v>
      </c>
      <c r="AH43591">
        <v>7</v>
      </c>
      <c r="AI43591">
        <v>7</v>
      </c>
      <c r="AJ43591">
        <v>7</v>
      </c>
      <c r="AK43591">
        <v>7</v>
      </c>
      <c r="AL43591">
        <v>7</v>
      </c>
      <c r="AM43591">
        <v>7</v>
      </c>
      <c r="AN43591">
        <v>7</v>
      </c>
      <c r="AO43591">
        <v>7</v>
      </c>
      <c r="AP43591">
        <v>7</v>
      </c>
      <c r="AQ43591">
        <v>7</v>
      </c>
    </row>
    <row r="43592" spans="1:43">
      <c r="A43592" t="s">
        <v>26617</v>
      </c>
      <c r="B43592" t="s">
        <v>26618</v>
      </c>
      <c r="C43592" t="s">
        <v>17751</v>
      </c>
      <c r="D43592" t="s">
        <v>17752</v>
      </c>
      <c r="E43592" t="s">
        <v>17663</v>
      </c>
      <c r="F43592" t="s">
        <v>17664</v>
      </c>
      <c r="G43592" t="s">
        <v>16559</v>
      </c>
      <c r="H43592" t="s">
        <v>16560</v>
      </c>
      <c r="I43592" s="2">
        <v>1</v>
      </c>
      <c r="J43592" s="2">
        <v>0</v>
      </c>
      <c r="K43592" s="2">
        <v>0</v>
      </c>
      <c r="L43592" t="s">
        <v>120</v>
      </c>
      <c r="M43592" t="s">
        <v>89</v>
      </c>
      <c r="N43592" t="s">
        <v>90</v>
      </c>
      <c r="O43592" t="s">
        <v>85</v>
      </c>
      <c r="P43592" t="s">
        <v>86</v>
      </c>
      <c r="Q43592">
        <v>6</v>
      </c>
      <c r="R43592">
        <v>6</v>
      </c>
      <c r="S43592">
        <v>6</v>
      </c>
      <c r="T43592">
        <v>6</v>
      </c>
      <c r="U43592">
        <v>7</v>
      </c>
      <c r="V43592">
        <v>7</v>
      </c>
      <c r="W43592">
        <v>7</v>
      </c>
      <c r="X43592">
        <v>7</v>
      </c>
      <c r="Y43592">
        <v>7</v>
      </c>
      <c r="Z43592">
        <v>7</v>
      </c>
      <c r="AA43592">
        <v>7</v>
      </c>
      <c r="AB43592">
        <v>7</v>
      </c>
      <c r="AC43592">
        <v>8</v>
      </c>
      <c r="AD43592">
        <v>8</v>
      </c>
      <c r="AE43592">
        <v>8</v>
      </c>
      <c r="AF43592">
        <v>8</v>
      </c>
      <c r="AG43592">
        <v>8</v>
      </c>
      <c r="AH43592">
        <v>8</v>
      </c>
      <c r="AI43592">
        <v>8</v>
      </c>
      <c r="AJ43592">
        <v>8</v>
      </c>
      <c r="AK43592">
        <v>8</v>
      </c>
      <c r="AL43592">
        <v>8</v>
      </c>
      <c r="AM43592">
        <v>8</v>
      </c>
      <c r="AN43592">
        <v>8</v>
      </c>
      <c r="AO43592">
        <v>8</v>
      </c>
      <c r="AP43592">
        <v>8</v>
      </c>
      <c r="AQ43592">
        <v>8</v>
      </c>
    </row>
    <row r="43593" spans="1:43">
      <c r="A43593" t="s">
        <v>26617</v>
      </c>
      <c r="B43593" t="s">
        <v>26618</v>
      </c>
      <c r="C43593" t="s">
        <v>17751</v>
      </c>
      <c r="D43593" t="s">
        <v>17752</v>
      </c>
      <c r="E43593" t="s">
        <v>17663</v>
      </c>
      <c r="F43593" t="s">
        <v>17664</v>
      </c>
      <c r="G43593" t="s">
        <v>16559</v>
      </c>
      <c r="H43593" t="s">
        <v>16560</v>
      </c>
      <c r="I43593" s="2">
        <v>1</v>
      </c>
      <c r="J43593" s="2">
        <v>0</v>
      </c>
      <c r="K43593" s="2">
        <v>0</v>
      </c>
      <c r="L43593" t="s">
        <v>120</v>
      </c>
      <c r="M43593" t="s">
        <v>83</v>
      </c>
      <c r="N43593" t="s">
        <v>91</v>
      </c>
      <c r="O43593" t="s">
        <v>85</v>
      </c>
      <c r="P43593" t="s">
        <v>86</v>
      </c>
      <c r="Q43593">
        <v>6</v>
      </c>
      <c r="R43593">
        <v>6</v>
      </c>
      <c r="S43593">
        <v>6</v>
      </c>
      <c r="T43593">
        <v>6</v>
      </c>
      <c r="U43593">
        <v>6</v>
      </c>
      <c r="V43593">
        <v>6</v>
      </c>
      <c r="W43593">
        <v>7</v>
      </c>
      <c r="X43593">
        <v>7</v>
      </c>
      <c r="Y43593">
        <v>7</v>
      </c>
      <c r="Z43593">
        <v>7</v>
      </c>
      <c r="AA43593">
        <v>7</v>
      </c>
      <c r="AB43593">
        <v>7</v>
      </c>
      <c r="AC43593">
        <v>7</v>
      </c>
      <c r="AD43593">
        <v>7</v>
      </c>
      <c r="AE43593">
        <v>7</v>
      </c>
      <c r="AF43593">
        <v>7</v>
      </c>
      <c r="AG43593">
        <v>7</v>
      </c>
      <c r="AH43593">
        <v>7</v>
      </c>
      <c r="AI43593">
        <v>8</v>
      </c>
      <c r="AJ43593">
        <v>8</v>
      </c>
      <c r="AK43593">
        <v>8</v>
      </c>
      <c r="AL43593">
        <v>8</v>
      </c>
      <c r="AM43593">
        <v>8</v>
      </c>
      <c r="AN43593">
        <v>8</v>
      </c>
      <c r="AO43593">
        <v>8</v>
      </c>
      <c r="AP43593">
        <v>8</v>
      </c>
      <c r="AQ43593">
        <v>8</v>
      </c>
    </row>
    <row r="43594" spans="1:43">
      <c r="A43594" t="s">
        <v>26619</v>
      </c>
      <c r="B43594" t="s">
        <v>26620</v>
      </c>
      <c r="C43594" t="s">
        <v>17675</v>
      </c>
      <c r="D43594" t="s">
        <v>17676</v>
      </c>
      <c r="E43594" t="s">
        <v>17663</v>
      </c>
      <c r="F43594" t="s">
        <v>17664</v>
      </c>
      <c r="G43594" t="s">
        <v>16559</v>
      </c>
      <c r="H43594" t="s">
        <v>16560</v>
      </c>
      <c r="I43594" s="2">
        <v>1</v>
      </c>
      <c r="J43594" s="2">
        <v>0</v>
      </c>
      <c r="K43594" s="2">
        <v>0</v>
      </c>
      <c r="L43594" t="s">
        <v>120</v>
      </c>
      <c r="M43594" t="s">
        <v>83</v>
      </c>
      <c r="N43594" t="s">
        <v>84</v>
      </c>
      <c r="O43594" t="s">
        <v>85</v>
      </c>
      <c r="P43594" t="s">
        <v>86</v>
      </c>
      <c r="Q43594">
        <v>122</v>
      </c>
      <c r="R43594">
        <v>123</v>
      </c>
      <c r="S43594">
        <v>125</v>
      </c>
      <c r="T43594">
        <v>127</v>
      </c>
      <c r="U43594">
        <v>129</v>
      </c>
      <c r="V43594">
        <v>131</v>
      </c>
      <c r="W43594">
        <v>133</v>
      </c>
      <c r="X43594">
        <v>135</v>
      </c>
      <c r="Y43594">
        <v>137</v>
      </c>
      <c r="Z43594">
        <v>138</v>
      </c>
      <c r="AA43594">
        <v>140</v>
      </c>
      <c r="AB43594">
        <v>142</v>
      </c>
      <c r="AC43594">
        <v>144</v>
      </c>
      <c r="AD43594">
        <v>146</v>
      </c>
      <c r="AE43594">
        <v>148</v>
      </c>
      <c r="AF43594">
        <v>150</v>
      </c>
      <c r="AG43594">
        <v>152</v>
      </c>
      <c r="AH43594">
        <v>154</v>
      </c>
      <c r="AI43594">
        <v>155</v>
      </c>
      <c r="AJ43594">
        <v>157</v>
      </c>
      <c r="AK43594">
        <v>159</v>
      </c>
      <c r="AL43594">
        <v>161</v>
      </c>
      <c r="AM43594">
        <v>161</v>
      </c>
      <c r="AN43594">
        <v>162</v>
      </c>
      <c r="AO43594">
        <v>163</v>
      </c>
      <c r="AP43594">
        <v>164</v>
      </c>
      <c r="AQ43594">
        <v>164</v>
      </c>
    </row>
    <row r="43595" spans="1:43">
      <c r="A43595" t="s">
        <v>26619</v>
      </c>
      <c r="B43595" t="s">
        <v>26620</v>
      </c>
      <c r="C43595" t="s">
        <v>17675</v>
      </c>
      <c r="D43595" t="s">
        <v>17676</v>
      </c>
      <c r="E43595" t="s">
        <v>17663</v>
      </c>
      <c r="F43595" t="s">
        <v>17664</v>
      </c>
      <c r="G43595" t="s">
        <v>16559</v>
      </c>
      <c r="H43595" t="s">
        <v>16560</v>
      </c>
      <c r="I43595" s="2">
        <v>1</v>
      </c>
      <c r="J43595" s="2">
        <v>0</v>
      </c>
      <c r="K43595" s="2">
        <v>0</v>
      </c>
      <c r="L43595" t="s">
        <v>120</v>
      </c>
      <c r="M43595" t="s">
        <v>87</v>
      </c>
      <c r="N43595" t="s">
        <v>88</v>
      </c>
      <c r="O43595" t="s">
        <v>85</v>
      </c>
      <c r="P43595" t="s">
        <v>86</v>
      </c>
      <c r="Q43595">
        <v>122</v>
      </c>
      <c r="R43595">
        <v>123</v>
      </c>
      <c r="S43595">
        <v>124</v>
      </c>
      <c r="T43595">
        <v>125</v>
      </c>
      <c r="U43595">
        <v>125</v>
      </c>
      <c r="V43595">
        <v>126</v>
      </c>
      <c r="W43595">
        <v>127</v>
      </c>
      <c r="X43595">
        <v>128</v>
      </c>
      <c r="Y43595">
        <v>128</v>
      </c>
      <c r="Z43595">
        <v>129</v>
      </c>
      <c r="AA43595">
        <v>130</v>
      </c>
      <c r="AB43595">
        <v>131</v>
      </c>
      <c r="AC43595">
        <v>131</v>
      </c>
      <c r="AD43595">
        <v>132</v>
      </c>
      <c r="AE43595">
        <v>133</v>
      </c>
      <c r="AF43595">
        <v>134</v>
      </c>
      <c r="AG43595">
        <v>135</v>
      </c>
      <c r="AH43595">
        <v>135</v>
      </c>
      <c r="AI43595">
        <v>136</v>
      </c>
      <c r="AJ43595">
        <v>137</v>
      </c>
      <c r="AK43595">
        <v>138</v>
      </c>
      <c r="AL43595">
        <v>139</v>
      </c>
      <c r="AM43595">
        <v>140</v>
      </c>
      <c r="AN43595">
        <v>141</v>
      </c>
      <c r="AO43595">
        <v>142</v>
      </c>
      <c r="AP43595">
        <v>142</v>
      </c>
      <c r="AQ43595">
        <v>143</v>
      </c>
    </row>
    <row r="43596" spans="1:43">
      <c r="A43596" t="s">
        <v>26619</v>
      </c>
      <c r="B43596" t="s">
        <v>26620</v>
      </c>
      <c r="C43596" t="s">
        <v>17675</v>
      </c>
      <c r="D43596" t="s">
        <v>17676</v>
      </c>
      <c r="E43596" t="s">
        <v>17663</v>
      </c>
      <c r="F43596" t="s">
        <v>17664</v>
      </c>
      <c r="G43596" t="s">
        <v>16559</v>
      </c>
      <c r="H43596" t="s">
        <v>16560</v>
      </c>
      <c r="I43596" s="2">
        <v>1</v>
      </c>
      <c r="J43596" s="2">
        <v>0</v>
      </c>
      <c r="K43596" s="2">
        <v>0</v>
      </c>
      <c r="L43596" t="s">
        <v>120</v>
      </c>
      <c r="M43596" t="s">
        <v>89</v>
      </c>
      <c r="N43596" t="s">
        <v>90</v>
      </c>
      <c r="O43596" t="s">
        <v>85</v>
      </c>
      <c r="P43596" t="s">
        <v>86</v>
      </c>
      <c r="Q43596">
        <v>122</v>
      </c>
      <c r="R43596">
        <v>125</v>
      </c>
      <c r="S43596">
        <v>128</v>
      </c>
      <c r="T43596">
        <v>130</v>
      </c>
      <c r="U43596">
        <v>133</v>
      </c>
      <c r="V43596">
        <v>136</v>
      </c>
      <c r="W43596">
        <v>138</v>
      </c>
      <c r="X43596">
        <v>141</v>
      </c>
      <c r="Y43596">
        <v>143</v>
      </c>
      <c r="Z43596">
        <v>146</v>
      </c>
      <c r="AA43596">
        <v>148</v>
      </c>
      <c r="AB43596">
        <v>151</v>
      </c>
      <c r="AC43596">
        <v>153</v>
      </c>
      <c r="AD43596">
        <v>156</v>
      </c>
      <c r="AE43596">
        <v>158</v>
      </c>
      <c r="AF43596">
        <v>158</v>
      </c>
      <c r="AG43596">
        <v>159</v>
      </c>
      <c r="AH43596">
        <v>160</v>
      </c>
      <c r="AI43596">
        <v>161</v>
      </c>
      <c r="AJ43596">
        <v>161</v>
      </c>
      <c r="AK43596">
        <v>162</v>
      </c>
      <c r="AL43596">
        <v>163</v>
      </c>
      <c r="AM43596">
        <v>163</v>
      </c>
      <c r="AN43596">
        <v>164</v>
      </c>
      <c r="AO43596">
        <v>165</v>
      </c>
      <c r="AP43596">
        <v>166</v>
      </c>
      <c r="AQ43596">
        <v>166</v>
      </c>
    </row>
    <row r="43597" spans="1:43">
      <c r="A43597" t="s">
        <v>26619</v>
      </c>
      <c r="B43597" t="s">
        <v>26620</v>
      </c>
      <c r="C43597" t="s">
        <v>17675</v>
      </c>
      <c r="D43597" t="s">
        <v>17676</v>
      </c>
      <c r="E43597" t="s">
        <v>17663</v>
      </c>
      <c r="F43597" t="s">
        <v>17664</v>
      </c>
      <c r="G43597" t="s">
        <v>16559</v>
      </c>
      <c r="H43597" t="s">
        <v>16560</v>
      </c>
      <c r="I43597" s="2">
        <v>1</v>
      </c>
      <c r="J43597" s="2">
        <v>0</v>
      </c>
      <c r="K43597" s="2">
        <v>0</v>
      </c>
      <c r="L43597" t="s">
        <v>120</v>
      </c>
      <c r="M43597" t="s">
        <v>83</v>
      </c>
      <c r="N43597" t="s">
        <v>91</v>
      </c>
      <c r="O43597" t="s">
        <v>85</v>
      </c>
      <c r="P43597" t="s">
        <v>86</v>
      </c>
      <c r="Q43597">
        <v>122</v>
      </c>
      <c r="R43597">
        <v>123</v>
      </c>
      <c r="S43597">
        <v>125</v>
      </c>
      <c r="T43597">
        <v>127</v>
      </c>
      <c r="U43597">
        <v>129</v>
      </c>
      <c r="V43597">
        <v>131</v>
      </c>
      <c r="W43597">
        <v>133</v>
      </c>
      <c r="X43597">
        <v>135</v>
      </c>
      <c r="Y43597">
        <v>137</v>
      </c>
      <c r="Z43597">
        <v>138</v>
      </c>
      <c r="AA43597">
        <v>140</v>
      </c>
      <c r="AB43597">
        <v>142</v>
      </c>
      <c r="AC43597">
        <v>144</v>
      </c>
      <c r="AD43597">
        <v>146</v>
      </c>
      <c r="AE43597">
        <v>148</v>
      </c>
      <c r="AF43597">
        <v>150</v>
      </c>
      <c r="AG43597">
        <v>152</v>
      </c>
      <c r="AH43597">
        <v>154</v>
      </c>
      <c r="AI43597">
        <v>155</v>
      </c>
      <c r="AJ43597">
        <v>157</v>
      </c>
      <c r="AK43597">
        <v>159</v>
      </c>
      <c r="AL43597">
        <v>161</v>
      </c>
      <c r="AM43597">
        <v>161</v>
      </c>
      <c r="AN43597">
        <v>162</v>
      </c>
      <c r="AO43597">
        <v>163</v>
      </c>
      <c r="AP43597">
        <v>164</v>
      </c>
      <c r="AQ43597">
        <v>164</v>
      </c>
    </row>
    <row r="43598" spans="1:43">
      <c r="A43598" t="s">
        <v>26621</v>
      </c>
      <c r="B43598" t="s">
        <v>26622</v>
      </c>
      <c r="C43598" t="s">
        <v>17675</v>
      </c>
      <c r="D43598" t="s">
        <v>17676</v>
      </c>
      <c r="E43598" t="s">
        <v>17663</v>
      </c>
      <c r="F43598" t="s">
        <v>17664</v>
      </c>
      <c r="G43598" t="s">
        <v>16559</v>
      </c>
      <c r="H43598" t="s">
        <v>16560</v>
      </c>
      <c r="I43598" s="2">
        <v>1</v>
      </c>
      <c r="J43598" s="2">
        <v>0</v>
      </c>
      <c r="K43598" s="2">
        <v>0</v>
      </c>
      <c r="L43598" t="s">
        <v>120</v>
      </c>
      <c r="M43598" t="s">
        <v>83</v>
      </c>
      <c r="N43598" t="s">
        <v>84</v>
      </c>
      <c r="O43598" t="s">
        <v>85</v>
      </c>
      <c r="P43598" t="s">
        <v>86</v>
      </c>
      <c r="Q43598">
        <v>20</v>
      </c>
      <c r="R43598">
        <v>20</v>
      </c>
      <c r="S43598">
        <v>20</v>
      </c>
      <c r="T43598">
        <v>21</v>
      </c>
      <c r="U43598">
        <v>21</v>
      </c>
      <c r="V43598">
        <v>21</v>
      </c>
      <c r="W43598">
        <v>21</v>
      </c>
      <c r="X43598">
        <v>22</v>
      </c>
      <c r="Y43598">
        <v>22</v>
      </c>
      <c r="Z43598">
        <v>22</v>
      </c>
      <c r="AA43598">
        <v>23</v>
      </c>
      <c r="AB43598">
        <v>23</v>
      </c>
      <c r="AC43598">
        <v>23</v>
      </c>
      <c r="AD43598">
        <v>24</v>
      </c>
      <c r="AE43598">
        <v>24</v>
      </c>
      <c r="AF43598">
        <v>24</v>
      </c>
      <c r="AG43598">
        <v>24</v>
      </c>
      <c r="AH43598">
        <v>25</v>
      </c>
      <c r="AI43598">
        <v>25</v>
      </c>
      <c r="AJ43598">
        <v>25</v>
      </c>
      <c r="AK43598">
        <v>26</v>
      </c>
      <c r="AL43598">
        <v>26</v>
      </c>
      <c r="AM43598">
        <v>26</v>
      </c>
      <c r="AN43598">
        <v>26</v>
      </c>
      <c r="AO43598">
        <v>26</v>
      </c>
      <c r="AP43598">
        <v>26</v>
      </c>
      <c r="AQ43598">
        <v>27</v>
      </c>
    </row>
    <row r="43599" spans="1:43">
      <c r="A43599" t="s">
        <v>26621</v>
      </c>
      <c r="B43599" t="s">
        <v>26622</v>
      </c>
      <c r="C43599" t="s">
        <v>17675</v>
      </c>
      <c r="D43599" t="s">
        <v>17676</v>
      </c>
      <c r="E43599" t="s">
        <v>17663</v>
      </c>
      <c r="F43599" t="s">
        <v>17664</v>
      </c>
      <c r="G43599" t="s">
        <v>16559</v>
      </c>
      <c r="H43599" t="s">
        <v>16560</v>
      </c>
      <c r="I43599" s="2">
        <v>1</v>
      </c>
      <c r="J43599" s="2">
        <v>0</v>
      </c>
      <c r="K43599" s="2">
        <v>0</v>
      </c>
      <c r="L43599" t="s">
        <v>120</v>
      </c>
      <c r="M43599" t="s">
        <v>87</v>
      </c>
      <c r="N43599" t="s">
        <v>88</v>
      </c>
      <c r="O43599" t="s">
        <v>85</v>
      </c>
      <c r="P43599" t="s">
        <v>86</v>
      </c>
      <c r="Q43599">
        <v>20</v>
      </c>
      <c r="R43599">
        <v>21</v>
      </c>
      <c r="S43599">
        <v>21</v>
      </c>
      <c r="T43599">
        <v>21</v>
      </c>
      <c r="U43599">
        <v>21</v>
      </c>
      <c r="V43599">
        <v>21</v>
      </c>
      <c r="W43599">
        <v>21</v>
      </c>
      <c r="X43599">
        <v>21</v>
      </c>
      <c r="Y43599">
        <v>21</v>
      </c>
      <c r="Z43599">
        <v>22</v>
      </c>
      <c r="AA43599">
        <v>22</v>
      </c>
      <c r="AB43599">
        <v>22</v>
      </c>
      <c r="AC43599">
        <v>22</v>
      </c>
      <c r="AD43599">
        <v>22</v>
      </c>
      <c r="AE43599">
        <v>22</v>
      </c>
      <c r="AF43599">
        <v>22</v>
      </c>
      <c r="AG43599">
        <v>22</v>
      </c>
      <c r="AH43599">
        <v>23</v>
      </c>
      <c r="AI43599">
        <v>23</v>
      </c>
      <c r="AJ43599">
        <v>23</v>
      </c>
      <c r="AK43599">
        <v>23</v>
      </c>
      <c r="AL43599">
        <v>23</v>
      </c>
      <c r="AM43599">
        <v>23</v>
      </c>
      <c r="AN43599">
        <v>23</v>
      </c>
      <c r="AO43599">
        <v>24</v>
      </c>
      <c r="AP43599">
        <v>24</v>
      </c>
      <c r="AQ43599">
        <v>24</v>
      </c>
    </row>
    <row r="43600" spans="1:43">
      <c r="A43600" t="s">
        <v>26621</v>
      </c>
      <c r="B43600" t="s">
        <v>26622</v>
      </c>
      <c r="C43600" t="s">
        <v>17675</v>
      </c>
      <c r="D43600" t="s">
        <v>17676</v>
      </c>
      <c r="E43600" t="s">
        <v>17663</v>
      </c>
      <c r="F43600" t="s">
        <v>17664</v>
      </c>
      <c r="G43600" t="s">
        <v>16559</v>
      </c>
      <c r="H43600" t="s">
        <v>16560</v>
      </c>
      <c r="I43600" s="2">
        <v>1</v>
      </c>
      <c r="J43600" s="2">
        <v>0</v>
      </c>
      <c r="K43600" s="2">
        <v>0</v>
      </c>
      <c r="L43600" t="s">
        <v>120</v>
      </c>
      <c r="M43600" t="s">
        <v>89</v>
      </c>
      <c r="N43600" t="s">
        <v>90</v>
      </c>
      <c r="O43600" t="s">
        <v>85</v>
      </c>
      <c r="P43600" t="s">
        <v>86</v>
      </c>
      <c r="Q43600">
        <v>20</v>
      </c>
      <c r="R43600">
        <v>20</v>
      </c>
      <c r="S43600">
        <v>21</v>
      </c>
      <c r="T43600">
        <v>21</v>
      </c>
      <c r="U43600">
        <v>22</v>
      </c>
      <c r="V43600">
        <v>22</v>
      </c>
      <c r="W43600">
        <v>23</v>
      </c>
      <c r="X43600">
        <v>23</v>
      </c>
      <c r="Y43600">
        <v>23</v>
      </c>
      <c r="Z43600">
        <v>24</v>
      </c>
      <c r="AA43600">
        <v>24</v>
      </c>
      <c r="AB43600">
        <v>25</v>
      </c>
      <c r="AC43600">
        <v>25</v>
      </c>
      <c r="AD43600">
        <v>25</v>
      </c>
      <c r="AE43600">
        <v>26</v>
      </c>
      <c r="AF43600">
        <v>26</v>
      </c>
      <c r="AG43600">
        <v>26</v>
      </c>
      <c r="AH43600">
        <v>26</v>
      </c>
      <c r="AI43600">
        <v>26</v>
      </c>
      <c r="AJ43600">
        <v>26</v>
      </c>
      <c r="AK43600">
        <v>26</v>
      </c>
      <c r="AL43600">
        <v>26</v>
      </c>
      <c r="AM43600">
        <v>27</v>
      </c>
      <c r="AN43600">
        <v>27</v>
      </c>
      <c r="AO43600">
        <v>27</v>
      </c>
      <c r="AP43600">
        <v>27</v>
      </c>
      <c r="AQ43600">
        <v>27</v>
      </c>
    </row>
    <row r="43601" spans="1:43">
      <c r="A43601" t="s">
        <v>26621</v>
      </c>
      <c r="B43601" t="s">
        <v>26622</v>
      </c>
      <c r="C43601" t="s">
        <v>17675</v>
      </c>
      <c r="D43601" t="s">
        <v>17676</v>
      </c>
      <c r="E43601" t="s">
        <v>17663</v>
      </c>
      <c r="F43601" t="s">
        <v>17664</v>
      </c>
      <c r="G43601" t="s">
        <v>16559</v>
      </c>
      <c r="H43601" t="s">
        <v>16560</v>
      </c>
      <c r="I43601" s="2">
        <v>1</v>
      </c>
      <c r="J43601" s="2">
        <v>0</v>
      </c>
      <c r="K43601" s="2">
        <v>0</v>
      </c>
      <c r="L43601" t="s">
        <v>120</v>
      </c>
      <c r="M43601" t="s">
        <v>83</v>
      </c>
      <c r="N43601" t="s">
        <v>91</v>
      </c>
      <c r="O43601" t="s">
        <v>85</v>
      </c>
      <c r="P43601" t="s">
        <v>86</v>
      </c>
      <c r="Q43601">
        <v>20</v>
      </c>
      <c r="R43601">
        <v>20</v>
      </c>
      <c r="S43601">
        <v>20</v>
      </c>
      <c r="T43601">
        <v>21</v>
      </c>
      <c r="U43601">
        <v>21</v>
      </c>
      <c r="V43601">
        <v>21</v>
      </c>
      <c r="W43601">
        <v>21</v>
      </c>
      <c r="X43601">
        <v>22</v>
      </c>
      <c r="Y43601">
        <v>22</v>
      </c>
      <c r="Z43601">
        <v>22</v>
      </c>
      <c r="AA43601">
        <v>23</v>
      </c>
      <c r="AB43601">
        <v>23</v>
      </c>
      <c r="AC43601">
        <v>23</v>
      </c>
      <c r="AD43601">
        <v>24</v>
      </c>
      <c r="AE43601">
        <v>24</v>
      </c>
      <c r="AF43601">
        <v>24</v>
      </c>
      <c r="AG43601">
        <v>24</v>
      </c>
      <c r="AH43601">
        <v>25</v>
      </c>
      <c r="AI43601">
        <v>25</v>
      </c>
      <c r="AJ43601">
        <v>25</v>
      </c>
      <c r="AK43601">
        <v>26</v>
      </c>
      <c r="AL43601">
        <v>26</v>
      </c>
      <c r="AM43601">
        <v>26</v>
      </c>
      <c r="AN43601">
        <v>26</v>
      </c>
      <c r="AO43601">
        <v>26</v>
      </c>
      <c r="AP43601">
        <v>26</v>
      </c>
      <c r="AQ43601">
        <v>27</v>
      </c>
    </row>
    <row r="43602" spans="1:43">
      <c r="A43602" t="s">
        <v>26623</v>
      </c>
      <c r="B43602" t="s">
        <v>26624</v>
      </c>
      <c r="C43602" t="s">
        <v>17965</v>
      </c>
      <c r="D43602" t="s">
        <v>17966</v>
      </c>
      <c r="E43602" t="s">
        <v>17915</v>
      </c>
      <c r="F43602" t="s">
        <v>17916</v>
      </c>
      <c r="G43602" t="s">
        <v>16559</v>
      </c>
      <c r="H43602" t="s">
        <v>16560</v>
      </c>
      <c r="I43602" s="2">
        <v>1</v>
      </c>
      <c r="J43602" s="2">
        <v>0</v>
      </c>
      <c r="K43602" s="2">
        <v>0</v>
      </c>
      <c r="L43602" t="s">
        <v>120</v>
      </c>
      <c r="M43602" t="s">
        <v>83</v>
      </c>
      <c r="N43602" t="s">
        <v>84</v>
      </c>
      <c r="O43602" t="s">
        <v>85</v>
      </c>
      <c r="P43602" t="s">
        <v>86</v>
      </c>
      <c r="Q43602">
        <v>28</v>
      </c>
      <c r="R43602">
        <v>28</v>
      </c>
      <c r="S43602">
        <v>29</v>
      </c>
      <c r="T43602">
        <v>29</v>
      </c>
      <c r="U43602">
        <v>29</v>
      </c>
      <c r="V43602">
        <v>30</v>
      </c>
      <c r="W43602">
        <v>30</v>
      </c>
      <c r="X43602">
        <v>30</v>
      </c>
      <c r="Y43602">
        <v>31</v>
      </c>
      <c r="Z43602">
        <v>31</v>
      </c>
      <c r="AA43602">
        <v>31</v>
      </c>
      <c r="AB43602">
        <v>31</v>
      </c>
      <c r="AC43602">
        <v>32</v>
      </c>
      <c r="AD43602">
        <v>32</v>
      </c>
      <c r="AE43602">
        <v>32</v>
      </c>
      <c r="AF43602">
        <v>32</v>
      </c>
      <c r="AG43602">
        <v>33</v>
      </c>
      <c r="AH43602">
        <v>33</v>
      </c>
      <c r="AI43602">
        <v>33</v>
      </c>
      <c r="AJ43602">
        <v>34</v>
      </c>
      <c r="AK43602">
        <v>34</v>
      </c>
      <c r="AL43602">
        <v>34</v>
      </c>
      <c r="AM43602">
        <v>34</v>
      </c>
      <c r="AN43602">
        <v>34</v>
      </c>
      <c r="AO43602">
        <v>34</v>
      </c>
      <c r="AP43602">
        <v>33</v>
      </c>
      <c r="AQ43602">
        <v>33</v>
      </c>
    </row>
    <row r="43603" spans="1:43">
      <c r="A43603" t="s">
        <v>26623</v>
      </c>
      <c r="B43603" t="s">
        <v>26624</v>
      </c>
      <c r="C43603" t="s">
        <v>17965</v>
      </c>
      <c r="D43603" t="s">
        <v>17966</v>
      </c>
      <c r="E43603" t="s">
        <v>17915</v>
      </c>
      <c r="F43603" t="s">
        <v>17916</v>
      </c>
      <c r="G43603" t="s">
        <v>16559</v>
      </c>
      <c r="H43603" t="s">
        <v>16560</v>
      </c>
      <c r="I43603" s="2">
        <v>1</v>
      </c>
      <c r="J43603" s="2">
        <v>0</v>
      </c>
      <c r="K43603" s="2">
        <v>0</v>
      </c>
      <c r="L43603" t="s">
        <v>120</v>
      </c>
      <c r="M43603" t="s">
        <v>87</v>
      </c>
      <c r="N43603" t="s">
        <v>88</v>
      </c>
      <c r="O43603" t="s">
        <v>85</v>
      </c>
      <c r="P43603" t="s">
        <v>86</v>
      </c>
      <c r="Q43603">
        <v>28</v>
      </c>
      <c r="R43603">
        <v>28</v>
      </c>
      <c r="S43603">
        <v>28</v>
      </c>
      <c r="T43603">
        <v>28</v>
      </c>
      <c r="U43603">
        <v>28</v>
      </c>
      <c r="V43603">
        <v>28</v>
      </c>
      <c r="W43603">
        <v>28</v>
      </c>
      <c r="X43603">
        <v>28</v>
      </c>
      <c r="Y43603">
        <v>28</v>
      </c>
      <c r="Z43603">
        <v>28</v>
      </c>
      <c r="AA43603">
        <v>28</v>
      </c>
      <c r="AB43603">
        <v>28</v>
      </c>
      <c r="AC43603">
        <v>29</v>
      </c>
      <c r="AD43603">
        <v>29</v>
      </c>
      <c r="AE43603">
        <v>29</v>
      </c>
      <c r="AF43603">
        <v>29</v>
      </c>
      <c r="AG43603">
        <v>29</v>
      </c>
      <c r="AH43603">
        <v>29</v>
      </c>
      <c r="AI43603">
        <v>29</v>
      </c>
      <c r="AJ43603">
        <v>29</v>
      </c>
      <c r="AK43603">
        <v>29</v>
      </c>
      <c r="AL43603">
        <v>29</v>
      </c>
      <c r="AM43603">
        <v>29</v>
      </c>
      <c r="AN43603">
        <v>29</v>
      </c>
      <c r="AO43603">
        <v>29</v>
      </c>
      <c r="AP43603">
        <v>29</v>
      </c>
      <c r="AQ43603">
        <v>29</v>
      </c>
    </row>
    <row r="43604" spans="1:43">
      <c r="A43604" t="s">
        <v>26623</v>
      </c>
      <c r="B43604" t="s">
        <v>26624</v>
      </c>
      <c r="C43604" t="s">
        <v>17965</v>
      </c>
      <c r="D43604" t="s">
        <v>17966</v>
      </c>
      <c r="E43604" t="s">
        <v>17915</v>
      </c>
      <c r="F43604" t="s">
        <v>17916</v>
      </c>
      <c r="G43604" t="s">
        <v>16559</v>
      </c>
      <c r="H43604" t="s">
        <v>16560</v>
      </c>
      <c r="I43604" s="2">
        <v>1</v>
      </c>
      <c r="J43604" s="2">
        <v>0</v>
      </c>
      <c r="K43604" s="2">
        <v>0</v>
      </c>
      <c r="L43604" t="s">
        <v>120</v>
      </c>
      <c r="M43604" t="s">
        <v>89</v>
      </c>
      <c r="N43604" t="s">
        <v>90</v>
      </c>
      <c r="O43604" t="s">
        <v>85</v>
      </c>
      <c r="P43604" t="s">
        <v>86</v>
      </c>
      <c r="Q43604">
        <v>28</v>
      </c>
      <c r="R43604">
        <v>29</v>
      </c>
      <c r="S43604">
        <v>29</v>
      </c>
      <c r="T43604">
        <v>30</v>
      </c>
      <c r="U43604">
        <v>31</v>
      </c>
      <c r="V43604">
        <v>31</v>
      </c>
      <c r="W43604">
        <v>31</v>
      </c>
      <c r="X43604">
        <v>32</v>
      </c>
      <c r="Y43604">
        <v>32</v>
      </c>
      <c r="Z43604">
        <v>33</v>
      </c>
      <c r="AA43604">
        <v>33</v>
      </c>
      <c r="AB43604">
        <v>33</v>
      </c>
      <c r="AC43604">
        <v>34</v>
      </c>
      <c r="AD43604">
        <v>34</v>
      </c>
      <c r="AE43604">
        <v>34</v>
      </c>
      <c r="AF43604">
        <v>34</v>
      </c>
      <c r="AG43604">
        <v>34</v>
      </c>
      <c r="AH43604">
        <v>34</v>
      </c>
      <c r="AI43604">
        <v>34</v>
      </c>
      <c r="AJ43604">
        <v>34</v>
      </c>
      <c r="AK43604">
        <v>34</v>
      </c>
      <c r="AL43604">
        <v>34</v>
      </c>
      <c r="AM43604">
        <v>34</v>
      </c>
      <c r="AN43604">
        <v>34</v>
      </c>
      <c r="AO43604">
        <v>34</v>
      </c>
      <c r="AP43604">
        <v>34</v>
      </c>
      <c r="AQ43604">
        <v>33</v>
      </c>
    </row>
    <row r="43605" spans="1:43">
      <c r="A43605" t="s">
        <v>26623</v>
      </c>
      <c r="B43605" t="s">
        <v>26624</v>
      </c>
      <c r="C43605" t="s">
        <v>17965</v>
      </c>
      <c r="D43605" t="s">
        <v>17966</v>
      </c>
      <c r="E43605" t="s">
        <v>17915</v>
      </c>
      <c r="F43605" t="s">
        <v>17916</v>
      </c>
      <c r="G43605" t="s">
        <v>16559</v>
      </c>
      <c r="H43605" t="s">
        <v>16560</v>
      </c>
      <c r="I43605" s="2">
        <v>1</v>
      </c>
      <c r="J43605" s="2">
        <v>0</v>
      </c>
      <c r="K43605" s="2">
        <v>0</v>
      </c>
      <c r="L43605" t="s">
        <v>120</v>
      </c>
      <c r="M43605" t="s">
        <v>83</v>
      </c>
      <c r="N43605" t="s">
        <v>91</v>
      </c>
      <c r="O43605" t="s">
        <v>85</v>
      </c>
      <c r="P43605" t="s">
        <v>86</v>
      </c>
      <c r="Q43605">
        <v>28</v>
      </c>
      <c r="R43605">
        <v>28</v>
      </c>
      <c r="S43605">
        <v>29</v>
      </c>
      <c r="T43605">
        <v>29</v>
      </c>
      <c r="U43605">
        <v>29</v>
      </c>
      <c r="V43605">
        <v>30</v>
      </c>
      <c r="W43605">
        <v>30</v>
      </c>
      <c r="X43605">
        <v>30</v>
      </c>
      <c r="Y43605">
        <v>31</v>
      </c>
      <c r="Z43605">
        <v>31</v>
      </c>
      <c r="AA43605">
        <v>31</v>
      </c>
      <c r="AB43605">
        <v>31</v>
      </c>
      <c r="AC43605">
        <v>32</v>
      </c>
      <c r="AD43605">
        <v>32</v>
      </c>
      <c r="AE43605">
        <v>32</v>
      </c>
      <c r="AF43605">
        <v>32</v>
      </c>
      <c r="AG43605">
        <v>33</v>
      </c>
      <c r="AH43605">
        <v>33</v>
      </c>
      <c r="AI43605">
        <v>33</v>
      </c>
      <c r="AJ43605">
        <v>34</v>
      </c>
      <c r="AK43605">
        <v>34</v>
      </c>
      <c r="AL43605">
        <v>34</v>
      </c>
      <c r="AM43605">
        <v>34</v>
      </c>
      <c r="AN43605">
        <v>34</v>
      </c>
      <c r="AO43605">
        <v>34</v>
      </c>
      <c r="AP43605">
        <v>33</v>
      </c>
      <c r="AQ43605">
        <v>33</v>
      </c>
    </row>
    <row r="43606" spans="1:43">
      <c r="A43606" t="s">
        <v>26625</v>
      </c>
      <c r="B43606" t="s">
        <v>26626</v>
      </c>
      <c r="C43606" t="s">
        <v>17965</v>
      </c>
      <c r="D43606" t="s">
        <v>17966</v>
      </c>
      <c r="E43606" t="s">
        <v>17915</v>
      </c>
      <c r="F43606" t="s">
        <v>17916</v>
      </c>
      <c r="G43606" t="s">
        <v>16559</v>
      </c>
      <c r="H43606" t="s">
        <v>16560</v>
      </c>
      <c r="I43606" s="2">
        <v>1</v>
      </c>
      <c r="J43606" s="2">
        <v>0</v>
      </c>
      <c r="K43606" s="2">
        <v>0</v>
      </c>
      <c r="L43606" t="s">
        <v>120</v>
      </c>
      <c r="M43606" t="s">
        <v>83</v>
      </c>
      <c r="N43606" t="s">
        <v>84</v>
      </c>
      <c r="O43606" t="s">
        <v>85</v>
      </c>
      <c r="P43606" t="s">
        <v>86</v>
      </c>
      <c r="Q43606">
        <v>20</v>
      </c>
      <c r="R43606">
        <v>21</v>
      </c>
      <c r="S43606">
        <v>21</v>
      </c>
      <c r="T43606">
        <v>21</v>
      </c>
      <c r="U43606">
        <v>21</v>
      </c>
      <c r="V43606">
        <v>22</v>
      </c>
      <c r="W43606">
        <v>22</v>
      </c>
      <c r="X43606">
        <v>22</v>
      </c>
      <c r="Y43606">
        <v>22</v>
      </c>
      <c r="Z43606">
        <v>22</v>
      </c>
      <c r="AA43606">
        <v>23</v>
      </c>
      <c r="AB43606">
        <v>23</v>
      </c>
      <c r="AC43606">
        <v>23</v>
      </c>
      <c r="AD43606">
        <v>23</v>
      </c>
      <c r="AE43606">
        <v>23</v>
      </c>
      <c r="AF43606">
        <v>24</v>
      </c>
      <c r="AG43606">
        <v>24</v>
      </c>
      <c r="AH43606">
        <v>24</v>
      </c>
      <c r="AI43606">
        <v>24</v>
      </c>
      <c r="AJ43606">
        <v>24</v>
      </c>
      <c r="AK43606">
        <v>24</v>
      </c>
      <c r="AL43606">
        <v>24</v>
      </c>
      <c r="AM43606">
        <v>24</v>
      </c>
      <c r="AN43606">
        <v>24</v>
      </c>
      <c r="AO43606">
        <v>24</v>
      </c>
      <c r="AP43606">
        <v>24</v>
      </c>
      <c r="AQ43606">
        <v>24</v>
      </c>
    </row>
    <row r="43607" spans="1:43">
      <c r="A43607" t="s">
        <v>26625</v>
      </c>
      <c r="B43607" t="s">
        <v>26626</v>
      </c>
      <c r="C43607" t="s">
        <v>17965</v>
      </c>
      <c r="D43607" t="s">
        <v>17966</v>
      </c>
      <c r="E43607" t="s">
        <v>17915</v>
      </c>
      <c r="F43607" t="s">
        <v>17916</v>
      </c>
      <c r="G43607" t="s">
        <v>16559</v>
      </c>
      <c r="H43607" t="s">
        <v>16560</v>
      </c>
      <c r="I43607" s="2">
        <v>1</v>
      </c>
      <c r="J43607" s="2">
        <v>0</v>
      </c>
      <c r="K43607" s="2">
        <v>0</v>
      </c>
      <c r="L43607" t="s">
        <v>120</v>
      </c>
      <c r="M43607" t="s">
        <v>87</v>
      </c>
      <c r="N43607" t="s">
        <v>88</v>
      </c>
      <c r="O43607" t="s">
        <v>85</v>
      </c>
      <c r="P43607" t="s">
        <v>86</v>
      </c>
      <c r="Q43607">
        <v>20</v>
      </c>
      <c r="R43607">
        <v>20</v>
      </c>
      <c r="S43607">
        <v>20</v>
      </c>
      <c r="T43607">
        <v>20</v>
      </c>
      <c r="U43607">
        <v>20</v>
      </c>
      <c r="V43607">
        <v>20</v>
      </c>
      <c r="W43607">
        <v>20</v>
      </c>
      <c r="X43607">
        <v>20</v>
      </c>
      <c r="Y43607">
        <v>21</v>
      </c>
      <c r="Z43607">
        <v>21</v>
      </c>
      <c r="AA43607">
        <v>21</v>
      </c>
      <c r="AB43607">
        <v>21</v>
      </c>
      <c r="AC43607">
        <v>21</v>
      </c>
      <c r="AD43607">
        <v>21</v>
      </c>
      <c r="AE43607">
        <v>21</v>
      </c>
      <c r="AF43607">
        <v>21</v>
      </c>
      <c r="AG43607">
        <v>21</v>
      </c>
      <c r="AH43607">
        <v>21</v>
      </c>
      <c r="AI43607">
        <v>21</v>
      </c>
      <c r="AJ43607">
        <v>21</v>
      </c>
      <c r="AK43607">
        <v>21</v>
      </c>
      <c r="AL43607">
        <v>21</v>
      </c>
      <c r="AM43607">
        <v>21</v>
      </c>
      <c r="AN43607">
        <v>21</v>
      </c>
      <c r="AO43607">
        <v>21</v>
      </c>
      <c r="AP43607">
        <v>21</v>
      </c>
      <c r="AQ43607">
        <v>21</v>
      </c>
    </row>
    <row r="43608" spans="1:43">
      <c r="A43608" t="s">
        <v>26625</v>
      </c>
      <c r="B43608" t="s">
        <v>26626</v>
      </c>
      <c r="C43608" t="s">
        <v>17965</v>
      </c>
      <c r="D43608" t="s">
        <v>17966</v>
      </c>
      <c r="E43608" t="s">
        <v>17915</v>
      </c>
      <c r="F43608" t="s">
        <v>17916</v>
      </c>
      <c r="G43608" t="s">
        <v>16559</v>
      </c>
      <c r="H43608" t="s">
        <v>16560</v>
      </c>
      <c r="I43608" s="2">
        <v>1</v>
      </c>
      <c r="J43608" s="2">
        <v>0</v>
      </c>
      <c r="K43608" s="2">
        <v>0</v>
      </c>
      <c r="L43608" t="s">
        <v>120</v>
      </c>
      <c r="M43608" t="s">
        <v>89</v>
      </c>
      <c r="N43608" t="s">
        <v>90</v>
      </c>
      <c r="O43608" t="s">
        <v>85</v>
      </c>
      <c r="P43608" t="s">
        <v>86</v>
      </c>
      <c r="Q43608">
        <v>20</v>
      </c>
      <c r="R43608">
        <v>20</v>
      </c>
      <c r="S43608">
        <v>20</v>
      </c>
      <c r="T43608">
        <v>21</v>
      </c>
      <c r="U43608">
        <v>21</v>
      </c>
      <c r="V43608">
        <v>21</v>
      </c>
      <c r="W43608">
        <v>22</v>
      </c>
      <c r="X43608">
        <v>22</v>
      </c>
      <c r="Y43608">
        <v>22</v>
      </c>
      <c r="Z43608">
        <v>23</v>
      </c>
      <c r="AA43608">
        <v>23</v>
      </c>
      <c r="AB43608">
        <v>23</v>
      </c>
      <c r="AC43608">
        <v>24</v>
      </c>
      <c r="AD43608">
        <v>24</v>
      </c>
      <c r="AE43608">
        <v>24</v>
      </c>
      <c r="AF43608">
        <v>24</v>
      </c>
      <c r="AG43608">
        <v>24</v>
      </c>
      <c r="AH43608">
        <v>24</v>
      </c>
      <c r="AI43608">
        <v>24</v>
      </c>
      <c r="AJ43608">
        <v>24</v>
      </c>
      <c r="AK43608">
        <v>24</v>
      </c>
      <c r="AL43608">
        <v>24</v>
      </c>
      <c r="AM43608">
        <v>23</v>
      </c>
      <c r="AN43608">
        <v>23</v>
      </c>
      <c r="AO43608">
        <v>23</v>
      </c>
      <c r="AP43608">
        <v>23</v>
      </c>
      <c r="AQ43608">
        <v>23</v>
      </c>
    </row>
    <row r="43609" spans="1:43">
      <c r="A43609" t="s">
        <v>26625</v>
      </c>
      <c r="B43609" t="s">
        <v>26626</v>
      </c>
      <c r="C43609" t="s">
        <v>17965</v>
      </c>
      <c r="D43609" t="s">
        <v>17966</v>
      </c>
      <c r="E43609" t="s">
        <v>17915</v>
      </c>
      <c r="F43609" t="s">
        <v>17916</v>
      </c>
      <c r="G43609" t="s">
        <v>16559</v>
      </c>
      <c r="H43609" t="s">
        <v>16560</v>
      </c>
      <c r="I43609" s="2">
        <v>1</v>
      </c>
      <c r="J43609" s="2">
        <v>0</v>
      </c>
      <c r="K43609" s="2">
        <v>0</v>
      </c>
      <c r="L43609" t="s">
        <v>120</v>
      </c>
      <c r="M43609" t="s">
        <v>83</v>
      </c>
      <c r="N43609" t="s">
        <v>91</v>
      </c>
      <c r="O43609" t="s">
        <v>85</v>
      </c>
      <c r="P43609" t="s">
        <v>86</v>
      </c>
      <c r="Q43609">
        <v>20</v>
      </c>
      <c r="R43609">
        <v>21</v>
      </c>
      <c r="S43609">
        <v>21</v>
      </c>
      <c r="T43609">
        <v>21</v>
      </c>
      <c r="U43609">
        <v>21</v>
      </c>
      <c r="V43609">
        <v>22</v>
      </c>
      <c r="W43609">
        <v>22</v>
      </c>
      <c r="X43609">
        <v>22</v>
      </c>
      <c r="Y43609">
        <v>22</v>
      </c>
      <c r="Z43609">
        <v>22</v>
      </c>
      <c r="AA43609">
        <v>23</v>
      </c>
      <c r="AB43609">
        <v>23</v>
      </c>
      <c r="AC43609">
        <v>23</v>
      </c>
      <c r="AD43609">
        <v>23</v>
      </c>
      <c r="AE43609">
        <v>23</v>
      </c>
      <c r="AF43609">
        <v>24</v>
      </c>
      <c r="AG43609">
        <v>24</v>
      </c>
      <c r="AH43609">
        <v>24</v>
      </c>
      <c r="AI43609">
        <v>24</v>
      </c>
      <c r="AJ43609">
        <v>24</v>
      </c>
      <c r="AK43609">
        <v>24</v>
      </c>
      <c r="AL43609">
        <v>24</v>
      </c>
      <c r="AM43609">
        <v>24</v>
      </c>
      <c r="AN43609">
        <v>24</v>
      </c>
      <c r="AO43609">
        <v>24</v>
      </c>
      <c r="AP43609">
        <v>24</v>
      </c>
      <c r="AQ43609">
        <v>24</v>
      </c>
    </row>
    <row r="43610" spans="1:43">
      <c r="A43610" t="s">
        <v>26627</v>
      </c>
      <c r="B43610" t="s">
        <v>26628</v>
      </c>
      <c r="C43610" t="s">
        <v>17925</v>
      </c>
      <c r="D43610" t="s">
        <v>17926</v>
      </c>
      <c r="E43610" t="s">
        <v>17915</v>
      </c>
      <c r="F43610" t="s">
        <v>17916</v>
      </c>
      <c r="G43610" t="s">
        <v>16559</v>
      </c>
      <c r="H43610" t="s">
        <v>16560</v>
      </c>
      <c r="I43610" s="2">
        <v>1</v>
      </c>
      <c r="J43610" s="2">
        <v>0</v>
      </c>
      <c r="K43610" s="2">
        <v>0</v>
      </c>
      <c r="L43610" t="s">
        <v>120</v>
      </c>
      <c r="M43610" t="s">
        <v>83</v>
      </c>
      <c r="N43610" t="s">
        <v>84</v>
      </c>
      <c r="O43610" t="s">
        <v>85</v>
      </c>
      <c r="P43610" t="s">
        <v>86</v>
      </c>
      <c r="Q43610">
        <v>42</v>
      </c>
      <c r="R43610">
        <v>43</v>
      </c>
      <c r="S43610">
        <v>44</v>
      </c>
      <c r="T43610">
        <v>44</v>
      </c>
      <c r="U43610">
        <v>45</v>
      </c>
      <c r="V43610">
        <v>45</v>
      </c>
      <c r="W43610">
        <v>45</v>
      </c>
      <c r="X43610">
        <v>46</v>
      </c>
      <c r="Y43610">
        <v>46</v>
      </c>
      <c r="Z43610">
        <v>47</v>
      </c>
      <c r="AA43610">
        <v>47</v>
      </c>
      <c r="AB43610">
        <v>48</v>
      </c>
      <c r="AC43610">
        <v>48</v>
      </c>
      <c r="AD43610">
        <v>49</v>
      </c>
      <c r="AE43610">
        <v>49</v>
      </c>
      <c r="AF43610">
        <v>49</v>
      </c>
      <c r="AG43610">
        <v>50</v>
      </c>
      <c r="AH43610">
        <v>50</v>
      </c>
      <c r="AI43610">
        <v>51</v>
      </c>
      <c r="AJ43610">
        <v>51</v>
      </c>
      <c r="AK43610">
        <v>51</v>
      </c>
      <c r="AL43610">
        <v>52</v>
      </c>
      <c r="AM43610">
        <v>51</v>
      </c>
      <c r="AN43610">
        <v>51</v>
      </c>
      <c r="AO43610">
        <v>51</v>
      </c>
      <c r="AP43610">
        <v>51</v>
      </c>
      <c r="AQ43610">
        <v>51</v>
      </c>
    </row>
    <row r="43611" spans="1:43">
      <c r="A43611" t="s">
        <v>26627</v>
      </c>
      <c r="B43611" t="s">
        <v>26628</v>
      </c>
      <c r="C43611" t="s">
        <v>17925</v>
      </c>
      <c r="D43611" t="s">
        <v>17926</v>
      </c>
      <c r="E43611" t="s">
        <v>17915</v>
      </c>
      <c r="F43611" t="s">
        <v>17916</v>
      </c>
      <c r="G43611" t="s">
        <v>16559</v>
      </c>
      <c r="H43611" t="s">
        <v>16560</v>
      </c>
      <c r="I43611" s="2">
        <v>1</v>
      </c>
      <c r="J43611" s="2">
        <v>0</v>
      </c>
      <c r="K43611" s="2">
        <v>0</v>
      </c>
      <c r="L43611" t="s">
        <v>120</v>
      </c>
      <c r="M43611" t="s">
        <v>87</v>
      </c>
      <c r="N43611" t="s">
        <v>88</v>
      </c>
      <c r="O43611" t="s">
        <v>85</v>
      </c>
      <c r="P43611" t="s">
        <v>86</v>
      </c>
      <c r="Q43611">
        <v>42</v>
      </c>
      <c r="R43611">
        <v>42</v>
      </c>
      <c r="S43611">
        <v>42</v>
      </c>
      <c r="T43611">
        <v>42</v>
      </c>
      <c r="U43611">
        <v>43</v>
      </c>
      <c r="V43611">
        <v>43</v>
      </c>
      <c r="W43611">
        <v>43</v>
      </c>
      <c r="X43611">
        <v>43</v>
      </c>
      <c r="Y43611">
        <v>43</v>
      </c>
      <c r="Z43611">
        <v>43</v>
      </c>
      <c r="AA43611">
        <v>43</v>
      </c>
      <c r="AB43611">
        <v>43</v>
      </c>
      <c r="AC43611">
        <v>43</v>
      </c>
      <c r="AD43611">
        <v>43</v>
      </c>
      <c r="AE43611">
        <v>44</v>
      </c>
      <c r="AF43611">
        <v>44</v>
      </c>
      <c r="AG43611">
        <v>44</v>
      </c>
      <c r="AH43611">
        <v>44</v>
      </c>
      <c r="AI43611">
        <v>44</v>
      </c>
      <c r="AJ43611">
        <v>44</v>
      </c>
      <c r="AK43611">
        <v>44</v>
      </c>
      <c r="AL43611">
        <v>44</v>
      </c>
      <c r="AM43611">
        <v>44</v>
      </c>
      <c r="AN43611">
        <v>44</v>
      </c>
      <c r="AO43611">
        <v>44</v>
      </c>
      <c r="AP43611">
        <v>44</v>
      </c>
      <c r="AQ43611">
        <v>45</v>
      </c>
    </row>
    <row r="43612" spans="1:43">
      <c r="A43612" t="s">
        <v>26627</v>
      </c>
      <c r="B43612" t="s">
        <v>26628</v>
      </c>
      <c r="C43612" t="s">
        <v>17925</v>
      </c>
      <c r="D43612" t="s">
        <v>17926</v>
      </c>
      <c r="E43612" t="s">
        <v>17915</v>
      </c>
      <c r="F43612" t="s">
        <v>17916</v>
      </c>
      <c r="G43612" t="s">
        <v>16559</v>
      </c>
      <c r="H43612" t="s">
        <v>16560</v>
      </c>
      <c r="I43612" s="2">
        <v>1</v>
      </c>
      <c r="J43612" s="2">
        <v>0</v>
      </c>
      <c r="K43612" s="2">
        <v>0</v>
      </c>
      <c r="L43612" t="s">
        <v>120</v>
      </c>
      <c r="M43612" t="s">
        <v>89</v>
      </c>
      <c r="N43612" t="s">
        <v>90</v>
      </c>
      <c r="O43612" t="s">
        <v>85</v>
      </c>
      <c r="P43612" t="s">
        <v>86</v>
      </c>
      <c r="Q43612">
        <v>42</v>
      </c>
      <c r="R43612">
        <v>43</v>
      </c>
      <c r="S43612">
        <v>44</v>
      </c>
      <c r="T43612">
        <v>44</v>
      </c>
      <c r="U43612">
        <v>45</v>
      </c>
      <c r="V43612">
        <v>46</v>
      </c>
      <c r="W43612">
        <v>47</v>
      </c>
      <c r="X43612">
        <v>47</v>
      </c>
      <c r="Y43612">
        <v>48</v>
      </c>
      <c r="Z43612">
        <v>49</v>
      </c>
      <c r="AA43612">
        <v>49</v>
      </c>
      <c r="AB43612">
        <v>50</v>
      </c>
      <c r="AC43612">
        <v>51</v>
      </c>
      <c r="AD43612">
        <v>51</v>
      </c>
      <c r="AE43612">
        <v>51</v>
      </c>
      <c r="AF43612">
        <v>51</v>
      </c>
      <c r="AG43612">
        <v>51</v>
      </c>
      <c r="AH43612">
        <v>51</v>
      </c>
      <c r="AI43612">
        <v>51</v>
      </c>
      <c r="AJ43612">
        <v>51</v>
      </c>
      <c r="AK43612">
        <v>51</v>
      </c>
      <c r="AL43612">
        <v>51</v>
      </c>
      <c r="AM43612">
        <v>51</v>
      </c>
      <c r="AN43612">
        <v>51</v>
      </c>
      <c r="AO43612">
        <v>51</v>
      </c>
      <c r="AP43612">
        <v>51</v>
      </c>
      <c r="AQ43612">
        <v>51</v>
      </c>
    </row>
    <row r="43613" spans="1:43">
      <c r="A43613" t="s">
        <v>26627</v>
      </c>
      <c r="B43613" t="s">
        <v>26628</v>
      </c>
      <c r="C43613" t="s">
        <v>17925</v>
      </c>
      <c r="D43613" t="s">
        <v>17926</v>
      </c>
      <c r="E43613" t="s">
        <v>17915</v>
      </c>
      <c r="F43613" t="s">
        <v>17916</v>
      </c>
      <c r="G43613" t="s">
        <v>16559</v>
      </c>
      <c r="H43613" t="s">
        <v>16560</v>
      </c>
      <c r="I43613" s="2">
        <v>1</v>
      </c>
      <c r="J43613" s="2">
        <v>0</v>
      </c>
      <c r="K43613" s="2">
        <v>0</v>
      </c>
      <c r="L43613" t="s">
        <v>120</v>
      </c>
      <c r="M43613" t="s">
        <v>83</v>
      </c>
      <c r="N43613" t="s">
        <v>91</v>
      </c>
      <c r="O43613" t="s">
        <v>85</v>
      </c>
      <c r="P43613" t="s">
        <v>86</v>
      </c>
      <c r="Q43613">
        <v>42</v>
      </c>
      <c r="R43613">
        <v>43</v>
      </c>
      <c r="S43613">
        <v>44</v>
      </c>
      <c r="T43613">
        <v>44</v>
      </c>
      <c r="U43613">
        <v>45</v>
      </c>
      <c r="V43613">
        <v>45</v>
      </c>
      <c r="W43613">
        <v>45</v>
      </c>
      <c r="X43613">
        <v>46</v>
      </c>
      <c r="Y43613">
        <v>46</v>
      </c>
      <c r="Z43613">
        <v>47</v>
      </c>
      <c r="AA43613">
        <v>47</v>
      </c>
      <c r="AB43613">
        <v>48</v>
      </c>
      <c r="AC43613">
        <v>48</v>
      </c>
      <c r="AD43613">
        <v>49</v>
      </c>
      <c r="AE43613">
        <v>49</v>
      </c>
      <c r="AF43613">
        <v>49</v>
      </c>
      <c r="AG43613">
        <v>50</v>
      </c>
      <c r="AH43613">
        <v>50</v>
      </c>
      <c r="AI43613">
        <v>51</v>
      </c>
      <c r="AJ43613">
        <v>51</v>
      </c>
      <c r="AK43613">
        <v>51</v>
      </c>
      <c r="AL43613">
        <v>52</v>
      </c>
      <c r="AM43613">
        <v>51</v>
      </c>
      <c r="AN43613">
        <v>51</v>
      </c>
      <c r="AO43613">
        <v>51</v>
      </c>
      <c r="AP43613">
        <v>51</v>
      </c>
      <c r="AQ43613">
        <v>51</v>
      </c>
    </row>
    <row r="43614" spans="1:43">
      <c r="A43614" t="s">
        <v>26629</v>
      </c>
      <c r="B43614" t="s">
        <v>26630</v>
      </c>
      <c r="C43614" t="s">
        <v>17925</v>
      </c>
      <c r="D43614" t="s">
        <v>17926</v>
      </c>
      <c r="E43614" t="s">
        <v>17915</v>
      </c>
      <c r="F43614" t="s">
        <v>17916</v>
      </c>
      <c r="G43614" t="s">
        <v>16559</v>
      </c>
      <c r="H43614" t="s">
        <v>16560</v>
      </c>
      <c r="I43614" s="2">
        <v>1</v>
      </c>
      <c r="J43614" s="2">
        <v>0</v>
      </c>
      <c r="K43614" s="2">
        <v>0</v>
      </c>
      <c r="L43614" t="s">
        <v>120</v>
      </c>
      <c r="M43614" t="s">
        <v>83</v>
      </c>
      <c r="N43614" t="s">
        <v>84</v>
      </c>
      <c r="O43614" t="s">
        <v>85</v>
      </c>
      <c r="P43614" t="s">
        <v>86</v>
      </c>
      <c r="Q43614">
        <v>10</v>
      </c>
      <c r="R43614">
        <v>10</v>
      </c>
      <c r="S43614">
        <v>10</v>
      </c>
      <c r="T43614">
        <v>10</v>
      </c>
      <c r="U43614">
        <v>10</v>
      </c>
      <c r="V43614">
        <v>10</v>
      </c>
      <c r="W43614">
        <v>11</v>
      </c>
      <c r="X43614">
        <v>11</v>
      </c>
      <c r="Y43614">
        <v>11</v>
      </c>
      <c r="Z43614">
        <v>11</v>
      </c>
      <c r="AA43614">
        <v>11</v>
      </c>
      <c r="AB43614">
        <v>11</v>
      </c>
      <c r="AC43614">
        <v>11</v>
      </c>
      <c r="AD43614">
        <v>11</v>
      </c>
      <c r="AE43614">
        <v>11</v>
      </c>
      <c r="AF43614">
        <v>12</v>
      </c>
      <c r="AG43614">
        <v>12</v>
      </c>
      <c r="AH43614">
        <v>12</v>
      </c>
      <c r="AI43614">
        <v>12</v>
      </c>
      <c r="AJ43614">
        <v>12</v>
      </c>
      <c r="AK43614">
        <v>12</v>
      </c>
      <c r="AL43614">
        <v>12</v>
      </c>
      <c r="AM43614">
        <v>12</v>
      </c>
      <c r="AN43614">
        <v>12</v>
      </c>
      <c r="AO43614">
        <v>12</v>
      </c>
      <c r="AP43614">
        <v>12</v>
      </c>
      <c r="AQ43614">
        <v>12</v>
      </c>
    </row>
    <row r="43615" spans="1:43">
      <c r="A43615" t="s">
        <v>26629</v>
      </c>
      <c r="B43615" t="s">
        <v>26630</v>
      </c>
      <c r="C43615" t="s">
        <v>17925</v>
      </c>
      <c r="D43615" t="s">
        <v>17926</v>
      </c>
      <c r="E43615" t="s">
        <v>17915</v>
      </c>
      <c r="F43615" t="s">
        <v>17916</v>
      </c>
      <c r="G43615" t="s">
        <v>16559</v>
      </c>
      <c r="H43615" t="s">
        <v>16560</v>
      </c>
      <c r="I43615" s="2">
        <v>1</v>
      </c>
      <c r="J43615" s="2">
        <v>0</v>
      </c>
      <c r="K43615" s="2">
        <v>0</v>
      </c>
      <c r="L43615" t="s">
        <v>120</v>
      </c>
      <c r="M43615" t="s">
        <v>87</v>
      </c>
      <c r="N43615" t="s">
        <v>88</v>
      </c>
      <c r="O43615" t="s">
        <v>85</v>
      </c>
      <c r="P43615" t="s">
        <v>86</v>
      </c>
      <c r="Q43615">
        <v>10</v>
      </c>
      <c r="R43615">
        <v>10</v>
      </c>
      <c r="S43615">
        <v>10</v>
      </c>
      <c r="T43615">
        <v>10</v>
      </c>
      <c r="U43615">
        <v>10</v>
      </c>
      <c r="V43615">
        <v>10</v>
      </c>
      <c r="W43615">
        <v>10</v>
      </c>
      <c r="X43615">
        <v>10</v>
      </c>
      <c r="Y43615">
        <v>10</v>
      </c>
      <c r="Z43615">
        <v>10</v>
      </c>
      <c r="AA43615">
        <v>10</v>
      </c>
      <c r="AB43615">
        <v>10</v>
      </c>
      <c r="AC43615">
        <v>10</v>
      </c>
      <c r="AD43615">
        <v>10</v>
      </c>
      <c r="AE43615">
        <v>10</v>
      </c>
      <c r="AF43615">
        <v>10</v>
      </c>
      <c r="AG43615">
        <v>10</v>
      </c>
      <c r="AH43615">
        <v>10</v>
      </c>
      <c r="AI43615">
        <v>10</v>
      </c>
      <c r="AJ43615">
        <v>10</v>
      </c>
      <c r="AK43615">
        <v>10</v>
      </c>
      <c r="AL43615">
        <v>10</v>
      </c>
      <c r="AM43615">
        <v>10</v>
      </c>
      <c r="AN43615">
        <v>10</v>
      </c>
      <c r="AO43615">
        <v>10</v>
      </c>
      <c r="AP43615">
        <v>10</v>
      </c>
      <c r="AQ43615">
        <v>10</v>
      </c>
    </row>
    <row r="43616" spans="1:43">
      <c r="A43616" t="s">
        <v>26629</v>
      </c>
      <c r="B43616" t="s">
        <v>26630</v>
      </c>
      <c r="C43616" t="s">
        <v>17925</v>
      </c>
      <c r="D43616" t="s">
        <v>17926</v>
      </c>
      <c r="E43616" t="s">
        <v>17915</v>
      </c>
      <c r="F43616" t="s">
        <v>17916</v>
      </c>
      <c r="G43616" t="s">
        <v>16559</v>
      </c>
      <c r="H43616" t="s">
        <v>16560</v>
      </c>
      <c r="I43616" s="2">
        <v>1</v>
      </c>
      <c r="J43616" s="2">
        <v>0</v>
      </c>
      <c r="K43616" s="2">
        <v>0</v>
      </c>
      <c r="L43616" t="s">
        <v>120</v>
      </c>
      <c r="M43616" t="s">
        <v>89</v>
      </c>
      <c r="N43616" t="s">
        <v>90</v>
      </c>
      <c r="O43616" t="s">
        <v>85</v>
      </c>
      <c r="P43616" t="s">
        <v>86</v>
      </c>
      <c r="Q43616">
        <v>10</v>
      </c>
      <c r="R43616">
        <v>10</v>
      </c>
      <c r="S43616">
        <v>10</v>
      </c>
      <c r="T43616">
        <v>11</v>
      </c>
      <c r="U43616">
        <v>11</v>
      </c>
      <c r="V43616">
        <v>11</v>
      </c>
      <c r="W43616">
        <v>11</v>
      </c>
      <c r="X43616">
        <v>11</v>
      </c>
      <c r="Y43616">
        <v>11</v>
      </c>
      <c r="Z43616">
        <v>12</v>
      </c>
      <c r="AA43616">
        <v>12</v>
      </c>
      <c r="AB43616">
        <v>12</v>
      </c>
      <c r="AC43616">
        <v>12</v>
      </c>
      <c r="AD43616">
        <v>12</v>
      </c>
      <c r="AE43616">
        <v>12</v>
      </c>
      <c r="AF43616">
        <v>12</v>
      </c>
      <c r="AG43616">
        <v>12</v>
      </c>
      <c r="AH43616">
        <v>12</v>
      </c>
      <c r="AI43616">
        <v>12</v>
      </c>
      <c r="AJ43616">
        <v>12</v>
      </c>
      <c r="AK43616">
        <v>12</v>
      </c>
      <c r="AL43616">
        <v>12</v>
      </c>
      <c r="AM43616">
        <v>12</v>
      </c>
      <c r="AN43616">
        <v>12</v>
      </c>
      <c r="AO43616">
        <v>12</v>
      </c>
      <c r="AP43616">
        <v>12</v>
      </c>
      <c r="AQ43616">
        <v>12</v>
      </c>
    </row>
    <row r="43617" spans="1:43">
      <c r="A43617" t="s">
        <v>26629</v>
      </c>
      <c r="B43617" t="s">
        <v>26630</v>
      </c>
      <c r="C43617" t="s">
        <v>17925</v>
      </c>
      <c r="D43617" t="s">
        <v>17926</v>
      </c>
      <c r="E43617" t="s">
        <v>17915</v>
      </c>
      <c r="F43617" t="s">
        <v>17916</v>
      </c>
      <c r="G43617" t="s">
        <v>16559</v>
      </c>
      <c r="H43617" t="s">
        <v>16560</v>
      </c>
      <c r="I43617" s="2">
        <v>1</v>
      </c>
      <c r="J43617" s="2">
        <v>0</v>
      </c>
      <c r="K43617" s="2">
        <v>0</v>
      </c>
      <c r="L43617" t="s">
        <v>120</v>
      </c>
      <c r="M43617" t="s">
        <v>83</v>
      </c>
      <c r="N43617" t="s">
        <v>91</v>
      </c>
      <c r="O43617" t="s">
        <v>85</v>
      </c>
      <c r="P43617" t="s">
        <v>86</v>
      </c>
      <c r="Q43617">
        <v>10</v>
      </c>
      <c r="R43617">
        <v>10</v>
      </c>
      <c r="S43617">
        <v>10</v>
      </c>
      <c r="T43617">
        <v>10</v>
      </c>
      <c r="U43617">
        <v>10</v>
      </c>
      <c r="V43617">
        <v>10</v>
      </c>
      <c r="W43617">
        <v>11</v>
      </c>
      <c r="X43617">
        <v>11</v>
      </c>
      <c r="Y43617">
        <v>11</v>
      </c>
      <c r="Z43617">
        <v>11</v>
      </c>
      <c r="AA43617">
        <v>11</v>
      </c>
      <c r="AB43617">
        <v>11</v>
      </c>
      <c r="AC43617">
        <v>11</v>
      </c>
      <c r="AD43617">
        <v>11</v>
      </c>
      <c r="AE43617">
        <v>11</v>
      </c>
      <c r="AF43617">
        <v>12</v>
      </c>
      <c r="AG43617">
        <v>12</v>
      </c>
      <c r="AH43617">
        <v>12</v>
      </c>
      <c r="AI43617">
        <v>12</v>
      </c>
      <c r="AJ43617">
        <v>12</v>
      </c>
      <c r="AK43617">
        <v>12</v>
      </c>
      <c r="AL43617">
        <v>12</v>
      </c>
      <c r="AM43617">
        <v>12</v>
      </c>
      <c r="AN43617">
        <v>12</v>
      </c>
      <c r="AO43617">
        <v>12</v>
      </c>
      <c r="AP43617">
        <v>12</v>
      </c>
      <c r="AQ43617">
        <v>12</v>
      </c>
    </row>
    <row r="43618" spans="1:43">
      <c r="A43618" t="s">
        <v>26631</v>
      </c>
      <c r="B43618" t="s">
        <v>26632</v>
      </c>
      <c r="C43618" t="s">
        <v>17925</v>
      </c>
      <c r="D43618" t="s">
        <v>17926</v>
      </c>
      <c r="E43618" t="s">
        <v>17915</v>
      </c>
      <c r="F43618" t="s">
        <v>17916</v>
      </c>
      <c r="G43618" t="s">
        <v>16559</v>
      </c>
      <c r="H43618" t="s">
        <v>16560</v>
      </c>
      <c r="I43618" s="2">
        <v>1</v>
      </c>
      <c r="J43618" s="2">
        <v>0</v>
      </c>
      <c r="K43618" s="2">
        <v>0</v>
      </c>
      <c r="L43618" t="s">
        <v>120</v>
      </c>
      <c r="M43618" t="s">
        <v>83</v>
      </c>
      <c r="N43618" t="s">
        <v>84</v>
      </c>
      <c r="O43618" t="s">
        <v>85</v>
      </c>
      <c r="P43618" t="s">
        <v>86</v>
      </c>
      <c r="Q43618">
        <v>73</v>
      </c>
      <c r="R43618">
        <v>74</v>
      </c>
      <c r="S43618">
        <v>75</v>
      </c>
      <c r="T43618">
        <v>76</v>
      </c>
      <c r="U43618">
        <v>77</v>
      </c>
      <c r="V43618">
        <v>78</v>
      </c>
      <c r="W43618">
        <v>79</v>
      </c>
      <c r="X43618">
        <v>79</v>
      </c>
      <c r="Y43618">
        <v>80</v>
      </c>
      <c r="Z43618">
        <v>81</v>
      </c>
      <c r="AA43618">
        <v>82</v>
      </c>
      <c r="AB43618">
        <v>82</v>
      </c>
      <c r="AC43618">
        <v>83</v>
      </c>
      <c r="AD43618">
        <v>84</v>
      </c>
      <c r="AE43618">
        <v>85</v>
      </c>
      <c r="AF43618">
        <v>85</v>
      </c>
      <c r="AG43618">
        <v>86</v>
      </c>
      <c r="AH43618">
        <v>87</v>
      </c>
      <c r="AI43618">
        <v>87</v>
      </c>
      <c r="AJ43618">
        <v>88</v>
      </c>
      <c r="AK43618">
        <v>89</v>
      </c>
      <c r="AL43618">
        <v>89</v>
      </c>
      <c r="AM43618">
        <v>89</v>
      </c>
      <c r="AN43618">
        <v>89</v>
      </c>
      <c r="AO43618">
        <v>89</v>
      </c>
      <c r="AP43618">
        <v>88</v>
      </c>
      <c r="AQ43618">
        <v>88</v>
      </c>
    </row>
    <row r="43619" spans="1:43">
      <c r="A43619" t="s">
        <v>26631</v>
      </c>
      <c r="B43619" t="s">
        <v>26632</v>
      </c>
      <c r="C43619" t="s">
        <v>17925</v>
      </c>
      <c r="D43619" t="s">
        <v>17926</v>
      </c>
      <c r="E43619" t="s">
        <v>17915</v>
      </c>
      <c r="F43619" t="s">
        <v>17916</v>
      </c>
      <c r="G43619" t="s">
        <v>16559</v>
      </c>
      <c r="H43619" t="s">
        <v>16560</v>
      </c>
      <c r="I43619" s="2">
        <v>1</v>
      </c>
      <c r="J43619" s="2">
        <v>0</v>
      </c>
      <c r="K43619" s="2">
        <v>0</v>
      </c>
      <c r="L43619" t="s">
        <v>120</v>
      </c>
      <c r="M43619" t="s">
        <v>87</v>
      </c>
      <c r="N43619" t="s">
        <v>88</v>
      </c>
      <c r="O43619" t="s">
        <v>85</v>
      </c>
      <c r="P43619" t="s">
        <v>86</v>
      </c>
      <c r="Q43619">
        <v>73</v>
      </c>
      <c r="R43619">
        <v>73</v>
      </c>
      <c r="S43619">
        <v>73</v>
      </c>
      <c r="T43619">
        <v>73</v>
      </c>
      <c r="U43619">
        <v>73</v>
      </c>
      <c r="V43619">
        <v>74</v>
      </c>
      <c r="W43619">
        <v>74</v>
      </c>
      <c r="X43619">
        <v>74</v>
      </c>
      <c r="Y43619">
        <v>74</v>
      </c>
      <c r="Z43619">
        <v>74</v>
      </c>
      <c r="AA43619">
        <v>74</v>
      </c>
      <c r="AB43619">
        <v>75</v>
      </c>
      <c r="AC43619">
        <v>75</v>
      </c>
      <c r="AD43619">
        <v>75</v>
      </c>
      <c r="AE43619">
        <v>75</v>
      </c>
      <c r="AF43619">
        <v>75</v>
      </c>
      <c r="AG43619">
        <v>75</v>
      </c>
      <c r="AH43619">
        <v>76</v>
      </c>
      <c r="AI43619">
        <v>76</v>
      </c>
      <c r="AJ43619">
        <v>76</v>
      </c>
      <c r="AK43619">
        <v>76</v>
      </c>
      <c r="AL43619">
        <v>76</v>
      </c>
      <c r="AM43619">
        <v>76</v>
      </c>
      <c r="AN43619">
        <v>77</v>
      </c>
      <c r="AO43619">
        <v>77</v>
      </c>
      <c r="AP43619">
        <v>77</v>
      </c>
      <c r="AQ43619">
        <v>77</v>
      </c>
    </row>
    <row r="43620" spans="1:43">
      <c r="A43620" t="s">
        <v>26631</v>
      </c>
      <c r="B43620" t="s">
        <v>26632</v>
      </c>
      <c r="C43620" t="s">
        <v>17925</v>
      </c>
      <c r="D43620" t="s">
        <v>17926</v>
      </c>
      <c r="E43620" t="s">
        <v>17915</v>
      </c>
      <c r="F43620" t="s">
        <v>17916</v>
      </c>
      <c r="G43620" t="s">
        <v>16559</v>
      </c>
      <c r="H43620" t="s">
        <v>16560</v>
      </c>
      <c r="I43620" s="2">
        <v>1</v>
      </c>
      <c r="J43620" s="2">
        <v>0</v>
      </c>
      <c r="K43620" s="2">
        <v>0</v>
      </c>
      <c r="L43620" t="s">
        <v>120</v>
      </c>
      <c r="M43620" t="s">
        <v>89</v>
      </c>
      <c r="N43620" t="s">
        <v>90</v>
      </c>
      <c r="O43620" t="s">
        <v>85</v>
      </c>
      <c r="P43620" t="s">
        <v>86</v>
      </c>
      <c r="Q43620">
        <v>73</v>
      </c>
      <c r="R43620">
        <v>75</v>
      </c>
      <c r="S43620">
        <v>76</v>
      </c>
      <c r="T43620">
        <v>77</v>
      </c>
      <c r="U43620">
        <v>79</v>
      </c>
      <c r="V43620">
        <v>80</v>
      </c>
      <c r="W43620">
        <v>81</v>
      </c>
      <c r="X43620">
        <v>83</v>
      </c>
      <c r="Y43620">
        <v>84</v>
      </c>
      <c r="Z43620">
        <v>85</v>
      </c>
      <c r="AA43620">
        <v>86</v>
      </c>
      <c r="AB43620">
        <v>87</v>
      </c>
      <c r="AC43620">
        <v>88</v>
      </c>
      <c r="AD43620">
        <v>89</v>
      </c>
      <c r="AE43620">
        <v>90</v>
      </c>
      <c r="AF43620">
        <v>90</v>
      </c>
      <c r="AG43620">
        <v>89</v>
      </c>
      <c r="AH43620">
        <v>89</v>
      </c>
      <c r="AI43620">
        <v>89</v>
      </c>
      <c r="AJ43620">
        <v>89</v>
      </c>
      <c r="AK43620">
        <v>89</v>
      </c>
      <c r="AL43620">
        <v>89</v>
      </c>
      <c r="AM43620">
        <v>89</v>
      </c>
      <c r="AN43620">
        <v>88</v>
      </c>
      <c r="AO43620">
        <v>88</v>
      </c>
      <c r="AP43620">
        <v>88</v>
      </c>
      <c r="AQ43620">
        <v>88</v>
      </c>
    </row>
    <row r="43621" spans="1:43">
      <c r="A43621" t="s">
        <v>26631</v>
      </c>
      <c r="B43621" t="s">
        <v>26632</v>
      </c>
      <c r="C43621" t="s">
        <v>17925</v>
      </c>
      <c r="D43621" t="s">
        <v>17926</v>
      </c>
      <c r="E43621" t="s">
        <v>17915</v>
      </c>
      <c r="F43621" t="s">
        <v>17916</v>
      </c>
      <c r="G43621" t="s">
        <v>16559</v>
      </c>
      <c r="H43621" t="s">
        <v>16560</v>
      </c>
      <c r="I43621" s="2">
        <v>1</v>
      </c>
      <c r="J43621" s="2">
        <v>0</v>
      </c>
      <c r="K43621" s="2">
        <v>0</v>
      </c>
      <c r="L43621" t="s">
        <v>120</v>
      </c>
      <c r="M43621" t="s">
        <v>83</v>
      </c>
      <c r="N43621" t="s">
        <v>91</v>
      </c>
      <c r="O43621" t="s">
        <v>85</v>
      </c>
      <c r="P43621" t="s">
        <v>86</v>
      </c>
      <c r="Q43621">
        <v>73</v>
      </c>
      <c r="R43621">
        <v>74</v>
      </c>
      <c r="S43621">
        <v>75</v>
      </c>
      <c r="T43621">
        <v>76</v>
      </c>
      <c r="U43621">
        <v>77</v>
      </c>
      <c r="V43621">
        <v>78</v>
      </c>
      <c r="W43621">
        <v>79</v>
      </c>
      <c r="X43621">
        <v>79</v>
      </c>
      <c r="Y43621">
        <v>80</v>
      </c>
      <c r="Z43621">
        <v>81</v>
      </c>
      <c r="AA43621">
        <v>82</v>
      </c>
      <c r="AB43621">
        <v>82</v>
      </c>
      <c r="AC43621">
        <v>83</v>
      </c>
      <c r="AD43621">
        <v>84</v>
      </c>
      <c r="AE43621">
        <v>85</v>
      </c>
      <c r="AF43621">
        <v>85</v>
      </c>
      <c r="AG43621">
        <v>86</v>
      </c>
      <c r="AH43621">
        <v>87</v>
      </c>
      <c r="AI43621">
        <v>87</v>
      </c>
      <c r="AJ43621">
        <v>88</v>
      </c>
      <c r="AK43621">
        <v>89</v>
      </c>
      <c r="AL43621">
        <v>89</v>
      </c>
      <c r="AM43621">
        <v>89</v>
      </c>
      <c r="AN43621">
        <v>89</v>
      </c>
      <c r="AO43621">
        <v>89</v>
      </c>
      <c r="AP43621">
        <v>88</v>
      </c>
      <c r="AQ43621">
        <v>88</v>
      </c>
    </row>
    <row r="43622" spans="1:43">
      <c r="A43622" t="s">
        <v>26633</v>
      </c>
      <c r="B43622" t="s">
        <v>26634</v>
      </c>
      <c r="C43622" t="s">
        <v>17925</v>
      </c>
      <c r="D43622" t="s">
        <v>17926</v>
      </c>
      <c r="E43622" t="s">
        <v>17915</v>
      </c>
      <c r="F43622" t="s">
        <v>17916</v>
      </c>
      <c r="G43622" t="s">
        <v>16559</v>
      </c>
      <c r="H43622" t="s">
        <v>16560</v>
      </c>
      <c r="I43622" s="2">
        <v>1</v>
      </c>
      <c r="J43622" s="2">
        <v>0</v>
      </c>
      <c r="K43622" s="2">
        <v>0</v>
      </c>
      <c r="L43622" t="s">
        <v>120</v>
      </c>
      <c r="M43622" t="s">
        <v>83</v>
      </c>
      <c r="N43622" t="s">
        <v>84</v>
      </c>
      <c r="O43622" t="s">
        <v>85</v>
      </c>
      <c r="P43622" t="s">
        <v>86</v>
      </c>
      <c r="Q43622">
        <v>74</v>
      </c>
      <c r="R43622">
        <v>75</v>
      </c>
      <c r="S43622">
        <v>75</v>
      </c>
      <c r="T43622">
        <v>76</v>
      </c>
      <c r="U43622">
        <v>77</v>
      </c>
      <c r="V43622">
        <v>78</v>
      </c>
      <c r="W43622">
        <v>79</v>
      </c>
      <c r="X43622">
        <v>80</v>
      </c>
      <c r="Y43622">
        <v>80</v>
      </c>
      <c r="Z43622">
        <v>81</v>
      </c>
      <c r="AA43622">
        <v>82</v>
      </c>
      <c r="AB43622">
        <v>83</v>
      </c>
      <c r="AC43622">
        <v>84</v>
      </c>
      <c r="AD43622">
        <v>84</v>
      </c>
      <c r="AE43622">
        <v>85</v>
      </c>
      <c r="AF43622">
        <v>86</v>
      </c>
      <c r="AG43622">
        <v>87</v>
      </c>
      <c r="AH43622">
        <v>87</v>
      </c>
      <c r="AI43622">
        <v>88</v>
      </c>
      <c r="AJ43622">
        <v>89</v>
      </c>
      <c r="AK43622">
        <v>90</v>
      </c>
      <c r="AL43622">
        <v>90</v>
      </c>
      <c r="AM43622">
        <v>90</v>
      </c>
      <c r="AN43622">
        <v>90</v>
      </c>
      <c r="AO43622">
        <v>90</v>
      </c>
      <c r="AP43622">
        <v>90</v>
      </c>
      <c r="AQ43622">
        <v>90</v>
      </c>
    </row>
    <row r="43623" spans="1:43">
      <c r="A43623" t="s">
        <v>26633</v>
      </c>
      <c r="B43623" t="s">
        <v>26634</v>
      </c>
      <c r="C43623" t="s">
        <v>17925</v>
      </c>
      <c r="D43623" t="s">
        <v>17926</v>
      </c>
      <c r="E43623" t="s">
        <v>17915</v>
      </c>
      <c r="F43623" t="s">
        <v>17916</v>
      </c>
      <c r="G43623" t="s">
        <v>16559</v>
      </c>
      <c r="H43623" t="s">
        <v>16560</v>
      </c>
      <c r="I43623" s="2">
        <v>1</v>
      </c>
      <c r="J43623" s="2">
        <v>0</v>
      </c>
      <c r="K43623" s="2">
        <v>0</v>
      </c>
      <c r="L43623" t="s">
        <v>120</v>
      </c>
      <c r="M43623" t="s">
        <v>87</v>
      </c>
      <c r="N43623" t="s">
        <v>88</v>
      </c>
      <c r="O43623" t="s">
        <v>85</v>
      </c>
      <c r="P43623" t="s">
        <v>86</v>
      </c>
      <c r="Q43623">
        <v>74</v>
      </c>
      <c r="R43623">
        <v>74</v>
      </c>
      <c r="S43623">
        <v>74</v>
      </c>
      <c r="T43623">
        <v>75</v>
      </c>
      <c r="U43623">
        <v>75</v>
      </c>
      <c r="V43623">
        <v>75</v>
      </c>
      <c r="W43623">
        <v>75</v>
      </c>
      <c r="X43623">
        <v>75</v>
      </c>
      <c r="Y43623">
        <v>75</v>
      </c>
      <c r="Z43623">
        <v>76</v>
      </c>
      <c r="AA43623">
        <v>76</v>
      </c>
      <c r="AB43623">
        <v>76</v>
      </c>
      <c r="AC43623">
        <v>76</v>
      </c>
      <c r="AD43623">
        <v>76</v>
      </c>
      <c r="AE43623">
        <v>76</v>
      </c>
      <c r="AF43623">
        <v>77</v>
      </c>
      <c r="AG43623">
        <v>77</v>
      </c>
      <c r="AH43623">
        <v>77</v>
      </c>
      <c r="AI43623">
        <v>77</v>
      </c>
      <c r="AJ43623">
        <v>77</v>
      </c>
      <c r="AK43623">
        <v>77</v>
      </c>
      <c r="AL43623">
        <v>77</v>
      </c>
      <c r="AM43623">
        <v>78</v>
      </c>
      <c r="AN43623">
        <v>78</v>
      </c>
      <c r="AO43623">
        <v>78</v>
      </c>
      <c r="AP43623">
        <v>78</v>
      </c>
      <c r="AQ43623">
        <v>78</v>
      </c>
    </row>
    <row r="43624" spans="1:43">
      <c r="A43624" t="s">
        <v>26633</v>
      </c>
      <c r="B43624" t="s">
        <v>26634</v>
      </c>
      <c r="C43624" t="s">
        <v>17925</v>
      </c>
      <c r="D43624" t="s">
        <v>17926</v>
      </c>
      <c r="E43624" t="s">
        <v>17915</v>
      </c>
      <c r="F43624" t="s">
        <v>17916</v>
      </c>
      <c r="G43624" t="s">
        <v>16559</v>
      </c>
      <c r="H43624" t="s">
        <v>16560</v>
      </c>
      <c r="I43624" s="2">
        <v>1</v>
      </c>
      <c r="J43624" s="2">
        <v>0</v>
      </c>
      <c r="K43624" s="2">
        <v>0</v>
      </c>
      <c r="L43624" t="s">
        <v>120</v>
      </c>
      <c r="M43624" t="s">
        <v>89</v>
      </c>
      <c r="N43624" t="s">
        <v>90</v>
      </c>
      <c r="O43624" t="s">
        <v>85</v>
      </c>
      <c r="P43624" t="s">
        <v>86</v>
      </c>
      <c r="Q43624">
        <v>74</v>
      </c>
      <c r="R43624">
        <v>76</v>
      </c>
      <c r="S43624">
        <v>77</v>
      </c>
      <c r="T43624">
        <v>79</v>
      </c>
      <c r="U43624">
        <v>80</v>
      </c>
      <c r="V43624">
        <v>81</v>
      </c>
      <c r="W43624">
        <v>83</v>
      </c>
      <c r="X43624">
        <v>84</v>
      </c>
      <c r="Y43624">
        <v>85</v>
      </c>
      <c r="Z43624">
        <v>86</v>
      </c>
      <c r="AA43624">
        <v>87</v>
      </c>
      <c r="AB43624">
        <v>89</v>
      </c>
      <c r="AC43624">
        <v>90</v>
      </c>
      <c r="AD43624">
        <v>91</v>
      </c>
      <c r="AE43624">
        <v>91</v>
      </c>
      <c r="AF43624">
        <v>91</v>
      </c>
      <c r="AG43624">
        <v>91</v>
      </c>
      <c r="AH43624">
        <v>91</v>
      </c>
      <c r="AI43624">
        <v>91</v>
      </c>
      <c r="AJ43624">
        <v>91</v>
      </c>
      <c r="AK43624">
        <v>91</v>
      </c>
      <c r="AL43624">
        <v>91</v>
      </c>
      <c r="AM43624">
        <v>91</v>
      </c>
      <c r="AN43624">
        <v>91</v>
      </c>
      <c r="AO43624">
        <v>91</v>
      </c>
      <c r="AP43624">
        <v>91</v>
      </c>
      <c r="AQ43624">
        <v>91</v>
      </c>
    </row>
    <row r="43625" spans="1:43">
      <c r="A43625" t="s">
        <v>26633</v>
      </c>
      <c r="B43625" t="s">
        <v>26634</v>
      </c>
      <c r="C43625" t="s">
        <v>17925</v>
      </c>
      <c r="D43625" t="s">
        <v>17926</v>
      </c>
      <c r="E43625" t="s">
        <v>17915</v>
      </c>
      <c r="F43625" t="s">
        <v>17916</v>
      </c>
      <c r="G43625" t="s">
        <v>16559</v>
      </c>
      <c r="H43625" t="s">
        <v>16560</v>
      </c>
      <c r="I43625" s="2">
        <v>1</v>
      </c>
      <c r="J43625" s="2">
        <v>0</v>
      </c>
      <c r="K43625" s="2">
        <v>0</v>
      </c>
      <c r="L43625" t="s">
        <v>120</v>
      </c>
      <c r="M43625" t="s">
        <v>83</v>
      </c>
      <c r="N43625" t="s">
        <v>91</v>
      </c>
      <c r="O43625" t="s">
        <v>85</v>
      </c>
      <c r="P43625" t="s">
        <v>86</v>
      </c>
      <c r="Q43625">
        <v>74</v>
      </c>
      <c r="R43625">
        <v>75</v>
      </c>
      <c r="S43625">
        <v>75</v>
      </c>
      <c r="T43625">
        <v>76</v>
      </c>
      <c r="U43625">
        <v>77</v>
      </c>
      <c r="V43625">
        <v>78</v>
      </c>
      <c r="W43625">
        <v>79</v>
      </c>
      <c r="X43625">
        <v>80</v>
      </c>
      <c r="Y43625">
        <v>80</v>
      </c>
      <c r="Z43625">
        <v>81</v>
      </c>
      <c r="AA43625">
        <v>82</v>
      </c>
      <c r="AB43625">
        <v>83</v>
      </c>
      <c r="AC43625">
        <v>84</v>
      </c>
      <c r="AD43625">
        <v>84</v>
      </c>
      <c r="AE43625">
        <v>85</v>
      </c>
      <c r="AF43625">
        <v>86</v>
      </c>
      <c r="AG43625">
        <v>87</v>
      </c>
      <c r="AH43625">
        <v>87</v>
      </c>
      <c r="AI43625">
        <v>88</v>
      </c>
      <c r="AJ43625">
        <v>89</v>
      </c>
      <c r="AK43625">
        <v>90</v>
      </c>
      <c r="AL43625">
        <v>90</v>
      </c>
      <c r="AM43625">
        <v>90</v>
      </c>
      <c r="AN43625">
        <v>90</v>
      </c>
      <c r="AO43625">
        <v>90</v>
      </c>
      <c r="AP43625">
        <v>90</v>
      </c>
      <c r="AQ43625">
        <v>90</v>
      </c>
    </row>
    <row r="43626" spans="1:43">
      <c r="A43626" t="s">
        <v>26635</v>
      </c>
      <c r="B43626" t="s">
        <v>26636</v>
      </c>
      <c r="C43626" t="s">
        <v>17925</v>
      </c>
      <c r="D43626" t="s">
        <v>17926</v>
      </c>
      <c r="E43626" t="s">
        <v>17915</v>
      </c>
      <c r="F43626" t="s">
        <v>17916</v>
      </c>
      <c r="G43626" t="s">
        <v>16559</v>
      </c>
      <c r="H43626" t="s">
        <v>16560</v>
      </c>
      <c r="I43626" s="2">
        <v>1</v>
      </c>
      <c r="J43626" s="2">
        <v>0</v>
      </c>
      <c r="K43626" s="2">
        <v>0</v>
      </c>
      <c r="L43626" t="s">
        <v>120</v>
      </c>
      <c r="M43626" t="s">
        <v>83</v>
      </c>
      <c r="N43626" t="s">
        <v>84</v>
      </c>
      <c r="O43626" t="s">
        <v>85</v>
      </c>
      <c r="P43626" t="s">
        <v>86</v>
      </c>
      <c r="Q43626">
        <v>39</v>
      </c>
      <c r="R43626">
        <v>39</v>
      </c>
      <c r="S43626">
        <v>40</v>
      </c>
      <c r="T43626">
        <v>40</v>
      </c>
      <c r="U43626">
        <v>41</v>
      </c>
      <c r="V43626">
        <v>41</v>
      </c>
      <c r="W43626">
        <v>42</v>
      </c>
      <c r="X43626">
        <v>42</v>
      </c>
      <c r="Y43626">
        <v>42</v>
      </c>
      <c r="Z43626">
        <v>43</v>
      </c>
      <c r="AA43626">
        <v>43</v>
      </c>
      <c r="AB43626">
        <v>44</v>
      </c>
      <c r="AC43626">
        <v>44</v>
      </c>
      <c r="AD43626">
        <v>44</v>
      </c>
      <c r="AE43626">
        <v>45</v>
      </c>
      <c r="AF43626">
        <v>45</v>
      </c>
      <c r="AG43626">
        <v>45</v>
      </c>
      <c r="AH43626">
        <v>46</v>
      </c>
      <c r="AI43626">
        <v>46</v>
      </c>
      <c r="AJ43626">
        <v>47</v>
      </c>
      <c r="AK43626">
        <v>47</v>
      </c>
      <c r="AL43626">
        <v>47</v>
      </c>
      <c r="AM43626">
        <v>47</v>
      </c>
      <c r="AN43626">
        <v>47</v>
      </c>
      <c r="AO43626">
        <v>47</v>
      </c>
      <c r="AP43626">
        <v>47</v>
      </c>
      <c r="AQ43626">
        <v>47</v>
      </c>
    </row>
    <row r="43627" spans="1:43">
      <c r="A43627" t="s">
        <v>26635</v>
      </c>
      <c r="B43627" t="s">
        <v>26636</v>
      </c>
      <c r="C43627" t="s">
        <v>17925</v>
      </c>
      <c r="D43627" t="s">
        <v>17926</v>
      </c>
      <c r="E43627" t="s">
        <v>17915</v>
      </c>
      <c r="F43627" t="s">
        <v>17916</v>
      </c>
      <c r="G43627" t="s">
        <v>16559</v>
      </c>
      <c r="H43627" t="s">
        <v>16560</v>
      </c>
      <c r="I43627" s="2">
        <v>1</v>
      </c>
      <c r="J43627" s="2">
        <v>0</v>
      </c>
      <c r="K43627" s="2">
        <v>0</v>
      </c>
      <c r="L43627" t="s">
        <v>120</v>
      </c>
      <c r="M43627" t="s">
        <v>87</v>
      </c>
      <c r="N43627" t="s">
        <v>88</v>
      </c>
      <c r="O43627" t="s">
        <v>85</v>
      </c>
      <c r="P43627" t="s">
        <v>86</v>
      </c>
      <c r="Q43627">
        <v>39</v>
      </c>
      <c r="R43627">
        <v>40</v>
      </c>
      <c r="S43627">
        <v>40</v>
      </c>
      <c r="T43627">
        <v>40</v>
      </c>
      <c r="U43627">
        <v>40</v>
      </c>
      <c r="V43627">
        <v>40</v>
      </c>
      <c r="W43627">
        <v>40</v>
      </c>
      <c r="X43627">
        <v>40</v>
      </c>
      <c r="Y43627">
        <v>40</v>
      </c>
      <c r="Z43627">
        <v>40</v>
      </c>
      <c r="AA43627">
        <v>40</v>
      </c>
      <c r="AB43627">
        <v>40</v>
      </c>
      <c r="AC43627">
        <v>41</v>
      </c>
      <c r="AD43627">
        <v>41</v>
      </c>
      <c r="AE43627">
        <v>41</v>
      </c>
      <c r="AF43627">
        <v>41</v>
      </c>
      <c r="AG43627">
        <v>41</v>
      </c>
      <c r="AH43627">
        <v>41</v>
      </c>
      <c r="AI43627">
        <v>41</v>
      </c>
      <c r="AJ43627">
        <v>41</v>
      </c>
      <c r="AK43627">
        <v>41</v>
      </c>
      <c r="AL43627">
        <v>41</v>
      </c>
      <c r="AM43627">
        <v>41</v>
      </c>
      <c r="AN43627">
        <v>41</v>
      </c>
      <c r="AO43627">
        <v>42</v>
      </c>
      <c r="AP43627">
        <v>42</v>
      </c>
      <c r="AQ43627">
        <v>42</v>
      </c>
    </row>
    <row r="43628" spans="1:43">
      <c r="A43628" t="s">
        <v>26635</v>
      </c>
      <c r="B43628" t="s">
        <v>26636</v>
      </c>
      <c r="C43628" t="s">
        <v>17925</v>
      </c>
      <c r="D43628" t="s">
        <v>17926</v>
      </c>
      <c r="E43628" t="s">
        <v>17915</v>
      </c>
      <c r="F43628" t="s">
        <v>17916</v>
      </c>
      <c r="G43628" t="s">
        <v>16559</v>
      </c>
      <c r="H43628" t="s">
        <v>16560</v>
      </c>
      <c r="I43628" s="2">
        <v>1</v>
      </c>
      <c r="J43628" s="2">
        <v>0</v>
      </c>
      <c r="K43628" s="2">
        <v>0</v>
      </c>
      <c r="L43628" t="s">
        <v>120</v>
      </c>
      <c r="M43628" t="s">
        <v>89</v>
      </c>
      <c r="N43628" t="s">
        <v>90</v>
      </c>
      <c r="O43628" t="s">
        <v>85</v>
      </c>
      <c r="P43628" t="s">
        <v>86</v>
      </c>
      <c r="Q43628">
        <v>39</v>
      </c>
      <c r="R43628">
        <v>40</v>
      </c>
      <c r="S43628">
        <v>41</v>
      </c>
      <c r="T43628">
        <v>41</v>
      </c>
      <c r="U43628">
        <v>42</v>
      </c>
      <c r="V43628">
        <v>43</v>
      </c>
      <c r="W43628">
        <v>44</v>
      </c>
      <c r="X43628">
        <v>44</v>
      </c>
      <c r="Y43628">
        <v>45</v>
      </c>
      <c r="Z43628">
        <v>45</v>
      </c>
      <c r="AA43628">
        <v>46</v>
      </c>
      <c r="AB43628">
        <v>46</v>
      </c>
      <c r="AC43628">
        <v>47</v>
      </c>
      <c r="AD43628">
        <v>48</v>
      </c>
      <c r="AE43628">
        <v>48</v>
      </c>
      <c r="AF43628">
        <v>48</v>
      </c>
      <c r="AG43628">
        <v>48</v>
      </c>
      <c r="AH43628">
        <v>48</v>
      </c>
      <c r="AI43628">
        <v>48</v>
      </c>
      <c r="AJ43628">
        <v>48</v>
      </c>
      <c r="AK43628">
        <v>48</v>
      </c>
      <c r="AL43628">
        <v>47</v>
      </c>
      <c r="AM43628">
        <v>47</v>
      </c>
      <c r="AN43628">
        <v>47</v>
      </c>
      <c r="AO43628">
        <v>47</v>
      </c>
      <c r="AP43628">
        <v>47</v>
      </c>
      <c r="AQ43628">
        <v>47</v>
      </c>
    </row>
    <row r="43629" spans="1:43">
      <c r="A43629" t="s">
        <v>26635</v>
      </c>
      <c r="B43629" t="s">
        <v>26636</v>
      </c>
      <c r="C43629" t="s">
        <v>17925</v>
      </c>
      <c r="D43629" t="s">
        <v>17926</v>
      </c>
      <c r="E43629" t="s">
        <v>17915</v>
      </c>
      <c r="F43629" t="s">
        <v>17916</v>
      </c>
      <c r="G43629" t="s">
        <v>16559</v>
      </c>
      <c r="H43629" t="s">
        <v>16560</v>
      </c>
      <c r="I43629" s="2">
        <v>1</v>
      </c>
      <c r="J43629" s="2">
        <v>0</v>
      </c>
      <c r="K43629" s="2">
        <v>0</v>
      </c>
      <c r="L43629" t="s">
        <v>120</v>
      </c>
      <c r="M43629" t="s">
        <v>83</v>
      </c>
      <c r="N43629" t="s">
        <v>91</v>
      </c>
      <c r="O43629" t="s">
        <v>85</v>
      </c>
      <c r="P43629" t="s">
        <v>86</v>
      </c>
      <c r="Q43629">
        <v>39</v>
      </c>
      <c r="R43629">
        <v>39</v>
      </c>
      <c r="S43629">
        <v>40</v>
      </c>
      <c r="T43629">
        <v>40</v>
      </c>
      <c r="U43629">
        <v>41</v>
      </c>
      <c r="V43629">
        <v>41</v>
      </c>
      <c r="W43629">
        <v>42</v>
      </c>
      <c r="X43629">
        <v>42</v>
      </c>
      <c r="Y43629">
        <v>42</v>
      </c>
      <c r="Z43629">
        <v>43</v>
      </c>
      <c r="AA43629">
        <v>43</v>
      </c>
      <c r="AB43629">
        <v>44</v>
      </c>
      <c r="AC43629">
        <v>44</v>
      </c>
      <c r="AD43629">
        <v>44</v>
      </c>
      <c r="AE43629">
        <v>45</v>
      </c>
      <c r="AF43629">
        <v>45</v>
      </c>
      <c r="AG43629">
        <v>45</v>
      </c>
      <c r="AH43629">
        <v>46</v>
      </c>
      <c r="AI43629">
        <v>46</v>
      </c>
      <c r="AJ43629">
        <v>47</v>
      </c>
      <c r="AK43629">
        <v>47</v>
      </c>
      <c r="AL43629">
        <v>47</v>
      </c>
      <c r="AM43629">
        <v>47</v>
      </c>
      <c r="AN43629">
        <v>47</v>
      </c>
      <c r="AO43629">
        <v>47</v>
      </c>
      <c r="AP43629">
        <v>47</v>
      </c>
      <c r="AQ43629">
        <v>47</v>
      </c>
    </row>
    <row r="43630" spans="1:43">
      <c r="A43630" t="s">
        <v>26637</v>
      </c>
      <c r="B43630" t="s">
        <v>26638</v>
      </c>
      <c r="C43630" t="s">
        <v>17931</v>
      </c>
      <c r="D43630" t="s">
        <v>17932</v>
      </c>
      <c r="E43630" t="s">
        <v>17915</v>
      </c>
      <c r="F43630" t="s">
        <v>17916</v>
      </c>
      <c r="G43630" t="s">
        <v>16559</v>
      </c>
      <c r="H43630" t="s">
        <v>16560</v>
      </c>
      <c r="I43630" s="2">
        <v>1</v>
      </c>
      <c r="J43630" s="2">
        <v>0</v>
      </c>
      <c r="K43630" s="2">
        <v>0</v>
      </c>
      <c r="L43630" t="s">
        <v>120</v>
      </c>
      <c r="M43630" t="s">
        <v>83</v>
      </c>
      <c r="N43630" t="s">
        <v>84</v>
      </c>
      <c r="O43630" t="s">
        <v>85</v>
      </c>
      <c r="P43630" t="s">
        <v>86</v>
      </c>
      <c r="Q43630">
        <v>14</v>
      </c>
      <c r="R43630">
        <v>14</v>
      </c>
      <c r="S43630">
        <v>15</v>
      </c>
      <c r="T43630">
        <v>15</v>
      </c>
      <c r="U43630">
        <v>15</v>
      </c>
      <c r="V43630">
        <v>15</v>
      </c>
      <c r="W43630">
        <v>15</v>
      </c>
      <c r="X43630">
        <v>15</v>
      </c>
      <c r="Y43630">
        <v>16</v>
      </c>
      <c r="Z43630">
        <v>16</v>
      </c>
      <c r="AA43630">
        <v>16</v>
      </c>
      <c r="AB43630">
        <v>16</v>
      </c>
      <c r="AC43630">
        <v>16</v>
      </c>
      <c r="AD43630">
        <v>16</v>
      </c>
      <c r="AE43630">
        <v>16</v>
      </c>
      <c r="AF43630">
        <v>17</v>
      </c>
      <c r="AG43630">
        <v>17</v>
      </c>
      <c r="AH43630">
        <v>17</v>
      </c>
      <c r="AI43630">
        <v>17</v>
      </c>
      <c r="AJ43630">
        <v>17</v>
      </c>
      <c r="AK43630">
        <v>17</v>
      </c>
      <c r="AL43630">
        <v>17</v>
      </c>
      <c r="AM43630">
        <v>17</v>
      </c>
      <c r="AN43630">
        <v>17</v>
      </c>
      <c r="AO43630">
        <v>17</v>
      </c>
      <c r="AP43630">
        <v>17</v>
      </c>
      <c r="AQ43630">
        <v>17</v>
      </c>
    </row>
    <row r="43631" spans="1:43">
      <c r="A43631" t="s">
        <v>26637</v>
      </c>
      <c r="B43631" t="s">
        <v>26638</v>
      </c>
      <c r="C43631" t="s">
        <v>17931</v>
      </c>
      <c r="D43631" t="s">
        <v>17932</v>
      </c>
      <c r="E43631" t="s">
        <v>17915</v>
      </c>
      <c r="F43631" t="s">
        <v>17916</v>
      </c>
      <c r="G43631" t="s">
        <v>16559</v>
      </c>
      <c r="H43631" t="s">
        <v>16560</v>
      </c>
      <c r="I43631" s="2">
        <v>1</v>
      </c>
      <c r="J43631" s="2">
        <v>0</v>
      </c>
      <c r="K43631" s="2">
        <v>0</v>
      </c>
      <c r="L43631" t="s">
        <v>120</v>
      </c>
      <c r="M43631" t="s">
        <v>87</v>
      </c>
      <c r="N43631" t="s">
        <v>88</v>
      </c>
      <c r="O43631" t="s">
        <v>85</v>
      </c>
      <c r="P43631" t="s">
        <v>86</v>
      </c>
      <c r="Q43631">
        <v>14</v>
      </c>
      <c r="R43631">
        <v>14</v>
      </c>
      <c r="S43631">
        <v>14</v>
      </c>
      <c r="T43631">
        <v>14</v>
      </c>
      <c r="U43631">
        <v>14</v>
      </c>
      <c r="V43631">
        <v>14</v>
      </c>
      <c r="W43631">
        <v>14</v>
      </c>
      <c r="X43631">
        <v>14</v>
      </c>
      <c r="Y43631">
        <v>14</v>
      </c>
      <c r="Z43631">
        <v>14</v>
      </c>
      <c r="AA43631">
        <v>15</v>
      </c>
      <c r="AB43631">
        <v>15</v>
      </c>
      <c r="AC43631">
        <v>15</v>
      </c>
      <c r="AD43631">
        <v>15</v>
      </c>
      <c r="AE43631">
        <v>15</v>
      </c>
      <c r="AF43631">
        <v>15</v>
      </c>
      <c r="AG43631">
        <v>15</v>
      </c>
      <c r="AH43631">
        <v>15</v>
      </c>
      <c r="AI43631">
        <v>15</v>
      </c>
      <c r="AJ43631">
        <v>15</v>
      </c>
      <c r="AK43631">
        <v>15</v>
      </c>
      <c r="AL43631">
        <v>15</v>
      </c>
      <c r="AM43631">
        <v>15</v>
      </c>
      <c r="AN43631">
        <v>15</v>
      </c>
      <c r="AO43631">
        <v>15</v>
      </c>
      <c r="AP43631">
        <v>15</v>
      </c>
      <c r="AQ43631">
        <v>15</v>
      </c>
    </row>
    <row r="43632" spans="1:43">
      <c r="A43632" t="s">
        <v>26637</v>
      </c>
      <c r="B43632" t="s">
        <v>26638</v>
      </c>
      <c r="C43632" t="s">
        <v>17931</v>
      </c>
      <c r="D43632" t="s">
        <v>17932</v>
      </c>
      <c r="E43632" t="s">
        <v>17915</v>
      </c>
      <c r="F43632" t="s">
        <v>17916</v>
      </c>
      <c r="G43632" t="s">
        <v>16559</v>
      </c>
      <c r="H43632" t="s">
        <v>16560</v>
      </c>
      <c r="I43632" s="2">
        <v>1</v>
      </c>
      <c r="J43632" s="2">
        <v>0</v>
      </c>
      <c r="K43632" s="2">
        <v>0</v>
      </c>
      <c r="L43632" t="s">
        <v>120</v>
      </c>
      <c r="M43632" t="s">
        <v>89</v>
      </c>
      <c r="N43632" t="s">
        <v>90</v>
      </c>
      <c r="O43632" t="s">
        <v>85</v>
      </c>
      <c r="P43632" t="s">
        <v>86</v>
      </c>
      <c r="Q43632">
        <v>14</v>
      </c>
      <c r="R43632">
        <v>15</v>
      </c>
      <c r="S43632">
        <v>15</v>
      </c>
      <c r="T43632">
        <v>15</v>
      </c>
      <c r="U43632">
        <v>16</v>
      </c>
      <c r="V43632">
        <v>16</v>
      </c>
      <c r="W43632">
        <v>16</v>
      </c>
      <c r="X43632">
        <v>16</v>
      </c>
      <c r="Y43632">
        <v>16</v>
      </c>
      <c r="Z43632">
        <v>17</v>
      </c>
      <c r="AA43632">
        <v>17</v>
      </c>
      <c r="AB43632">
        <v>17</v>
      </c>
      <c r="AC43632">
        <v>17</v>
      </c>
      <c r="AD43632">
        <v>18</v>
      </c>
      <c r="AE43632">
        <v>18</v>
      </c>
      <c r="AF43632">
        <v>18</v>
      </c>
      <c r="AG43632">
        <v>18</v>
      </c>
      <c r="AH43632">
        <v>18</v>
      </c>
      <c r="AI43632">
        <v>18</v>
      </c>
      <c r="AJ43632">
        <v>18</v>
      </c>
      <c r="AK43632">
        <v>17</v>
      </c>
      <c r="AL43632">
        <v>17</v>
      </c>
      <c r="AM43632">
        <v>17</v>
      </c>
      <c r="AN43632">
        <v>17</v>
      </c>
      <c r="AO43632">
        <v>17</v>
      </c>
      <c r="AP43632">
        <v>17</v>
      </c>
      <c r="AQ43632">
        <v>17</v>
      </c>
    </row>
    <row r="43633" spans="1:43">
      <c r="A43633" t="s">
        <v>26637</v>
      </c>
      <c r="B43633" t="s">
        <v>26638</v>
      </c>
      <c r="C43633" t="s">
        <v>17931</v>
      </c>
      <c r="D43633" t="s">
        <v>17932</v>
      </c>
      <c r="E43633" t="s">
        <v>17915</v>
      </c>
      <c r="F43633" t="s">
        <v>17916</v>
      </c>
      <c r="G43633" t="s">
        <v>16559</v>
      </c>
      <c r="H43633" t="s">
        <v>16560</v>
      </c>
      <c r="I43633" s="2">
        <v>1</v>
      </c>
      <c r="J43633" s="2">
        <v>0</v>
      </c>
      <c r="K43633" s="2">
        <v>0</v>
      </c>
      <c r="L43633" t="s">
        <v>120</v>
      </c>
      <c r="M43633" t="s">
        <v>83</v>
      </c>
      <c r="N43633" t="s">
        <v>91</v>
      </c>
      <c r="O43633" t="s">
        <v>85</v>
      </c>
      <c r="P43633" t="s">
        <v>86</v>
      </c>
      <c r="Q43633">
        <v>14</v>
      </c>
      <c r="R43633">
        <v>14</v>
      </c>
      <c r="S43633">
        <v>15</v>
      </c>
      <c r="T43633">
        <v>15</v>
      </c>
      <c r="U43633">
        <v>15</v>
      </c>
      <c r="V43633">
        <v>15</v>
      </c>
      <c r="W43633">
        <v>15</v>
      </c>
      <c r="X43633">
        <v>15</v>
      </c>
      <c r="Y43633">
        <v>16</v>
      </c>
      <c r="Z43633">
        <v>16</v>
      </c>
      <c r="AA43633">
        <v>16</v>
      </c>
      <c r="AB43633">
        <v>16</v>
      </c>
      <c r="AC43633">
        <v>16</v>
      </c>
      <c r="AD43633">
        <v>16</v>
      </c>
      <c r="AE43633">
        <v>16</v>
      </c>
      <c r="AF43633">
        <v>17</v>
      </c>
      <c r="AG43633">
        <v>17</v>
      </c>
      <c r="AH43633">
        <v>17</v>
      </c>
      <c r="AI43633">
        <v>17</v>
      </c>
      <c r="AJ43633">
        <v>17</v>
      </c>
      <c r="AK43633">
        <v>17</v>
      </c>
      <c r="AL43633">
        <v>17</v>
      </c>
      <c r="AM43633">
        <v>17</v>
      </c>
      <c r="AN43633">
        <v>17</v>
      </c>
      <c r="AO43633">
        <v>17</v>
      </c>
      <c r="AP43633">
        <v>17</v>
      </c>
      <c r="AQ43633">
        <v>17</v>
      </c>
    </row>
    <row r="43634" spans="1:43">
      <c r="A43634" t="s">
        <v>26639</v>
      </c>
      <c r="B43634" t="s">
        <v>26640</v>
      </c>
      <c r="C43634" t="s">
        <v>17931</v>
      </c>
      <c r="D43634" t="s">
        <v>17932</v>
      </c>
      <c r="E43634" t="s">
        <v>17915</v>
      </c>
      <c r="F43634" t="s">
        <v>17916</v>
      </c>
      <c r="G43634" t="s">
        <v>16559</v>
      </c>
      <c r="H43634" t="s">
        <v>16560</v>
      </c>
      <c r="I43634" s="2">
        <v>1</v>
      </c>
      <c r="J43634" s="2">
        <v>0</v>
      </c>
      <c r="K43634" s="2">
        <v>0</v>
      </c>
      <c r="L43634" t="s">
        <v>120</v>
      </c>
      <c r="M43634" t="s">
        <v>83</v>
      </c>
      <c r="N43634" t="s">
        <v>84</v>
      </c>
      <c r="O43634" t="s">
        <v>85</v>
      </c>
      <c r="P43634" t="s">
        <v>86</v>
      </c>
      <c r="Q43634">
        <v>34</v>
      </c>
      <c r="R43634">
        <v>34</v>
      </c>
      <c r="S43634">
        <v>35</v>
      </c>
      <c r="T43634">
        <v>35</v>
      </c>
      <c r="U43634">
        <v>36</v>
      </c>
      <c r="V43634">
        <v>36</v>
      </c>
      <c r="W43634">
        <v>36</v>
      </c>
      <c r="X43634">
        <v>37</v>
      </c>
      <c r="Y43634">
        <v>37</v>
      </c>
      <c r="Z43634">
        <v>37</v>
      </c>
      <c r="AA43634">
        <v>38</v>
      </c>
      <c r="AB43634">
        <v>38</v>
      </c>
      <c r="AC43634">
        <v>38</v>
      </c>
      <c r="AD43634">
        <v>39</v>
      </c>
      <c r="AE43634">
        <v>39</v>
      </c>
      <c r="AF43634">
        <v>39</v>
      </c>
      <c r="AG43634">
        <v>40</v>
      </c>
      <c r="AH43634">
        <v>40</v>
      </c>
      <c r="AI43634">
        <v>40</v>
      </c>
      <c r="AJ43634">
        <v>41</v>
      </c>
      <c r="AK43634">
        <v>41</v>
      </c>
      <c r="AL43634">
        <v>41</v>
      </c>
      <c r="AM43634">
        <v>41</v>
      </c>
      <c r="AN43634">
        <v>41</v>
      </c>
      <c r="AO43634">
        <v>41</v>
      </c>
      <c r="AP43634">
        <v>41</v>
      </c>
      <c r="AQ43634">
        <v>41</v>
      </c>
    </row>
    <row r="43635" spans="1:43">
      <c r="A43635" t="s">
        <v>26639</v>
      </c>
      <c r="B43635" t="s">
        <v>26640</v>
      </c>
      <c r="C43635" t="s">
        <v>17931</v>
      </c>
      <c r="D43635" t="s">
        <v>17932</v>
      </c>
      <c r="E43635" t="s">
        <v>17915</v>
      </c>
      <c r="F43635" t="s">
        <v>17916</v>
      </c>
      <c r="G43635" t="s">
        <v>16559</v>
      </c>
      <c r="H43635" t="s">
        <v>16560</v>
      </c>
      <c r="I43635" s="2">
        <v>1</v>
      </c>
      <c r="J43635" s="2">
        <v>0</v>
      </c>
      <c r="K43635" s="2">
        <v>0</v>
      </c>
      <c r="L43635" t="s">
        <v>120</v>
      </c>
      <c r="M43635" t="s">
        <v>87</v>
      </c>
      <c r="N43635" t="s">
        <v>88</v>
      </c>
      <c r="O43635" t="s">
        <v>85</v>
      </c>
      <c r="P43635" t="s">
        <v>86</v>
      </c>
      <c r="Q43635">
        <v>34</v>
      </c>
      <c r="R43635">
        <v>34</v>
      </c>
      <c r="S43635">
        <v>34</v>
      </c>
      <c r="T43635">
        <v>34</v>
      </c>
      <c r="U43635">
        <v>34</v>
      </c>
      <c r="V43635">
        <v>34</v>
      </c>
      <c r="W43635">
        <v>34</v>
      </c>
      <c r="X43635">
        <v>34</v>
      </c>
      <c r="Y43635">
        <v>34</v>
      </c>
      <c r="Z43635">
        <v>34</v>
      </c>
      <c r="AA43635">
        <v>34</v>
      </c>
      <c r="AB43635">
        <v>35</v>
      </c>
      <c r="AC43635">
        <v>35</v>
      </c>
      <c r="AD43635">
        <v>35</v>
      </c>
      <c r="AE43635">
        <v>35</v>
      </c>
      <c r="AF43635">
        <v>35</v>
      </c>
      <c r="AG43635">
        <v>35</v>
      </c>
      <c r="AH43635">
        <v>35</v>
      </c>
      <c r="AI43635">
        <v>35</v>
      </c>
      <c r="AJ43635">
        <v>35</v>
      </c>
      <c r="AK43635">
        <v>35</v>
      </c>
      <c r="AL43635">
        <v>35</v>
      </c>
      <c r="AM43635">
        <v>35</v>
      </c>
      <c r="AN43635">
        <v>36</v>
      </c>
      <c r="AO43635">
        <v>36</v>
      </c>
      <c r="AP43635">
        <v>36</v>
      </c>
      <c r="AQ43635">
        <v>36</v>
      </c>
    </row>
    <row r="43636" spans="1:43">
      <c r="A43636" t="s">
        <v>26639</v>
      </c>
      <c r="B43636" t="s">
        <v>26640</v>
      </c>
      <c r="C43636" t="s">
        <v>17931</v>
      </c>
      <c r="D43636" t="s">
        <v>17932</v>
      </c>
      <c r="E43636" t="s">
        <v>17915</v>
      </c>
      <c r="F43636" t="s">
        <v>17916</v>
      </c>
      <c r="G43636" t="s">
        <v>16559</v>
      </c>
      <c r="H43636" t="s">
        <v>16560</v>
      </c>
      <c r="I43636" s="2">
        <v>1</v>
      </c>
      <c r="J43636" s="2">
        <v>0</v>
      </c>
      <c r="K43636" s="2">
        <v>0</v>
      </c>
      <c r="L43636" t="s">
        <v>120</v>
      </c>
      <c r="M43636" t="s">
        <v>89</v>
      </c>
      <c r="N43636" t="s">
        <v>90</v>
      </c>
      <c r="O43636" t="s">
        <v>85</v>
      </c>
      <c r="P43636" t="s">
        <v>86</v>
      </c>
      <c r="Q43636">
        <v>34</v>
      </c>
      <c r="R43636">
        <v>35</v>
      </c>
      <c r="S43636">
        <v>36</v>
      </c>
      <c r="T43636">
        <v>36</v>
      </c>
      <c r="U43636">
        <v>37</v>
      </c>
      <c r="V43636">
        <v>37</v>
      </c>
      <c r="W43636">
        <v>38</v>
      </c>
      <c r="X43636">
        <v>39</v>
      </c>
      <c r="Y43636">
        <v>39</v>
      </c>
      <c r="Z43636">
        <v>40</v>
      </c>
      <c r="AA43636">
        <v>40</v>
      </c>
      <c r="AB43636">
        <v>41</v>
      </c>
      <c r="AC43636">
        <v>41</v>
      </c>
      <c r="AD43636">
        <v>42</v>
      </c>
      <c r="AE43636">
        <v>42</v>
      </c>
      <c r="AF43636">
        <v>42</v>
      </c>
      <c r="AG43636">
        <v>42</v>
      </c>
      <c r="AH43636">
        <v>42</v>
      </c>
      <c r="AI43636">
        <v>42</v>
      </c>
      <c r="AJ43636">
        <v>42</v>
      </c>
      <c r="AK43636">
        <v>41</v>
      </c>
      <c r="AL43636">
        <v>41</v>
      </c>
      <c r="AM43636">
        <v>41</v>
      </c>
      <c r="AN43636">
        <v>41</v>
      </c>
      <c r="AO43636">
        <v>41</v>
      </c>
      <c r="AP43636">
        <v>41</v>
      </c>
      <c r="AQ43636">
        <v>41</v>
      </c>
    </row>
    <row r="43637" spans="1:43">
      <c r="A43637" t="s">
        <v>26639</v>
      </c>
      <c r="B43637" t="s">
        <v>26640</v>
      </c>
      <c r="C43637" t="s">
        <v>17931</v>
      </c>
      <c r="D43637" t="s">
        <v>17932</v>
      </c>
      <c r="E43637" t="s">
        <v>17915</v>
      </c>
      <c r="F43637" t="s">
        <v>17916</v>
      </c>
      <c r="G43637" t="s">
        <v>16559</v>
      </c>
      <c r="H43637" t="s">
        <v>16560</v>
      </c>
      <c r="I43637" s="2">
        <v>1</v>
      </c>
      <c r="J43637" s="2">
        <v>0</v>
      </c>
      <c r="K43637" s="2">
        <v>0</v>
      </c>
      <c r="L43637" t="s">
        <v>120</v>
      </c>
      <c r="M43637" t="s">
        <v>83</v>
      </c>
      <c r="N43637" t="s">
        <v>91</v>
      </c>
      <c r="O43637" t="s">
        <v>85</v>
      </c>
      <c r="P43637" t="s">
        <v>86</v>
      </c>
      <c r="Q43637">
        <v>34</v>
      </c>
      <c r="R43637">
        <v>34</v>
      </c>
      <c r="S43637">
        <v>35</v>
      </c>
      <c r="T43637">
        <v>35</v>
      </c>
      <c r="U43637">
        <v>36</v>
      </c>
      <c r="V43637">
        <v>36</v>
      </c>
      <c r="W43637">
        <v>36</v>
      </c>
      <c r="X43637">
        <v>37</v>
      </c>
      <c r="Y43637">
        <v>37</v>
      </c>
      <c r="Z43637">
        <v>37</v>
      </c>
      <c r="AA43637">
        <v>38</v>
      </c>
      <c r="AB43637">
        <v>38</v>
      </c>
      <c r="AC43637">
        <v>38</v>
      </c>
      <c r="AD43637">
        <v>39</v>
      </c>
      <c r="AE43637">
        <v>39</v>
      </c>
      <c r="AF43637">
        <v>39</v>
      </c>
      <c r="AG43637">
        <v>40</v>
      </c>
      <c r="AH43637">
        <v>40</v>
      </c>
      <c r="AI43637">
        <v>40</v>
      </c>
      <c r="AJ43637">
        <v>41</v>
      </c>
      <c r="AK43637">
        <v>41</v>
      </c>
      <c r="AL43637">
        <v>41</v>
      </c>
      <c r="AM43637">
        <v>41</v>
      </c>
      <c r="AN43637">
        <v>41</v>
      </c>
      <c r="AO43637">
        <v>41</v>
      </c>
      <c r="AP43637">
        <v>41</v>
      </c>
      <c r="AQ43637">
        <v>41</v>
      </c>
    </row>
    <row r="43638" spans="1:43">
      <c r="A43638" t="s">
        <v>26641</v>
      </c>
      <c r="B43638" t="s">
        <v>26642</v>
      </c>
      <c r="C43638" t="s">
        <v>17489</v>
      </c>
      <c r="D43638" t="s">
        <v>17490</v>
      </c>
      <c r="E43638" t="s">
        <v>17455</v>
      </c>
      <c r="F43638" t="s">
        <v>17456</v>
      </c>
      <c r="G43638" t="s">
        <v>16559</v>
      </c>
      <c r="H43638" t="s">
        <v>16560</v>
      </c>
      <c r="I43638" s="2">
        <v>1</v>
      </c>
      <c r="J43638" s="2">
        <v>0</v>
      </c>
      <c r="K43638" s="2">
        <v>0</v>
      </c>
      <c r="L43638" t="s">
        <v>120</v>
      </c>
      <c r="M43638" t="s">
        <v>83</v>
      </c>
      <c r="N43638" t="s">
        <v>84</v>
      </c>
      <c r="O43638" t="s">
        <v>85</v>
      </c>
      <c r="P43638" t="s">
        <v>86</v>
      </c>
      <c r="Q43638">
        <v>36</v>
      </c>
      <c r="R43638">
        <v>37</v>
      </c>
      <c r="S43638">
        <v>37</v>
      </c>
      <c r="T43638">
        <v>38</v>
      </c>
      <c r="U43638">
        <v>39</v>
      </c>
      <c r="V43638">
        <v>40</v>
      </c>
      <c r="W43638">
        <v>41</v>
      </c>
      <c r="X43638">
        <v>42</v>
      </c>
      <c r="Y43638">
        <v>43</v>
      </c>
      <c r="Z43638">
        <v>44</v>
      </c>
      <c r="AA43638">
        <v>45</v>
      </c>
      <c r="AB43638">
        <v>46</v>
      </c>
      <c r="AC43638">
        <v>47</v>
      </c>
      <c r="AD43638">
        <v>47</v>
      </c>
      <c r="AE43638">
        <v>48</v>
      </c>
      <c r="AF43638">
        <v>49</v>
      </c>
      <c r="AG43638">
        <v>50</v>
      </c>
      <c r="AH43638">
        <v>51</v>
      </c>
      <c r="AI43638">
        <v>52</v>
      </c>
      <c r="AJ43638">
        <v>53</v>
      </c>
      <c r="AK43638">
        <v>54</v>
      </c>
      <c r="AL43638">
        <v>55</v>
      </c>
      <c r="AM43638">
        <v>56</v>
      </c>
      <c r="AN43638">
        <v>56</v>
      </c>
      <c r="AO43638">
        <v>56</v>
      </c>
      <c r="AP43638">
        <v>57</v>
      </c>
      <c r="AQ43638">
        <v>57</v>
      </c>
    </row>
    <row r="43639" spans="1:43">
      <c r="A43639" t="s">
        <v>26641</v>
      </c>
      <c r="B43639" t="s">
        <v>26642</v>
      </c>
      <c r="C43639" t="s">
        <v>17489</v>
      </c>
      <c r="D43639" t="s">
        <v>17490</v>
      </c>
      <c r="E43639" t="s">
        <v>17455</v>
      </c>
      <c r="F43639" t="s">
        <v>17456</v>
      </c>
      <c r="G43639" t="s">
        <v>16559</v>
      </c>
      <c r="H43639" t="s">
        <v>16560</v>
      </c>
      <c r="I43639" s="2">
        <v>1</v>
      </c>
      <c r="J43639" s="2">
        <v>0</v>
      </c>
      <c r="K43639" s="2">
        <v>0</v>
      </c>
      <c r="L43639" t="s">
        <v>120</v>
      </c>
      <c r="M43639" t="s">
        <v>87</v>
      </c>
      <c r="N43639" t="s">
        <v>88</v>
      </c>
      <c r="O43639" t="s">
        <v>85</v>
      </c>
      <c r="P43639" t="s">
        <v>86</v>
      </c>
      <c r="Q43639">
        <v>36</v>
      </c>
      <c r="R43639">
        <v>37</v>
      </c>
      <c r="S43639">
        <v>37</v>
      </c>
      <c r="T43639">
        <v>38</v>
      </c>
      <c r="U43639">
        <v>38</v>
      </c>
      <c r="V43639">
        <v>39</v>
      </c>
      <c r="W43639">
        <v>39</v>
      </c>
      <c r="X43639">
        <v>40</v>
      </c>
      <c r="Y43639">
        <v>41</v>
      </c>
      <c r="Z43639">
        <v>41</v>
      </c>
      <c r="AA43639">
        <v>42</v>
      </c>
      <c r="AB43639">
        <v>42</v>
      </c>
      <c r="AC43639">
        <v>43</v>
      </c>
      <c r="AD43639">
        <v>43</v>
      </c>
      <c r="AE43639">
        <v>44</v>
      </c>
      <c r="AF43639">
        <v>44</v>
      </c>
      <c r="AG43639">
        <v>45</v>
      </c>
      <c r="AH43639">
        <v>46</v>
      </c>
      <c r="AI43639">
        <v>46</v>
      </c>
      <c r="AJ43639">
        <v>47</v>
      </c>
      <c r="AK43639">
        <v>47</v>
      </c>
      <c r="AL43639">
        <v>48</v>
      </c>
      <c r="AM43639">
        <v>48</v>
      </c>
      <c r="AN43639">
        <v>49</v>
      </c>
      <c r="AO43639">
        <v>50</v>
      </c>
      <c r="AP43639">
        <v>50</v>
      </c>
      <c r="AQ43639">
        <v>51</v>
      </c>
    </row>
    <row r="43640" spans="1:43">
      <c r="A43640" t="s">
        <v>26641</v>
      </c>
      <c r="B43640" t="s">
        <v>26642</v>
      </c>
      <c r="C43640" t="s">
        <v>17489</v>
      </c>
      <c r="D43640" t="s">
        <v>17490</v>
      </c>
      <c r="E43640" t="s">
        <v>17455</v>
      </c>
      <c r="F43640" t="s">
        <v>17456</v>
      </c>
      <c r="G43640" t="s">
        <v>16559</v>
      </c>
      <c r="H43640" t="s">
        <v>16560</v>
      </c>
      <c r="I43640" s="2">
        <v>1</v>
      </c>
      <c r="J43640" s="2">
        <v>0</v>
      </c>
      <c r="K43640" s="2">
        <v>0</v>
      </c>
      <c r="L43640" t="s">
        <v>120</v>
      </c>
      <c r="M43640" t="s">
        <v>89</v>
      </c>
      <c r="N43640" t="s">
        <v>90</v>
      </c>
      <c r="O43640" t="s">
        <v>85</v>
      </c>
      <c r="P43640" t="s">
        <v>86</v>
      </c>
      <c r="Q43640">
        <v>36</v>
      </c>
      <c r="R43640">
        <v>37</v>
      </c>
      <c r="S43640">
        <v>38</v>
      </c>
      <c r="T43640">
        <v>40</v>
      </c>
      <c r="U43640">
        <v>41</v>
      </c>
      <c r="V43640">
        <v>42</v>
      </c>
      <c r="W43640">
        <v>43</v>
      </c>
      <c r="X43640">
        <v>44</v>
      </c>
      <c r="Y43640">
        <v>45</v>
      </c>
      <c r="Z43640">
        <v>46</v>
      </c>
      <c r="AA43640">
        <v>48</v>
      </c>
      <c r="AB43640">
        <v>49</v>
      </c>
      <c r="AC43640">
        <v>50</v>
      </c>
      <c r="AD43640">
        <v>51</v>
      </c>
      <c r="AE43640">
        <v>52</v>
      </c>
      <c r="AF43640">
        <v>52</v>
      </c>
      <c r="AG43640">
        <v>53</v>
      </c>
      <c r="AH43640">
        <v>53</v>
      </c>
      <c r="AI43640">
        <v>54</v>
      </c>
      <c r="AJ43640">
        <v>54</v>
      </c>
      <c r="AK43640">
        <v>55</v>
      </c>
      <c r="AL43640">
        <v>55</v>
      </c>
      <c r="AM43640">
        <v>56</v>
      </c>
      <c r="AN43640">
        <v>56</v>
      </c>
      <c r="AO43640">
        <v>57</v>
      </c>
      <c r="AP43640">
        <v>57</v>
      </c>
      <c r="AQ43640">
        <v>58</v>
      </c>
    </row>
    <row r="43641" spans="1:43">
      <c r="A43641" t="s">
        <v>26641</v>
      </c>
      <c r="B43641" t="s">
        <v>26642</v>
      </c>
      <c r="C43641" t="s">
        <v>17489</v>
      </c>
      <c r="D43641" t="s">
        <v>17490</v>
      </c>
      <c r="E43641" t="s">
        <v>17455</v>
      </c>
      <c r="F43641" t="s">
        <v>17456</v>
      </c>
      <c r="G43641" t="s">
        <v>16559</v>
      </c>
      <c r="H43641" t="s">
        <v>16560</v>
      </c>
      <c r="I43641" s="2">
        <v>1</v>
      </c>
      <c r="J43641" s="2">
        <v>0</v>
      </c>
      <c r="K43641" s="2">
        <v>0</v>
      </c>
      <c r="L43641" t="s">
        <v>120</v>
      </c>
      <c r="M43641" t="s">
        <v>83</v>
      </c>
      <c r="N43641" t="s">
        <v>91</v>
      </c>
      <c r="O43641" t="s">
        <v>85</v>
      </c>
      <c r="P43641" t="s">
        <v>86</v>
      </c>
      <c r="Q43641">
        <v>36</v>
      </c>
      <c r="R43641">
        <v>37</v>
      </c>
      <c r="S43641">
        <v>37</v>
      </c>
      <c r="T43641">
        <v>38</v>
      </c>
      <c r="U43641">
        <v>39</v>
      </c>
      <c r="V43641">
        <v>40</v>
      </c>
      <c r="W43641">
        <v>41</v>
      </c>
      <c r="X43641">
        <v>42</v>
      </c>
      <c r="Y43641">
        <v>43</v>
      </c>
      <c r="Z43641">
        <v>44</v>
      </c>
      <c r="AA43641">
        <v>45</v>
      </c>
      <c r="AB43641">
        <v>46</v>
      </c>
      <c r="AC43641">
        <v>47</v>
      </c>
      <c r="AD43641">
        <v>47</v>
      </c>
      <c r="AE43641">
        <v>48</v>
      </c>
      <c r="AF43641">
        <v>49</v>
      </c>
      <c r="AG43641">
        <v>50</v>
      </c>
      <c r="AH43641">
        <v>51</v>
      </c>
      <c r="AI43641">
        <v>52</v>
      </c>
      <c r="AJ43641">
        <v>53</v>
      </c>
      <c r="AK43641">
        <v>54</v>
      </c>
      <c r="AL43641">
        <v>55</v>
      </c>
      <c r="AM43641">
        <v>56</v>
      </c>
      <c r="AN43641">
        <v>56</v>
      </c>
      <c r="AO43641">
        <v>56</v>
      </c>
      <c r="AP43641">
        <v>57</v>
      </c>
      <c r="AQ43641">
        <v>57</v>
      </c>
    </row>
    <row r="43642" spans="1:43">
      <c r="A43642" t="s">
        <v>26643</v>
      </c>
      <c r="B43642" t="s">
        <v>26644</v>
      </c>
      <c r="C43642" t="s">
        <v>17703</v>
      </c>
      <c r="D43642" t="s">
        <v>17704</v>
      </c>
      <c r="E43642" t="s">
        <v>17663</v>
      </c>
      <c r="F43642" t="s">
        <v>17664</v>
      </c>
      <c r="G43642" t="s">
        <v>16559</v>
      </c>
      <c r="H43642" t="s">
        <v>16560</v>
      </c>
      <c r="I43642" s="2">
        <v>1</v>
      </c>
      <c r="J43642" s="2">
        <v>0</v>
      </c>
      <c r="K43642" s="2">
        <v>0</v>
      </c>
      <c r="L43642" t="s">
        <v>120</v>
      </c>
      <c r="M43642" t="s">
        <v>83</v>
      </c>
      <c r="N43642" t="s">
        <v>84</v>
      </c>
      <c r="O43642" t="s">
        <v>85</v>
      </c>
      <c r="P43642" t="s">
        <v>86</v>
      </c>
      <c r="Q43642">
        <v>10</v>
      </c>
      <c r="R43642">
        <v>10</v>
      </c>
      <c r="S43642">
        <v>10</v>
      </c>
      <c r="T43642">
        <v>10</v>
      </c>
      <c r="U43642">
        <v>10</v>
      </c>
      <c r="V43642">
        <v>10</v>
      </c>
      <c r="W43642">
        <v>10</v>
      </c>
      <c r="X43642">
        <v>11</v>
      </c>
      <c r="Y43642">
        <v>11</v>
      </c>
      <c r="Z43642">
        <v>11</v>
      </c>
      <c r="AA43642">
        <v>11</v>
      </c>
      <c r="AB43642">
        <v>11</v>
      </c>
      <c r="AC43642">
        <v>11</v>
      </c>
      <c r="AD43642">
        <v>11</v>
      </c>
      <c r="AE43642">
        <v>12</v>
      </c>
      <c r="AF43642">
        <v>12</v>
      </c>
      <c r="AG43642">
        <v>12</v>
      </c>
      <c r="AH43642">
        <v>12</v>
      </c>
      <c r="AI43642">
        <v>12</v>
      </c>
      <c r="AJ43642">
        <v>12</v>
      </c>
      <c r="AK43642">
        <v>12</v>
      </c>
      <c r="AL43642">
        <v>13</v>
      </c>
      <c r="AM43642">
        <v>13</v>
      </c>
      <c r="AN43642">
        <v>13</v>
      </c>
      <c r="AO43642">
        <v>13</v>
      </c>
      <c r="AP43642">
        <v>13</v>
      </c>
      <c r="AQ43642">
        <v>13</v>
      </c>
    </row>
    <row r="43643" spans="1:43">
      <c r="A43643" t="s">
        <v>26643</v>
      </c>
      <c r="B43643" t="s">
        <v>26644</v>
      </c>
      <c r="C43643" t="s">
        <v>17703</v>
      </c>
      <c r="D43643" t="s">
        <v>17704</v>
      </c>
      <c r="E43643" t="s">
        <v>17663</v>
      </c>
      <c r="F43643" t="s">
        <v>17664</v>
      </c>
      <c r="G43643" t="s">
        <v>16559</v>
      </c>
      <c r="H43643" t="s">
        <v>16560</v>
      </c>
      <c r="I43643" s="2">
        <v>1</v>
      </c>
      <c r="J43643" s="2">
        <v>0</v>
      </c>
      <c r="K43643" s="2">
        <v>0</v>
      </c>
      <c r="L43643" t="s">
        <v>120</v>
      </c>
      <c r="M43643" t="s">
        <v>87</v>
      </c>
      <c r="N43643" t="s">
        <v>88</v>
      </c>
      <c r="O43643" t="s">
        <v>85</v>
      </c>
      <c r="P43643" t="s">
        <v>86</v>
      </c>
      <c r="Q43643">
        <v>10</v>
      </c>
      <c r="R43643">
        <v>11</v>
      </c>
      <c r="S43643">
        <v>11</v>
      </c>
      <c r="T43643">
        <v>11</v>
      </c>
      <c r="U43643">
        <v>11</v>
      </c>
      <c r="V43643">
        <v>11</v>
      </c>
      <c r="W43643">
        <v>11</v>
      </c>
      <c r="X43643">
        <v>11</v>
      </c>
      <c r="Y43643">
        <v>11</v>
      </c>
      <c r="Z43643">
        <v>11</v>
      </c>
      <c r="AA43643">
        <v>11</v>
      </c>
      <c r="AB43643">
        <v>11</v>
      </c>
      <c r="AC43643">
        <v>11</v>
      </c>
      <c r="AD43643">
        <v>11</v>
      </c>
      <c r="AE43643">
        <v>11</v>
      </c>
      <c r="AF43643">
        <v>11</v>
      </c>
      <c r="AG43643">
        <v>11</v>
      </c>
      <c r="AH43643">
        <v>11</v>
      </c>
      <c r="AI43643">
        <v>11</v>
      </c>
      <c r="AJ43643">
        <v>12</v>
      </c>
      <c r="AK43643">
        <v>12</v>
      </c>
      <c r="AL43643">
        <v>12</v>
      </c>
      <c r="AM43643">
        <v>12</v>
      </c>
      <c r="AN43643">
        <v>12</v>
      </c>
      <c r="AO43643">
        <v>12</v>
      </c>
      <c r="AP43643">
        <v>12</v>
      </c>
      <c r="AQ43643">
        <v>12</v>
      </c>
    </row>
    <row r="43644" spans="1:43">
      <c r="A43644" t="s">
        <v>26643</v>
      </c>
      <c r="B43644" t="s">
        <v>26644</v>
      </c>
      <c r="C43644" t="s">
        <v>17703</v>
      </c>
      <c r="D43644" t="s">
        <v>17704</v>
      </c>
      <c r="E43644" t="s">
        <v>17663</v>
      </c>
      <c r="F43644" t="s">
        <v>17664</v>
      </c>
      <c r="G43644" t="s">
        <v>16559</v>
      </c>
      <c r="H43644" t="s">
        <v>16560</v>
      </c>
      <c r="I43644" s="2">
        <v>1</v>
      </c>
      <c r="J43644" s="2">
        <v>0</v>
      </c>
      <c r="K43644" s="2">
        <v>0</v>
      </c>
      <c r="L43644" t="s">
        <v>120</v>
      </c>
      <c r="M43644" t="s">
        <v>89</v>
      </c>
      <c r="N43644" t="s">
        <v>90</v>
      </c>
      <c r="O43644" t="s">
        <v>85</v>
      </c>
      <c r="P43644" t="s">
        <v>86</v>
      </c>
      <c r="Q43644">
        <v>10</v>
      </c>
      <c r="R43644">
        <v>10</v>
      </c>
      <c r="S43644">
        <v>10</v>
      </c>
      <c r="T43644">
        <v>10</v>
      </c>
      <c r="U43644">
        <v>11</v>
      </c>
      <c r="V43644">
        <v>11</v>
      </c>
      <c r="W43644">
        <v>11</v>
      </c>
      <c r="X43644">
        <v>11</v>
      </c>
      <c r="Y43644">
        <v>11</v>
      </c>
      <c r="Z43644">
        <v>11</v>
      </c>
      <c r="AA43644">
        <v>12</v>
      </c>
      <c r="AB43644">
        <v>12</v>
      </c>
      <c r="AC43644">
        <v>12</v>
      </c>
      <c r="AD43644">
        <v>12</v>
      </c>
      <c r="AE43644">
        <v>12</v>
      </c>
      <c r="AF43644">
        <v>12</v>
      </c>
      <c r="AG43644">
        <v>12</v>
      </c>
      <c r="AH43644">
        <v>12</v>
      </c>
      <c r="AI43644">
        <v>13</v>
      </c>
      <c r="AJ43644">
        <v>13</v>
      </c>
      <c r="AK43644">
        <v>13</v>
      </c>
      <c r="AL43644">
        <v>13</v>
      </c>
      <c r="AM43644">
        <v>13</v>
      </c>
      <c r="AN43644">
        <v>13</v>
      </c>
      <c r="AO43644">
        <v>13</v>
      </c>
      <c r="AP43644">
        <v>13</v>
      </c>
      <c r="AQ43644">
        <v>13</v>
      </c>
    </row>
    <row r="43645" spans="1:43">
      <c r="A43645" t="s">
        <v>26643</v>
      </c>
      <c r="B43645" t="s">
        <v>26644</v>
      </c>
      <c r="C43645" t="s">
        <v>17703</v>
      </c>
      <c r="D43645" t="s">
        <v>17704</v>
      </c>
      <c r="E43645" t="s">
        <v>17663</v>
      </c>
      <c r="F43645" t="s">
        <v>17664</v>
      </c>
      <c r="G43645" t="s">
        <v>16559</v>
      </c>
      <c r="H43645" t="s">
        <v>16560</v>
      </c>
      <c r="I43645" s="2">
        <v>1</v>
      </c>
      <c r="J43645" s="2">
        <v>0</v>
      </c>
      <c r="K43645" s="2">
        <v>0</v>
      </c>
      <c r="L43645" t="s">
        <v>120</v>
      </c>
      <c r="M43645" t="s">
        <v>83</v>
      </c>
      <c r="N43645" t="s">
        <v>91</v>
      </c>
      <c r="O43645" t="s">
        <v>85</v>
      </c>
      <c r="P43645" t="s">
        <v>86</v>
      </c>
      <c r="Q43645">
        <v>10</v>
      </c>
      <c r="R43645">
        <v>10</v>
      </c>
      <c r="S43645">
        <v>10</v>
      </c>
      <c r="T43645">
        <v>10</v>
      </c>
      <c r="U43645">
        <v>10</v>
      </c>
      <c r="V43645">
        <v>10</v>
      </c>
      <c r="W43645">
        <v>10</v>
      </c>
      <c r="X43645">
        <v>11</v>
      </c>
      <c r="Y43645">
        <v>11</v>
      </c>
      <c r="Z43645">
        <v>11</v>
      </c>
      <c r="AA43645">
        <v>11</v>
      </c>
      <c r="AB43645">
        <v>11</v>
      </c>
      <c r="AC43645">
        <v>11</v>
      </c>
      <c r="AD43645">
        <v>11</v>
      </c>
      <c r="AE43645">
        <v>12</v>
      </c>
      <c r="AF43645">
        <v>12</v>
      </c>
      <c r="AG43645">
        <v>12</v>
      </c>
      <c r="AH43645">
        <v>12</v>
      </c>
      <c r="AI43645">
        <v>12</v>
      </c>
      <c r="AJ43645">
        <v>12</v>
      </c>
      <c r="AK43645">
        <v>12</v>
      </c>
      <c r="AL43645">
        <v>13</v>
      </c>
      <c r="AM43645">
        <v>13</v>
      </c>
      <c r="AN43645">
        <v>13</v>
      </c>
      <c r="AO43645">
        <v>13</v>
      </c>
      <c r="AP43645">
        <v>13</v>
      </c>
      <c r="AQ43645">
        <v>13</v>
      </c>
    </row>
    <row r="43646" spans="1:43">
      <c r="A43646" t="s">
        <v>26645</v>
      </c>
      <c r="B43646" t="s">
        <v>26646</v>
      </c>
      <c r="C43646" t="s">
        <v>16683</v>
      </c>
      <c r="D43646" t="s">
        <v>16684</v>
      </c>
      <c r="E43646" t="s">
        <v>16557</v>
      </c>
      <c r="F43646" t="s">
        <v>16558</v>
      </c>
      <c r="G43646" t="s">
        <v>16559</v>
      </c>
      <c r="H43646" t="s">
        <v>16560</v>
      </c>
      <c r="I43646" s="2">
        <v>1</v>
      </c>
      <c r="J43646" s="2">
        <v>0</v>
      </c>
      <c r="K43646" s="2">
        <v>0</v>
      </c>
      <c r="L43646" t="s">
        <v>120</v>
      </c>
      <c r="M43646" t="s">
        <v>83</v>
      </c>
      <c r="N43646" t="s">
        <v>84</v>
      </c>
      <c r="O43646" t="s">
        <v>85</v>
      </c>
      <c r="P43646" t="s">
        <v>86</v>
      </c>
      <c r="Q43646">
        <v>7</v>
      </c>
      <c r="R43646">
        <v>7</v>
      </c>
      <c r="S43646">
        <v>7</v>
      </c>
      <c r="T43646">
        <v>8</v>
      </c>
      <c r="U43646">
        <v>8</v>
      </c>
      <c r="V43646">
        <v>8</v>
      </c>
      <c r="W43646">
        <v>8</v>
      </c>
      <c r="X43646">
        <v>8</v>
      </c>
      <c r="Y43646">
        <v>8</v>
      </c>
      <c r="Z43646">
        <v>8</v>
      </c>
      <c r="AA43646">
        <v>8</v>
      </c>
      <c r="AB43646">
        <v>8</v>
      </c>
      <c r="AC43646">
        <v>9</v>
      </c>
      <c r="AD43646">
        <v>9</v>
      </c>
      <c r="AE43646">
        <v>9</v>
      </c>
      <c r="AF43646">
        <v>9</v>
      </c>
      <c r="AG43646">
        <v>9</v>
      </c>
      <c r="AH43646">
        <v>9</v>
      </c>
      <c r="AI43646">
        <v>9</v>
      </c>
      <c r="AJ43646">
        <v>9</v>
      </c>
      <c r="AK43646">
        <v>10</v>
      </c>
      <c r="AL43646">
        <v>10</v>
      </c>
      <c r="AM43646">
        <v>10</v>
      </c>
      <c r="AN43646">
        <v>10</v>
      </c>
      <c r="AO43646">
        <v>10</v>
      </c>
      <c r="AP43646">
        <v>10</v>
      </c>
      <c r="AQ43646">
        <v>10</v>
      </c>
    </row>
    <row r="43647" spans="1:43">
      <c r="A43647" t="s">
        <v>26645</v>
      </c>
      <c r="B43647" t="s">
        <v>26646</v>
      </c>
      <c r="C43647" t="s">
        <v>16683</v>
      </c>
      <c r="D43647" t="s">
        <v>16684</v>
      </c>
      <c r="E43647" t="s">
        <v>16557</v>
      </c>
      <c r="F43647" t="s">
        <v>16558</v>
      </c>
      <c r="G43647" t="s">
        <v>16559</v>
      </c>
      <c r="H43647" t="s">
        <v>16560</v>
      </c>
      <c r="I43647" s="2">
        <v>1</v>
      </c>
      <c r="J43647" s="2">
        <v>0</v>
      </c>
      <c r="K43647" s="2">
        <v>0</v>
      </c>
      <c r="L43647" t="s">
        <v>120</v>
      </c>
      <c r="M43647" t="s">
        <v>87</v>
      </c>
      <c r="N43647" t="s">
        <v>88</v>
      </c>
      <c r="O43647" t="s">
        <v>85</v>
      </c>
      <c r="P43647" t="s">
        <v>86</v>
      </c>
      <c r="Q43647">
        <v>7</v>
      </c>
      <c r="R43647">
        <v>7</v>
      </c>
      <c r="S43647">
        <v>7</v>
      </c>
      <c r="T43647">
        <v>7</v>
      </c>
      <c r="U43647">
        <v>7</v>
      </c>
      <c r="V43647">
        <v>7</v>
      </c>
      <c r="W43647">
        <v>7</v>
      </c>
      <c r="X43647">
        <v>7</v>
      </c>
      <c r="Y43647">
        <v>8</v>
      </c>
      <c r="Z43647">
        <v>8</v>
      </c>
      <c r="AA43647">
        <v>8</v>
      </c>
      <c r="AB43647">
        <v>8</v>
      </c>
      <c r="AC43647">
        <v>8</v>
      </c>
      <c r="AD43647">
        <v>8</v>
      </c>
      <c r="AE43647">
        <v>8</v>
      </c>
      <c r="AF43647">
        <v>8</v>
      </c>
      <c r="AG43647">
        <v>8</v>
      </c>
      <c r="AH43647">
        <v>8</v>
      </c>
      <c r="AI43647">
        <v>8</v>
      </c>
      <c r="AJ43647">
        <v>8</v>
      </c>
      <c r="AK43647">
        <v>8</v>
      </c>
      <c r="AL43647">
        <v>8</v>
      </c>
      <c r="AM43647">
        <v>8</v>
      </c>
      <c r="AN43647">
        <v>8</v>
      </c>
      <c r="AO43647">
        <v>8</v>
      </c>
      <c r="AP43647">
        <v>9</v>
      </c>
      <c r="AQ43647">
        <v>9</v>
      </c>
    </row>
    <row r="43648" spans="1:43">
      <c r="A43648" t="s">
        <v>26645</v>
      </c>
      <c r="B43648" t="s">
        <v>26646</v>
      </c>
      <c r="C43648" t="s">
        <v>16683</v>
      </c>
      <c r="D43648" t="s">
        <v>16684</v>
      </c>
      <c r="E43648" t="s">
        <v>16557</v>
      </c>
      <c r="F43648" t="s">
        <v>16558</v>
      </c>
      <c r="G43648" t="s">
        <v>16559</v>
      </c>
      <c r="H43648" t="s">
        <v>16560</v>
      </c>
      <c r="I43648" s="2">
        <v>1</v>
      </c>
      <c r="J43648" s="2">
        <v>0</v>
      </c>
      <c r="K43648" s="2">
        <v>0</v>
      </c>
      <c r="L43648" t="s">
        <v>120</v>
      </c>
      <c r="M43648" t="s">
        <v>89</v>
      </c>
      <c r="N43648" t="s">
        <v>90</v>
      </c>
      <c r="O43648" t="s">
        <v>85</v>
      </c>
      <c r="P43648" t="s">
        <v>86</v>
      </c>
      <c r="Q43648">
        <v>7</v>
      </c>
      <c r="R43648">
        <v>7</v>
      </c>
      <c r="S43648">
        <v>8</v>
      </c>
      <c r="T43648">
        <v>8</v>
      </c>
      <c r="U43648">
        <v>8</v>
      </c>
      <c r="V43648">
        <v>8</v>
      </c>
      <c r="W43648">
        <v>8</v>
      </c>
      <c r="X43648">
        <v>8</v>
      </c>
      <c r="Y43648">
        <v>9</v>
      </c>
      <c r="Z43648">
        <v>9</v>
      </c>
      <c r="AA43648">
        <v>9</v>
      </c>
      <c r="AB43648">
        <v>9</v>
      </c>
      <c r="AC43648">
        <v>9</v>
      </c>
      <c r="AD43648">
        <v>9</v>
      </c>
      <c r="AE43648">
        <v>9</v>
      </c>
      <c r="AF43648">
        <v>9</v>
      </c>
      <c r="AG43648">
        <v>10</v>
      </c>
      <c r="AH43648">
        <v>10</v>
      </c>
      <c r="AI43648">
        <v>10</v>
      </c>
      <c r="AJ43648">
        <v>10</v>
      </c>
      <c r="AK43648">
        <v>10</v>
      </c>
      <c r="AL43648">
        <v>10</v>
      </c>
      <c r="AM43648">
        <v>10</v>
      </c>
      <c r="AN43648">
        <v>10</v>
      </c>
      <c r="AO43648">
        <v>10</v>
      </c>
      <c r="AP43648">
        <v>10</v>
      </c>
      <c r="AQ43648">
        <v>10</v>
      </c>
    </row>
    <row r="43649" spans="1:43">
      <c r="A43649" t="s">
        <v>26645</v>
      </c>
      <c r="B43649" t="s">
        <v>26646</v>
      </c>
      <c r="C43649" t="s">
        <v>16683</v>
      </c>
      <c r="D43649" t="s">
        <v>16684</v>
      </c>
      <c r="E43649" t="s">
        <v>16557</v>
      </c>
      <c r="F43649" t="s">
        <v>16558</v>
      </c>
      <c r="G43649" t="s">
        <v>16559</v>
      </c>
      <c r="H43649" t="s">
        <v>16560</v>
      </c>
      <c r="I43649" s="2">
        <v>1</v>
      </c>
      <c r="J43649" s="2">
        <v>0</v>
      </c>
      <c r="K43649" s="2">
        <v>0</v>
      </c>
      <c r="L43649" t="s">
        <v>120</v>
      </c>
      <c r="M43649" t="s">
        <v>83</v>
      </c>
      <c r="N43649" t="s">
        <v>91</v>
      </c>
      <c r="O43649" t="s">
        <v>85</v>
      </c>
      <c r="P43649" t="s">
        <v>86</v>
      </c>
      <c r="Q43649">
        <v>7</v>
      </c>
      <c r="R43649">
        <v>7</v>
      </c>
      <c r="S43649">
        <v>7</v>
      </c>
      <c r="T43649">
        <v>8</v>
      </c>
      <c r="U43649">
        <v>8</v>
      </c>
      <c r="V43649">
        <v>8</v>
      </c>
      <c r="W43649">
        <v>8</v>
      </c>
      <c r="X43649">
        <v>8</v>
      </c>
      <c r="Y43649">
        <v>8</v>
      </c>
      <c r="Z43649">
        <v>8</v>
      </c>
      <c r="AA43649">
        <v>8</v>
      </c>
      <c r="AB43649">
        <v>8</v>
      </c>
      <c r="AC43649">
        <v>9</v>
      </c>
      <c r="AD43649">
        <v>9</v>
      </c>
      <c r="AE43649">
        <v>9</v>
      </c>
      <c r="AF43649">
        <v>9</v>
      </c>
      <c r="AG43649">
        <v>9</v>
      </c>
      <c r="AH43649">
        <v>9</v>
      </c>
      <c r="AI43649">
        <v>9</v>
      </c>
      <c r="AJ43649">
        <v>9</v>
      </c>
      <c r="AK43649">
        <v>10</v>
      </c>
      <c r="AL43649">
        <v>10</v>
      </c>
      <c r="AM43649">
        <v>10</v>
      </c>
      <c r="AN43649">
        <v>10</v>
      </c>
      <c r="AO43649">
        <v>10</v>
      </c>
      <c r="AP43649">
        <v>10</v>
      </c>
      <c r="AQ43649">
        <v>10</v>
      </c>
    </row>
    <row r="43650" spans="1:43">
      <c r="A43650" t="s">
        <v>26647</v>
      </c>
      <c r="B43650" t="s">
        <v>26648</v>
      </c>
      <c r="C43650" t="s">
        <v>16683</v>
      </c>
      <c r="D43650" t="s">
        <v>16684</v>
      </c>
      <c r="E43650" t="s">
        <v>16557</v>
      </c>
      <c r="F43650" t="s">
        <v>16558</v>
      </c>
      <c r="G43650" t="s">
        <v>16559</v>
      </c>
      <c r="H43650" t="s">
        <v>16560</v>
      </c>
      <c r="I43650" s="2">
        <v>1</v>
      </c>
      <c r="J43650" s="2">
        <v>0</v>
      </c>
      <c r="K43650" s="2">
        <v>0</v>
      </c>
      <c r="L43650" t="s">
        <v>120</v>
      </c>
      <c r="M43650" t="s">
        <v>83</v>
      </c>
      <c r="N43650" t="s">
        <v>84</v>
      </c>
      <c r="O43650" t="s">
        <v>85</v>
      </c>
      <c r="P43650" t="s">
        <v>86</v>
      </c>
      <c r="Q43650">
        <v>10</v>
      </c>
      <c r="R43650">
        <v>10</v>
      </c>
      <c r="S43650">
        <v>10</v>
      </c>
      <c r="T43650">
        <v>11</v>
      </c>
      <c r="U43650">
        <v>11</v>
      </c>
      <c r="V43650">
        <v>11</v>
      </c>
      <c r="W43650">
        <v>11</v>
      </c>
      <c r="X43650">
        <v>11</v>
      </c>
      <c r="Y43650">
        <v>11</v>
      </c>
      <c r="Z43650">
        <v>11</v>
      </c>
      <c r="AA43650">
        <v>12</v>
      </c>
      <c r="AB43650">
        <v>12</v>
      </c>
      <c r="AC43650">
        <v>12</v>
      </c>
      <c r="AD43650">
        <v>12</v>
      </c>
      <c r="AE43650">
        <v>12</v>
      </c>
      <c r="AF43650">
        <v>12</v>
      </c>
      <c r="AG43650">
        <v>13</v>
      </c>
      <c r="AH43650">
        <v>13</v>
      </c>
      <c r="AI43650">
        <v>13</v>
      </c>
      <c r="AJ43650">
        <v>13</v>
      </c>
      <c r="AK43650">
        <v>13</v>
      </c>
      <c r="AL43650">
        <v>13</v>
      </c>
      <c r="AM43650">
        <v>14</v>
      </c>
      <c r="AN43650">
        <v>14</v>
      </c>
      <c r="AO43650">
        <v>14</v>
      </c>
      <c r="AP43650">
        <v>14</v>
      </c>
      <c r="AQ43650">
        <v>14</v>
      </c>
    </row>
    <row r="43651" spans="1:43">
      <c r="A43651" t="s">
        <v>26647</v>
      </c>
      <c r="B43651" t="s">
        <v>26648</v>
      </c>
      <c r="C43651" t="s">
        <v>16683</v>
      </c>
      <c r="D43651" t="s">
        <v>16684</v>
      </c>
      <c r="E43651" t="s">
        <v>16557</v>
      </c>
      <c r="F43651" t="s">
        <v>16558</v>
      </c>
      <c r="G43651" t="s">
        <v>16559</v>
      </c>
      <c r="H43651" t="s">
        <v>16560</v>
      </c>
      <c r="I43651" s="2">
        <v>1</v>
      </c>
      <c r="J43651" s="2">
        <v>0</v>
      </c>
      <c r="K43651" s="2">
        <v>0</v>
      </c>
      <c r="L43651" t="s">
        <v>120</v>
      </c>
      <c r="M43651" t="s">
        <v>87</v>
      </c>
      <c r="N43651" t="s">
        <v>88</v>
      </c>
      <c r="O43651" t="s">
        <v>85</v>
      </c>
      <c r="P43651" t="s">
        <v>86</v>
      </c>
      <c r="Q43651">
        <v>10</v>
      </c>
      <c r="R43651">
        <v>10</v>
      </c>
      <c r="S43651">
        <v>10</v>
      </c>
      <c r="T43651">
        <v>10</v>
      </c>
      <c r="U43651">
        <v>10</v>
      </c>
      <c r="V43651">
        <v>10</v>
      </c>
      <c r="W43651">
        <v>10</v>
      </c>
      <c r="X43651">
        <v>10</v>
      </c>
      <c r="Y43651">
        <v>10</v>
      </c>
      <c r="Z43651">
        <v>11</v>
      </c>
      <c r="AA43651">
        <v>11</v>
      </c>
      <c r="AB43651">
        <v>11</v>
      </c>
      <c r="AC43651">
        <v>11</v>
      </c>
      <c r="AD43651">
        <v>11</v>
      </c>
      <c r="AE43651">
        <v>11</v>
      </c>
      <c r="AF43651">
        <v>11</v>
      </c>
      <c r="AG43651">
        <v>11</v>
      </c>
      <c r="AH43651">
        <v>11</v>
      </c>
      <c r="AI43651">
        <v>11</v>
      </c>
      <c r="AJ43651">
        <v>11</v>
      </c>
      <c r="AK43651">
        <v>11</v>
      </c>
      <c r="AL43651">
        <v>12</v>
      </c>
      <c r="AM43651">
        <v>12</v>
      </c>
      <c r="AN43651">
        <v>12</v>
      </c>
      <c r="AO43651">
        <v>12</v>
      </c>
      <c r="AP43651">
        <v>12</v>
      </c>
      <c r="AQ43651">
        <v>12</v>
      </c>
    </row>
    <row r="43652" spans="1:43">
      <c r="A43652" t="s">
        <v>26647</v>
      </c>
      <c r="B43652" t="s">
        <v>26648</v>
      </c>
      <c r="C43652" t="s">
        <v>16683</v>
      </c>
      <c r="D43652" t="s">
        <v>16684</v>
      </c>
      <c r="E43652" t="s">
        <v>16557</v>
      </c>
      <c r="F43652" t="s">
        <v>16558</v>
      </c>
      <c r="G43652" t="s">
        <v>16559</v>
      </c>
      <c r="H43652" t="s">
        <v>16560</v>
      </c>
      <c r="I43652" s="2">
        <v>1</v>
      </c>
      <c r="J43652" s="2">
        <v>0</v>
      </c>
      <c r="K43652" s="2">
        <v>0</v>
      </c>
      <c r="L43652" t="s">
        <v>120</v>
      </c>
      <c r="M43652" t="s">
        <v>89</v>
      </c>
      <c r="N43652" t="s">
        <v>90</v>
      </c>
      <c r="O43652" t="s">
        <v>85</v>
      </c>
      <c r="P43652" t="s">
        <v>86</v>
      </c>
      <c r="Q43652">
        <v>10</v>
      </c>
      <c r="R43652">
        <v>10</v>
      </c>
      <c r="S43652">
        <v>11</v>
      </c>
      <c r="T43652">
        <v>11</v>
      </c>
      <c r="U43652">
        <v>11</v>
      </c>
      <c r="V43652">
        <v>11</v>
      </c>
      <c r="W43652">
        <v>12</v>
      </c>
      <c r="X43652">
        <v>12</v>
      </c>
      <c r="Y43652">
        <v>12</v>
      </c>
      <c r="Z43652">
        <v>12</v>
      </c>
      <c r="AA43652">
        <v>12</v>
      </c>
      <c r="AB43652">
        <v>13</v>
      </c>
      <c r="AC43652">
        <v>13</v>
      </c>
      <c r="AD43652">
        <v>13</v>
      </c>
      <c r="AE43652">
        <v>13</v>
      </c>
      <c r="AF43652">
        <v>13</v>
      </c>
      <c r="AG43652">
        <v>13</v>
      </c>
      <c r="AH43652">
        <v>13</v>
      </c>
      <c r="AI43652">
        <v>13</v>
      </c>
      <c r="AJ43652">
        <v>13</v>
      </c>
      <c r="AK43652">
        <v>14</v>
      </c>
      <c r="AL43652">
        <v>14</v>
      </c>
      <c r="AM43652">
        <v>14</v>
      </c>
      <c r="AN43652">
        <v>14</v>
      </c>
      <c r="AO43652">
        <v>14</v>
      </c>
      <c r="AP43652">
        <v>14</v>
      </c>
      <c r="AQ43652">
        <v>14</v>
      </c>
    </row>
    <row r="43653" spans="1:43">
      <c r="A43653" t="s">
        <v>26647</v>
      </c>
      <c r="B43653" t="s">
        <v>26648</v>
      </c>
      <c r="C43653" t="s">
        <v>16683</v>
      </c>
      <c r="D43653" t="s">
        <v>16684</v>
      </c>
      <c r="E43653" t="s">
        <v>16557</v>
      </c>
      <c r="F43653" t="s">
        <v>16558</v>
      </c>
      <c r="G43653" t="s">
        <v>16559</v>
      </c>
      <c r="H43653" t="s">
        <v>16560</v>
      </c>
      <c r="I43653" s="2">
        <v>1</v>
      </c>
      <c r="J43653" s="2">
        <v>0</v>
      </c>
      <c r="K43653" s="2">
        <v>0</v>
      </c>
      <c r="L43653" t="s">
        <v>120</v>
      </c>
      <c r="M43653" t="s">
        <v>83</v>
      </c>
      <c r="N43653" t="s">
        <v>91</v>
      </c>
      <c r="O43653" t="s">
        <v>85</v>
      </c>
      <c r="P43653" t="s">
        <v>86</v>
      </c>
      <c r="Q43653">
        <v>10</v>
      </c>
      <c r="R43653">
        <v>10</v>
      </c>
      <c r="S43653">
        <v>10</v>
      </c>
      <c r="T43653">
        <v>11</v>
      </c>
      <c r="U43653">
        <v>11</v>
      </c>
      <c r="V43653">
        <v>11</v>
      </c>
      <c r="W43653">
        <v>11</v>
      </c>
      <c r="X43653">
        <v>11</v>
      </c>
      <c r="Y43653">
        <v>11</v>
      </c>
      <c r="Z43653">
        <v>11</v>
      </c>
      <c r="AA43653">
        <v>12</v>
      </c>
      <c r="AB43653">
        <v>12</v>
      </c>
      <c r="AC43653">
        <v>12</v>
      </c>
      <c r="AD43653">
        <v>12</v>
      </c>
      <c r="AE43653">
        <v>12</v>
      </c>
      <c r="AF43653">
        <v>12</v>
      </c>
      <c r="AG43653">
        <v>13</v>
      </c>
      <c r="AH43653">
        <v>13</v>
      </c>
      <c r="AI43653">
        <v>13</v>
      </c>
      <c r="AJ43653">
        <v>13</v>
      </c>
      <c r="AK43653">
        <v>13</v>
      </c>
      <c r="AL43653">
        <v>13</v>
      </c>
      <c r="AM43653">
        <v>14</v>
      </c>
      <c r="AN43653">
        <v>14</v>
      </c>
      <c r="AO43653">
        <v>14</v>
      </c>
      <c r="AP43653">
        <v>14</v>
      </c>
      <c r="AQ43653">
        <v>14</v>
      </c>
    </row>
    <row r="43654" spans="1:43">
      <c r="A43654" t="s">
        <v>26649</v>
      </c>
      <c r="B43654" t="s">
        <v>26650</v>
      </c>
      <c r="C43654" t="s">
        <v>16675</v>
      </c>
      <c r="D43654" t="s">
        <v>16676</v>
      </c>
      <c r="E43654" t="s">
        <v>16557</v>
      </c>
      <c r="F43654" t="s">
        <v>16558</v>
      </c>
      <c r="G43654" t="s">
        <v>16559</v>
      </c>
      <c r="H43654" t="s">
        <v>16560</v>
      </c>
      <c r="I43654" s="2">
        <v>1</v>
      </c>
      <c r="J43654" s="2">
        <v>0</v>
      </c>
      <c r="K43654" s="2">
        <v>0</v>
      </c>
      <c r="L43654" t="s">
        <v>120</v>
      </c>
      <c r="M43654" t="s">
        <v>83</v>
      </c>
      <c r="N43654" t="s">
        <v>84</v>
      </c>
      <c r="O43654" t="s">
        <v>85</v>
      </c>
      <c r="P43654" t="s">
        <v>86</v>
      </c>
      <c r="Q43654">
        <v>30</v>
      </c>
      <c r="R43654">
        <v>30</v>
      </c>
      <c r="S43654">
        <v>31</v>
      </c>
      <c r="T43654">
        <v>31</v>
      </c>
      <c r="U43654">
        <v>32</v>
      </c>
      <c r="V43654">
        <v>32</v>
      </c>
      <c r="W43654">
        <v>33</v>
      </c>
      <c r="X43654">
        <v>33</v>
      </c>
      <c r="Y43654">
        <v>34</v>
      </c>
      <c r="Z43654">
        <v>34</v>
      </c>
      <c r="AA43654">
        <v>35</v>
      </c>
      <c r="AB43654">
        <v>35</v>
      </c>
      <c r="AC43654">
        <v>36</v>
      </c>
      <c r="AD43654">
        <v>36</v>
      </c>
      <c r="AE43654">
        <v>37</v>
      </c>
      <c r="AF43654">
        <v>38</v>
      </c>
      <c r="AG43654">
        <v>38</v>
      </c>
      <c r="AH43654">
        <v>39</v>
      </c>
      <c r="AI43654">
        <v>39</v>
      </c>
      <c r="AJ43654">
        <v>40</v>
      </c>
      <c r="AK43654">
        <v>41</v>
      </c>
      <c r="AL43654">
        <v>41</v>
      </c>
      <c r="AM43654">
        <v>41</v>
      </c>
      <c r="AN43654">
        <v>42</v>
      </c>
      <c r="AO43654">
        <v>42</v>
      </c>
      <c r="AP43654">
        <v>42</v>
      </c>
      <c r="AQ43654">
        <v>43</v>
      </c>
    </row>
    <row r="43655" spans="1:43">
      <c r="A43655" t="s">
        <v>26649</v>
      </c>
      <c r="B43655" t="s">
        <v>26650</v>
      </c>
      <c r="C43655" t="s">
        <v>16675</v>
      </c>
      <c r="D43655" t="s">
        <v>16676</v>
      </c>
      <c r="E43655" t="s">
        <v>16557</v>
      </c>
      <c r="F43655" t="s">
        <v>16558</v>
      </c>
      <c r="G43655" t="s">
        <v>16559</v>
      </c>
      <c r="H43655" t="s">
        <v>16560</v>
      </c>
      <c r="I43655" s="2">
        <v>1</v>
      </c>
      <c r="J43655" s="2">
        <v>0</v>
      </c>
      <c r="K43655" s="2">
        <v>0</v>
      </c>
      <c r="L43655" t="s">
        <v>120</v>
      </c>
      <c r="M43655" t="s">
        <v>87</v>
      </c>
      <c r="N43655" t="s">
        <v>88</v>
      </c>
      <c r="O43655" t="s">
        <v>85</v>
      </c>
      <c r="P43655" t="s">
        <v>86</v>
      </c>
      <c r="Q43655">
        <v>30</v>
      </c>
      <c r="R43655">
        <v>30</v>
      </c>
      <c r="S43655">
        <v>30</v>
      </c>
      <c r="T43655">
        <v>30</v>
      </c>
      <c r="U43655">
        <v>31</v>
      </c>
      <c r="V43655">
        <v>31</v>
      </c>
      <c r="W43655">
        <v>31</v>
      </c>
      <c r="X43655">
        <v>31</v>
      </c>
      <c r="Y43655">
        <v>31</v>
      </c>
      <c r="Z43655">
        <v>32</v>
      </c>
      <c r="AA43655">
        <v>32</v>
      </c>
      <c r="AB43655">
        <v>32</v>
      </c>
      <c r="AC43655">
        <v>32</v>
      </c>
      <c r="AD43655">
        <v>33</v>
      </c>
      <c r="AE43655">
        <v>33</v>
      </c>
      <c r="AF43655">
        <v>33</v>
      </c>
      <c r="AG43655">
        <v>33</v>
      </c>
      <c r="AH43655">
        <v>34</v>
      </c>
      <c r="AI43655">
        <v>34</v>
      </c>
      <c r="AJ43655">
        <v>34</v>
      </c>
      <c r="AK43655">
        <v>35</v>
      </c>
      <c r="AL43655">
        <v>35</v>
      </c>
      <c r="AM43655">
        <v>35</v>
      </c>
      <c r="AN43655">
        <v>36</v>
      </c>
      <c r="AO43655">
        <v>36</v>
      </c>
      <c r="AP43655">
        <v>37</v>
      </c>
      <c r="AQ43655">
        <v>37</v>
      </c>
    </row>
    <row r="43656" spans="1:43">
      <c r="A43656" t="s">
        <v>26649</v>
      </c>
      <c r="B43656" t="s">
        <v>26650</v>
      </c>
      <c r="C43656" t="s">
        <v>16675</v>
      </c>
      <c r="D43656" t="s">
        <v>16676</v>
      </c>
      <c r="E43656" t="s">
        <v>16557</v>
      </c>
      <c r="F43656" t="s">
        <v>16558</v>
      </c>
      <c r="G43656" t="s">
        <v>16559</v>
      </c>
      <c r="H43656" t="s">
        <v>16560</v>
      </c>
      <c r="I43656" s="2">
        <v>1</v>
      </c>
      <c r="J43656" s="2">
        <v>0</v>
      </c>
      <c r="K43656" s="2">
        <v>0</v>
      </c>
      <c r="L43656" t="s">
        <v>120</v>
      </c>
      <c r="M43656" t="s">
        <v>89</v>
      </c>
      <c r="N43656" t="s">
        <v>90</v>
      </c>
      <c r="O43656" t="s">
        <v>85</v>
      </c>
      <c r="P43656" t="s">
        <v>86</v>
      </c>
      <c r="Q43656">
        <v>30</v>
      </c>
      <c r="R43656">
        <v>31</v>
      </c>
      <c r="S43656">
        <v>32</v>
      </c>
      <c r="T43656">
        <v>33</v>
      </c>
      <c r="U43656">
        <v>33</v>
      </c>
      <c r="V43656">
        <v>34</v>
      </c>
      <c r="W43656">
        <v>35</v>
      </c>
      <c r="X43656">
        <v>35</v>
      </c>
      <c r="Y43656">
        <v>36</v>
      </c>
      <c r="Z43656">
        <v>36</v>
      </c>
      <c r="AA43656">
        <v>37</v>
      </c>
      <c r="AB43656">
        <v>38</v>
      </c>
      <c r="AC43656">
        <v>38</v>
      </c>
      <c r="AD43656">
        <v>39</v>
      </c>
      <c r="AE43656">
        <v>40</v>
      </c>
      <c r="AF43656">
        <v>40</v>
      </c>
      <c r="AG43656">
        <v>40</v>
      </c>
      <c r="AH43656">
        <v>40</v>
      </c>
      <c r="AI43656">
        <v>41</v>
      </c>
      <c r="AJ43656">
        <v>41</v>
      </c>
      <c r="AK43656">
        <v>41</v>
      </c>
      <c r="AL43656">
        <v>42</v>
      </c>
      <c r="AM43656">
        <v>42</v>
      </c>
      <c r="AN43656">
        <v>42</v>
      </c>
      <c r="AO43656">
        <v>43</v>
      </c>
      <c r="AP43656">
        <v>43</v>
      </c>
      <c r="AQ43656">
        <v>43</v>
      </c>
    </row>
    <row r="43657" spans="1:43">
      <c r="A43657" t="s">
        <v>26649</v>
      </c>
      <c r="B43657" t="s">
        <v>26650</v>
      </c>
      <c r="C43657" t="s">
        <v>16675</v>
      </c>
      <c r="D43657" t="s">
        <v>16676</v>
      </c>
      <c r="E43657" t="s">
        <v>16557</v>
      </c>
      <c r="F43657" t="s">
        <v>16558</v>
      </c>
      <c r="G43657" t="s">
        <v>16559</v>
      </c>
      <c r="H43657" t="s">
        <v>16560</v>
      </c>
      <c r="I43657" s="2">
        <v>1</v>
      </c>
      <c r="J43657" s="2">
        <v>0</v>
      </c>
      <c r="K43657" s="2">
        <v>0</v>
      </c>
      <c r="L43657" t="s">
        <v>120</v>
      </c>
      <c r="M43657" t="s">
        <v>83</v>
      </c>
      <c r="N43657" t="s">
        <v>91</v>
      </c>
      <c r="O43657" t="s">
        <v>85</v>
      </c>
      <c r="P43657" t="s">
        <v>86</v>
      </c>
      <c r="Q43657">
        <v>30</v>
      </c>
      <c r="R43657">
        <v>30</v>
      </c>
      <c r="S43657">
        <v>31</v>
      </c>
      <c r="T43657">
        <v>31</v>
      </c>
      <c r="U43657">
        <v>32</v>
      </c>
      <c r="V43657">
        <v>32</v>
      </c>
      <c r="W43657">
        <v>33</v>
      </c>
      <c r="X43657">
        <v>33</v>
      </c>
      <c r="Y43657">
        <v>34</v>
      </c>
      <c r="Z43657">
        <v>34</v>
      </c>
      <c r="AA43657">
        <v>35</v>
      </c>
      <c r="AB43657">
        <v>35</v>
      </c>
      <c r="AC43657">
        <v>36</v>
      </c>
      <c r="AD43657">
        <v>36</v>
      </c>
      <c r="AE43657">
        <v>37</v>
      </c>
      <c r="AF43657">
        <v>38</v>
      </c>
      <c r="AG43657">
        <v>38</v>
      </c>
      <c r="AH43657">
        <v>39</v>
      </c>
      <c r="AI43657">
        <v>39</v>
      </c>
      <c r="AJ43657">
        <v>40</v>
      </c>
      <c r="AK43657">
        <v>41</v>
      </c>
      <c r="AL43657">
        <v>41</v>
      </c>
      <c r="AM43657">
        <v>41</v>
      </c>
      <c r="AN43657">
        <v>42</v>
      </c>
      <c r="AO43657">
        <v>42</v>
      </c>
      <c r="AP43657">
        <v>42</v>
      </c>
      <c r="AQ43657">
        <v>43</v>
      </c>
    </row>
    <row r="43658" spans="1:43">
      <c r="A43658" t="s">
        <v>26651</v>
      </c>
      <c r="B43658" t="s">
        <v>26652</v>
      </c>
      <c r="C43658" t="s">
        <v>16675</v>
      </c>
      <c r="D43658" t="s">
        <v>16676</v>
      </c>
      <c r="E43658" t="s">
        <v>16557</v>
      </c>
      <c r="F43658" t="s">
        <v>16558</v>
      </c>
      <c r="G43658" t="s">
        <v>16559</v>
      </c>
      <c r="H43658" t="s">
        <v>16560</v>
      </c>
      <c r="I43658" s="2">
        <v>1</v>
      </c>
      <c r="J43658" s="2">
        <v>0</v>
      </c>
      <c r="K43658" s="2">
        <v>0</v>
      </c>
      <c r="L43658" t="s">
        <v>120</v>
      </c>
      <c r="M43658" t="s">
        <v>83</v>
      </c>
      <c r="N43658" t="s">
        <v>84</v>
      </c>
      <c r="O43658" t="s">
        <v>85</v>
      </c>
      <c r="P43658" t="s">
        <v>86</v>
      </c>
      <c r="Q43658">
        <v>61</v>
      </c>
      <c r="R43658">
        <v>62</v>
      </c>
      <c r="S43658">
        <v>63</v>
      </c>
      <c r="T43658">
        <v>64</v>
      </c>
      <c r="U43658">
        <v>65</v>
      </c>
      <c r="V43658">
        <v>66</v>
      </c>
      <c r="W43658">
        <v>67</v>
      </c>
      <c r="X43658">
        <v>68</v>
      </c>
      <c r="Y43658">
        <v>69</v>
      </c>
      <c r="Z43658">
        <v>70</v>
      </c>
      <c r="AA43658">
        <v>71</v>
      </c>
      <c r="AB43658">
        <v>72</v>
      </c>
      <c r="AC43658">
        <v>73</v>
      </c>
      <c r="AD43658">
        <v>74</v>
      </c>
      <c r="AE43658">
        <v>75</v>
      </c>
      <c r="AF43658">
        <v>76</v>
      </c>
      <c r="AG43658">
        <v>78</v>
      </c>
      <c r="AH43658">
        <v>79</v>
      </c>
      <c r="AI43658">
        <v>80</v>
      </c>
      <c r="AJ43658">
        <v>81</v>
      </c>
      <c r="AK43658">
        <v>82</v>
      </c>
      <c r="AL43658">
        <v>83</v>
      </c>
      <c r="AM43658">
        <v>84</v>
      </c>
      <c r="AN43658">
        <v>85</v>
      </c>
      <c r="AO43658">
        <v>85</v>
      </c>
      <c r="AP43658">
        <v>86</v>
      </c>
      <c r="AQ43658">
        <v>87</v>
      </c>
    </row>
    <row r="43659" spans="1:43">
      <c r="A43659" t="s">
        <v>26651</v>
      </c>
      <c r="B43659" t="s">
        <v>26652</v>
      </c>
      <c r="C43659" t="s">
        <v>16675</v>
      </c>
      <c r="D43659" t="s">
        <v>16676</v>
      </c>
      <c r="E43659" t="s">
        <v>16557</v>
      </c>
      <c r="F43659" t="s">
        <v>16558</v>
      </c>
      <c r="G43659" t="s">
        <v>16559</v>
      </c>
      <c r="H43659" t="s">
        <v>16560</v>
      </c>
      <c r="I43659" s="2">
        <v>1</v>
      </c>
      <c r="J43659" s="2">
        <v>0</v>
      </c>
      <c r="K43659" s="2">
        <v>0</v>
      </c>
      <c r="L43659" t="s">
        <v>120</v>
      </c>
      <c r="M43659" t="s">
        <v>87</v>
      </c>
      <c r="N43659" t="s">
        <v>88</v>
      </c>
      <c r="O43659" t="s">
        <v>85</v>
      </c>
      <c r="P43659" t="s">
        <v>86</v>
      </c>
      <c r="Q43659">
        <v>61</v>
      </c>
      <c r="R43659">
        <v>62</v>
      </c>
      <c r="S43659">
        <v>62</v>
      </c>
      <c r="T43659">
        <v>63</v>
      </c>
      <c r="U43659">
        <v>63</v>
      </c>
      <c r="V43659">
        <v>63</v>
      </c>
      <c r="W43659">
        <v>64</v>
      </c>
      <c r="X43659">
        <v>64</v>
      </c>
      <c r="Y43659">
        <v>65</v>
      </c>
      <c r="Z43659">
        <v>65</v>
      </c>
      <c r="AA43659">
        <v>66</v>
      </c>
      <c r="AB43659">
        <v>66</v>
      </c>
      <c r="AC43659">
        <v>67</v>
      </c>
      <c r="AD43659">
        <v>67</v>
      </c>
      <c r="AE43659">
        <v>68</v>
      </c>
      <c r="AF43659">
        <v>68</v>
      </c>
      <c r="AG43659">
        <v>69</v>
      </c>
      <c r="AH43659">
        <v>70</v>
      </c>
      <c r="AI43659">
        <v>70</v>
      </c>
      <c r="AJ43659">
        <v>71</v>
      </c>
      <c r="AK43659">
        <v>72</v>
      </c>
      <c r="AL43659">
        <v>72</v>
      </c>
      <c r="AM43659">
        <v>73</v>
      </c>
      <c r="AN43659">
        <v>74</v>
      </c>
      <c r="AO43659">
        <v>74</v>
      </c>
      <c r="AP43659">
        <v>75</v>
      </c>
      <c r="AQ43659">
        <v>76</v>
      </c>
    </row>
    <row r="43660" spans="1:43">
      <c r="A43660" t="s">
        <v>26651</v>
      </c>
      <c r="B43660" t="s">
        <v>26652</v>
      </c>
      <c r="C43660" t="s">
        <v>16675</v>
      </c>
      <c r="D43660" t="s">
        <v>16676</v>
      </c>
      <c r="E43660" t="s">
        <v>16557</v>
      </c>
      <c r="F43660" t="s">
        <v>16558</v>
      </c>
      <c r="G43660" t="s">
        <v>16559</v>
      </c>
      <c r="H43660" t="s">
        <v>16560</v>
      </c>
      <c r="I43660" s="2">
        <v>1</v>
      </c>
      <c r="J43660" s="2">
        <v>0</v>
      </c>
      <c r="K43660" s="2">
        <v>0</v>
      </c>
      <c r="L43660" t="s">
        <v>120</v>
      </c>
      <c r="M43660" t="s">
        <v>89</v>
      </c>
      <c r="N43660" t="s">
        <v>90</v>
      </c>
      <c r="O43660" t="s">
        <v>85</v>
      </c>
      <c r="P43660" t="s">
        <v>86</v>
      </c>
      <c r="Q43660">
        <v>61</v>
      </c>
      <c r="R43660">
        <v>63</v>
      </c>
      <c r="S43660">
        <v>65</v>
      </c>
      <c r="T43660">
        <v>66</v>
      </c>
      <c r="U43660">
        <v>67</v>
      </c>
      <c r="V43660">
        <v>69</v>
      </c>
      <c r="W43660">
        <v>70</v>
      </c>
      <c r="X43660">
        <v>71</v>
      </c>
      <c r="Y43660">
        <v>73</v>
      </c>
      <c r="Z43660">
        <v>74</v>
      </c>
      <c r="AA43660">
        <v>75</v>
      </c>
      <c r="AB43660">
        <v>77</v>
      </c>
      <c r="AC43660">
        <v>78</v>
      </c>
      <c r="AD43660">
        <v>80</v>
      </c>
      <c r="AE43660">
        <v>81</v>
      </c>
      <c r="AF43660">
        <v>81</v>
      </c>
      <c r="AG43660">
        <v>82</v>
      </c>
      <c r="AH43660">
        <v>82</v>
      </c>
      <c r="AI43660">
        <v>83</v>
      </c>
      <c r="AJ43660">
        <v>84</v>
      </c>
      <c r="AK43660">
        <v>84</v>
      </c>
      <c r="AL43660">
        <v>85</v>
      </c>
      <c r="AM43660">
        <v>85</v>
      </c>
      <c r="AN43660">
        <v>86</v>
      </c>
      <c r="AO43660">
        <v>87</v>
      </c>
      <c r="AP43660">
        <v>87</v>
      </c>
      <c r="AQ43660">
        <v>88</v>
      </c>
    </row>
    <row r="43661" spans="1:43">
      <c r="A43661" t="s">
        <v>26651</v>
      </c>
      <c r="B43661" t="s">
        <v>26652</v>
      </c>
      <c r="C43661" t="s">
        <v>16675</v>
      </c>
      <c r="D43661" t="s">
        <v>16676</v>
      </c>
      <c r="E43661" t="s">
        <v>16557</v>
      </c>
      <c r="F43661" t="s">
        <v>16558</v>
      </c>
      <c r="G43661" t="s">
        <v>16559</v>
      </c>
      <c r="H43661" t="s">
        <v>16560</v>
      </c>
      <c r="I43661" s="2">
        <v>1</v>
      </c>
      <c r="J43661" s="2">
        <v>0</v>
      </c>
      <c r="K43661" s="2">
        <v>0</v>
      </c>
      <c r="L43661" t="s">
        <v>120</v>
      </c>
      <c r="M43661" t="s">
        <v>83</v>
      </c>
      <c r="N43661" t="s">
        <v>91</v>
      </c>
      <c r="O43661" t="s">
        <v>85</v>
      </c>
      <c r="P43661" t="s">
        <v>86</v>
      </c>
      <c r="Q43661">
        <v>61</v>
      </c>
      <c r="R43661">
        <v>62</v>
      </c>
      <c r="S43661">
        <v>63</v>
      </c>
      <c r="T43661">
        <v>64</v>
      </c>
      <c r="U43661">
        <v>65</v>
      </c>
      <c r="V43661">
        <v>66</v>
      </c>
      <c r="W43661">
        <v>67</v>
      </c>
      <c r="X43661">
        <v>68</v>
      </c>
      <c r="Y43661">
        <v>69</v>
      </c>
      <c r="Z43661">
        <v>70</v>
      </c>
      <c r="AA43661">
        <v>71</v>
      </c>
      <c r="AB43661">
        <v>72</v>
      </c>
      <c r="AC43661">
        <v>73</v>
      </c>
      <c r="AD43661">
        <v>74</v>
      </c>
      <c r="AE43661">
        <v>75</v>
      </c>
      <c r="AF43661">
        <v>76</v>
      </c>
      <c r="AG43661">
        <v>78</v>
      </c>
      <c r="AH43661">
        <v>79</v>
      </c>
      <c r="AI43661">
        <v>80</v>
      </c>
      <c r="AJ43661">
        <v>81</v>
      </c>
      <c r="AK43661">
        <v>82</v>
      </c>
      <c r="AL43661">
        <v>83</v>
      </c>
      <c r="AM43661">
        <v>84</v>
      </c>
      <c r="AN43661">
        <v>85</v>
      </c>
      <c r="AO43661">
        <v>85</v>
      </c>
      <c r="AP43661">
        <v>86</v>
      </c>
      <c r="AQ43661">
        <v>87</v>
      </c>
    </row>
    <row r="43662" spans="1:43">
      <c r="A43662" t="s">
        <v>26653</v>
      </c>
      <c r="B43662" t="s">
        <v>26654</v>
      </c>
      <c r="C43662" t="s">
        <v>16977</v>
      </c>
      <c r="D43662" t="s">
        <v>16978</v>
      </c>
      <c r="E43662" t="s">
        <v>16923</v>
      </c>
      <c r="F43662" t="s">
        <v>16924</v>
      </c>
      <c r="G43662" t="s">
        <v>16559</v>
      </c>
      <c r="H43662" t="s">
        <v>16560</v>
      </c>
      <c r="I43662" s="2">
        <v>1</v>
      </c>
      <c r="J43662" s="2">
        <v>0</v>
      </c>
      <c r="K43662" s="2">
        <v>0</v>
      </c>
      <c r="L43662" t="s">
        <v>120</v>
      </c>
      <c r="M43662" t="s">
        <v>83</v>
      </c>
      <c r="N43662" t="s">
        <v>84</v>
      </c>
      <c r="O43662" t="s">
        <v>85</v>
      </c>
      <c r="P43662" t="s">
        <v>86</v>
      </c>
      <c r="Q43662">
        <v>17</v>
      </c>
      <c r="R43662">
        <v>17</v>
      </c>
      <c r="S43662">
        <v>17</v>
      </c>
      <c r="T43662">
        <v>17</v>
      </c>
      <c r="U43662">
        <v>17</v>
      </c>
      <c r="V43662">
        <v>17</v>
      </c>
      <c r="W43662">
        <v>18</v>
      </c>
      <c r="X43662">
        <v>18</v>
      </c>
      <c r="Y43662">
        <v>18</v>
      </c>
      <c r="Z43662">
        <v>18</v>
      </c>
      <c r="AA43662">
        <v>18</v>
      </c>
      <c r="AB43662">
        <v>18</v>
      </c>
      <c r="AC43662">
        <v>18</v>
      </c>
      <c r="AD43662">
        <v>18</v>
      </c>
      <c r="AE43662">
        <v>18</v>
      </c>
      <c r="AF43662">
        <v>18</v>
      </c>
      <c r="AG43662">
        <v>18</v>
      </c>
      <c r="AH43662">
        <v>18</v>
      </c>
      <c r="AI43662">
        <v>19</v>
      </c>
      <c r="AJ43662">
        <v>19</v>
      </c>
      <c r="AK43662">
        <v>19</v>
      </c>
      <c r="AL43662">
        <v>19</v>
      </c>
      <c r="AM43662">
        <v>19</v>
      </c>
      <c r="AN43662">
        <v>18</v>
      </c>
      <c r="AO43662">
        <v>18</v>
      </c>
      <c r="AP43662">
        <v>18</v>
      </c>
      <c r="AQ43662">
        <v>18</v>
      </c>
    </row>
    <row r="43663" spans="1:43">
      <c r="A43663" t="s">
        <v>26653</v>
      </c>
      <c r="B43663" t="s">
        <v>26654</v>
      </c>
      <c r="C43663" t="s">
        <v>16977</v>
      </c>
      <c r="D43663" t="s">
        <v>16978</v>
      </c>
      <c r="E43663" t="s">
        <v>16923</v>
      </c>
      <c r="F43663" t="s">
        <v>16924</v>
      </c>
      <c r="G43663" t="s">
        <v>16559</v>
      </c>
      <c r="H43663" t="s">
        <v>16560</v>
      </c>
      <c r="I43663" s="2">
        <v>1</v>
      </c>
      <c r="J43663" s="2">
        <v>0</v>
      </c>
      <c r="K43663" s="2">
        <v>0</v>
      </c>
      <c r="L43663" t="s">
        <v>120</v>
      </c>
      <c r="M43663" t="s">
        <v>87</v>
      </c>
      <c r="N43663" t="s">
        <v>88</v>
      </c>
      <c r="O43663" t="s">
        <v>85</v>
      </c>
      <c r="P43663" t="s">
        <v>86</v>
      </c>
      <c r="Q43663">
        <v>17</v>
      </c>
      <c r="R43663">
        <v>17</v>
      </c>
      <c r="S43663">
        <v>17</v>
      </c>
      <c r="T43663">
        <v>17</v>
      </c>
      <c r="U43663">
        <v>17</v>
      </c>
      <c r="V43663">
        <v>17</v>
      </c>
      <c r="W43663">
        <v>16</v>
      </c>
      <c r="X43663">
        <v>16</v>
      </c>
      <c r="Y43663">
        <v>16</v>
      </c>
      <c r="Z43663">
        <v>16</v>
      </c>
      <c r="AA43663">
        <v>16</v>
      </c>
      <c r="AB43663">
        <v>16</v>
      </c>
      <c r="AC43663">
        <v>16</v>
      </c>
      <c r="AD43663">
        <v>16</v>
      </c>
      <c r="AE43663">
        <v>16</v>
      </c>
      <c r="AF43663">
        <v>16</v>
      </c>
      <c r="AG43663">
        <v>16</v>
      </c>
      <c r="AH43663">
        <v>16</v>
      </c>
      <c r="AI43663">
        <v>16</v>
      </c>
      <c r="AJ43663">
        <v>16</v>
      </c>
      <c r="AK43663">
        <v>16</v>
      </c>
      <c r="AL43663">
        <v>16</v>
      </c>
      <c r="AM43663">
        <v>16</v>
      </c>
      <c r="AN43663">
        <v>16</v>
      </c>
      <c r="AO43663">
        <v>16</v>
      </c>
      <c r="AP43663">
        <v>16</v>
      </c>
      <c r="AQ43663">
        <v>16</v>
      </c>
    </row>
    <row r="43664" spans="1:43">
      <c r="A43664" t="s">
        <v>26653</v>
      </c>
      <c r="B43664" t="s">
        <v>26654</v>
      </c>
      <c r="C43664" t="s">
        <v>16977</v>
      </c>
      <c r="D43664" t="s">
        <v>16978</v>
      </c>
      <c r="E43664" t="s">
        <v>16923</v>
      </c>
      <c r="F43664" t="s">
        <v>16924</v>
      </c>
      <c r="G43664" t="s">
        <v>16559</v>
      </c>
      <c r="H43664" t="s">
        <v>16560</v>
      </c>
      <c r="I43664" s="2">
        <v>1</v>
      </c>
      <c r="J43664" s="2">
        <v>0</v>
      </c>
      <c r="K43664" s="2">
        <v>0</v>
      </c>
      <c r="L43664" t="s">
        <v>120</v>
      </c>
      <c r="M43664" t="s">
        <v>89</v>
      </c>
      <c r="N43664" t="s">
        <v>90</v>
      </c>
      <c r="O43664" t="s">
        <v>85</v>
      </c>
      <c r="P43664" t="s">
        <v>86</v>
      </c>
      <c r="Q43664">
        <v>17</v>
      </c>
      <c r="R43664">
        <v>17</v>
      </c>
      <c r="S43664">
        <v>18</v>
      </c>
      <c r="T43664">
        <v>18</v>
      </c>
      <c r="U43664">
        <v>18</v>
      </c>
      <c r="V43664">
        <v>18</v>
      </c>
      <c r="W43664">
        <v>18</v>
      </c>
      <c r="X43664">
        <v>19</v>
      </c>
      <c r="Y43664">
        <v>19</v>
      </c>
      <c r="Z43664">
        <v>19</v>
      </c>
      <c r="AA43664">
        <v>19</v>
      </c>
      <c r="AB43664">
        <v>19</v>
      </c>
      <c r="AC43664">
        <v>19</v>
      </c>
      <c r="AD43664">
        <v>19</v>
      </c>
      <c r="AE43664">
        <v>20</v>
      </c>
      <c r="AF43664">
        <v>19</v>
      </c>
      <c r="AG43664">
        <v>19</v>
      </c>
      <c r="AH43664">
        <v>19</v>
      </c>
      <c r="AI43664">
        <v>19</v>
      </c>
      <c r="AJ43664">
        <v>19</v>
      </c>
      <c r="AK43664">
        <v>19</v>
      </c>
      <c r="AL43664">
        <v>19</v>
      </c>
      <c r="AM43664">
        <v>19</v>
      </c>
      <c r="AN43664">
        <v>19</v>
      </c>
      <c r="AO43664">
        <v>19</v>
      </c>
      <c r="AP43664">
        <v>19</v>
      </c>
      <c r="AQ43664">
        <v>19</v>
      </c>
    </row>
    <row r="43665" spans="1:43">
      <c r="A43665" t="s">
        <v>26653</v>
      </c>
      <c r="B43665" t="s">
        <v>26654</v>
      </c>
      <c r="C43665" t="s">
        <v>16977</v>
      </c>
      <c r="D43665" t="s">
        <v>16978</v>
      </c>
      <c r="E43665" t="s">
        <v>16923</v>
      </c>
      <c r="F43665" t="s">
        <v>16924</v>
      </c>
      <c r="G43665" t="s">
        <v>16559</v>
      </c>
      <c r="H43665" t="s">
        <v>16560</v>
      </c>
      <c r="I43665" s="2">
        <v>1</v>
      </c>
      <c r="J43665" s="2">
        <v>0</v>
      </c>
      <c r="K43665" s="2">
        <v>0</v>
      </c>
      <c r="L43665" t="s">
        <v>120</v>
      </c>
      <c r="M43665" t="s">
        <v>83</v>
      </c>
      <c r="N43665" t="s">
        <v>91</v>
      </c>
      <c r="O43665" t="s">
        <v>85</v>
      </c>
      <c r="P43665" t="s">
        <v>86</v>
      </c>
      <c r="Q43665">
        <v>17</v>
      </c>
      <c r="R43665">
        <v>17</v>
      </c>
      <c r="S43665">
        <v>17</v>
      </c>
      <c r="T43665">
        <v>17</v>
      </c>
      <c r="U43665">
        <v>17</v>
      </c>
      <c r="V43665">
        <v>17</v>
      </c>
      <c r="W43665">
        <v>18</v>
      </c>
      <c r="X43665">
        <v>18</v>
      </c>
      <c r="Y43665">
        <v>18</v>
      </c>
      <c r="Z43665">
        <v>18</v>
      </c>
      <c r="AA43665">
        <v>18</v>
      </c>
      <c r="AB43665">
        <v>18</v>
      </c>
      <c r="AC43665">
        <v>18</v>
      </c>
      <c r="AD43665">
        <v>18</v>
      </c>
      <c r="AE43665">
        <v>18</v>
      </c>
      <c r="AF43665">
        <v>18</v>
      </c>
      <c r="AG43665">
        <v>18</v>
      </c>
      <c r="AH43665">
        <v>18</v>
      </c>
      <c r="AI43665">
        <v>19</v>
      </c>
      <c r="AJ43665">
        <v>19</v>
      </c>
      <c r="AK43665">
        <v>19</v>
      </c>
      <c r="AL43665">
        <v>19</v>
      </c>
      <c r="AM43665">
        <v>19</v>
      </c>
      <c r="AN43665">
        <v>18</v>
      </c>
      <c r="AO43665">
        <v>18</v>
      </c>
      <c r="AP43665">
        <v>18</v>
      </c>
      <c r="AQ43665">
        <v>18</v>
      </c>
    </row>
    <row r="43666" spans="1:43">
      <c r="A43666" t="s">
        <v>26655</v>
      </c>
      <c r="B43666" t="s">
        <v>26656</v>
      </c>
      <c r="C43666" t="s">
        <v>16977</v>
      </c>
      <c r="D43666" t="s">
        <v>16978</v>
      </c>
      <c r="E43666" t="s">
        <v>16923</v>
      </c>
      <c r="F43666" t="s">
        <v>16924</v>
      </c>
      <c r="G43666" t="s">
        <v>16559</v>
      </c>
      <c r="H43666" t="s">
        <v>16560</v>
      </c>
      <c r="I43666" s="2">
        <v>1</v>
      </c>
      <c r="J43666" s="2">
        <v>0</v>
      </c>
      <c r="K43666" s="2">
        <v>0</v>
      </c>
      <c r="L43666" t="s">
        <v>120</v>
      </c>
      <c r="M43666" t="s">
        <v>83</v>
      </c>
      <c r="N43666" t="s">
        <v>84</v>
      </c>
      <c r="O43666" t="s">
        <v>85</v>
      </c>
      <c r="P43666" t="s">
        <v>86</v>
      </c>
      <c r="Q43666">
        <v>5</v>
      </c>
      <c r="R43666">
        <v>5</v>
      </c>
      <c r="S43666">
        <v>5</v>
      </c>
      <c r="T43666">
        <v>5</v>
      </c>
      <c r="U43666">
        <v>5</v>
      </c>
      <c r="V43666">
        <v>5</v>
      </c>
      <c r="W43666">
        <v>5</v>
      </c>
      <c r="X43666">
        <v>5</v>
      </c>
      <c r="Y43666">
        <v>5</v>
      </c>
      <c r="Z43666">
        <v>5</v>
      </c>
      <c r="AA43666">
        <v>5</v>
      </c>
      <c r="AB43666">
        <v>5</v>
      </c>
      <c r="AC43666">
        <v>5</v>
      </c>
      <c r="AD43666">
        <v>5</v>
      </c>
      <c r="AE43666">
        <v>5</v>
      </c>
      <c r="AF43666">
        <v>6</v>
      </c>
      <c r="AG43666">
        <v>6</v>
      </c>
      <c r="AH43666">
        <v>6</v>
      </c>
      <c r="AI43666">
        <v>6</v>
      </c>
      <c r="AJ43666">
        <v>6</v>
      </c>
      <c r="AK43666">
        <v>6</v>
      </c>
      <c r="AL43666">
        <v>6</v>
      </c>
      <c r="AM43666">
        <v>6</v>
      </c>
      <c r="AN43666">
        <v>6</v>
      </c>
      <c r="AO43666">
        <v>6</v>
      </c>
      <c r="AP43666">
        <v>6</v>
      </c>
      <c r="AQ43666">
        <v>6</v>
      </c>
    </row>
    <row r="43667" spans="1:43">
      <c r="A43667" t="s">
        <v>26655</v>
      </c>
      <c r="B43667" t="s">
        <v>26656</v>
      </c>
      <c r="C43667" t="s">
        <v>16977</v>
      </c>
      <c r="D43667" t="s">
        <v>16978</v>
      </c>
      <c r="E43667" t="s">
        <v>16923</v>
      </c>
      <c r="F43667" t="s">
        <v>16924</v>
      </c>
      <c r="G43667" t="s">
        <v>16559</v>
      </c>
      <c r="H43667" t="s">
        <v>16560</v>
      </c>
      <c r="I43667" s="2">
        <v>1</v>
      </c>
      <c r="J43667" s="2">
        <v>0</v>
      </c>
      <c r="K43667" s="2">
        <v>0</v>
      </c>
      <c r="L43667" t="s">
        <v>120</v>
      </c>
      <c r="M43667" t="s">
        <v>87</v>
      </c>
      <c r="N43667" t="s">
        <v>88</v>
      </c>
      <c r="O43667" t="s">
        <v>85</v>
      </c>
      <c r="P43667" t="s">
        <v>86</v>
      </c>
      <c r="Q43667">
        <v>5</v>
      </c>
      <c r="R43667">
        <v>5</v>
      </c>
      <c r="S43667">
        <v>5</v>
      </c>
      <c r="T43667">
        <v>5</v>
      </c>
      <c r="U43667">
        <v>5</v>
      </c>
      <c r="V43667">
        <v>5</v>
      </c>
      <c r="W43667">
        <v>5</v>
      </c>
      <c r="X43667">
        <v>5</v>
      </c>
      <c r="Y43667">
        <v>5</v>
      </c>
      <c r="Z43667">
        <v>5</v>
      </c>
      <c r="AA43667">
        <v>5</v>
      </c>
      <c r="AB43667">
        <v>5</v>
      </c>
      <c r="AC43667">
        <v>5</v>
      </c>
      <c r="AD43667">
        <v>5</v>
      </c>
      <c r="AE43667">
        <v>5</v>
      </c>
      <c r="AF43667">
        <v>5</v>
      </c>
      <c r="AG43667">
        <v>5</v>
      </c>
      <c r="AH43667">
        <v>5</v>
      </c>
      <c r="AI43667">
        <v>5</v>
      </c>
      <c r="AJ43667">
        <v>5</v>
      </c>
      <c r="AK43667">
        <v>5</v>
      </c>
      <c r="AL43667">
        <v>5</v>
      </c>
      <c r="AM43667">
        <v>5</v>
      </c>
      <c r="AN43667">
        <v>5</v>
      </c>
      <c r="AO43667">
        <v>5</v>
      </c>
      <c r="AP43667">
        <v>5</v>
      </c>
      <c r="AQ43667">
        <v>5</v>
      </c>
    </row>
    <row r="43668" spans="1:43">
      <c r="A43668" t="s">
        <v>26655</v>
      </c>
      <c r="B43668" t="s">
        <v>26656</v>
      </c>
      <c r="C43668" t="s">
        <v>16977</v>
      </c>
      <c r="D43668" t="s">
        <v>16978</v>
      </c>
      <c r="E43668" t="s">
        <v>16923</v>
      </c>
      <c r="F43668" t="s">
        <v>16924</v>
      </c>
      <c r="G43668" t="s">
        <v>16559</v>
      </c>
      <c r="H43668" t="s">
        <v>16560</v>
      </c>
      <c r="I43668" s="2">
        <v>1</v>
      </c>
      <c r="J43668" s="2">
        <v>0</v>
      </c>
      <c r="K43668" s="2">
        <v>0</v>
      </c>
      <c r="L43668" t="s">
        <v>120</v>
      </c>
      <c r="M43668" t="s">
        <v>89</v>
      </c>
      <c r="N43668" t="s">
        <v>90</v>
      </c>
      <c r="O43668" t="s">
        <v>85</v>
      </c>
      <c r="P43668" t="s">
        <v>86</v>
      </c>
      <c r="Q43668">
        <v>5</v>
      </c>
      <c r="R43668">
        <v>5</v>
      </c>
      <c r="S43668">
        <v>5</v>
      </c>
      <c r="T43668">
        <v>5</v>
      </c>
      <c r="U43668">
        <v>5</v>
      </c>
      <c r="V43668">
        <v>5</v>
      </c>
      <c r="W43668">
        <v>6</v>
      </c>
      <c r="X43668">
        <v>6</v>
      </c>
      <c r="Y43668">
        <v>6</v>
      </c>
      <c r="Z43668">
        <v>6</v>
      </c>
      <c r="AA43668">
        <v>6</v>
      </c>
      <c r="AB43668">
        <v>6</v>
      </c>
      <c r="AC43668">
        <v>6</v>
      </c>
      <c r="AD43668">
        <v>6</v>
      </c>
      <c r="AE43668">
        <v>6</v>
      </c>
      <c r="AF43668">
        <v>6</v>
      </c>
      <c r="AG43668">
        <v>6</v>
      </c>
      <c r="AH43668">
        <v>6</v>
      </c>
      <c r="AI43668">
        <v>6</v>
      </c>
      <c r="AJ43668">
        <v>6</v>
      </c>
      <c r="AK43668">
        <v>6</v>
      </c>
      <c r="AL43668">
        <v>6</v>
      </c>
      <c r="AM43668">
        <v>6</v>
      </c>
      <c r="AN43668">
        <v>6</v>
      </c>
      <c r="AO43668">
        <v>6</v>
      </c>
      <c r="AP43668">
        <v>6</v>
      </c>
      <c r="AQ43668">
        <v>6</v>
      </c>
    </row>
    <row r="43669" spans="1:43">
      <c r="A43669" t="s">
        <v>26655</v>
      </c>
      <c r="B43669" t="s">
        <v>26656</v>
      </c>
      <c r="C43669" t="s">
        <v>16977</v>
      </c>
      <c r="D43669" t="s">
        <v>16978</v>
      </c>
      <c r="E43669" t="s">
        <v>16923</v>
      </c>
      <c r="F43669" t="s">
        <v>16924</v>
      </c>
      <c r="G43669" t="s">
        <v>16559</v>
      </c>
      <c r="H43669" t="s">
        <v>16560</v>
      </c>
      <c r="I43669" s="2">
        <v>1</v>
      </c>
      <c r="J43669" s="2">
        <v>0</v>
      </c>
      <c r="K43669" s="2">
        <v>0</v>
      </c>
      <c r="L43669" t="s">
        <v>120</v>
      </c>
      <c r="M43669" t="s">
        <v>83</v>
      </c>
      <c r="N43669" t="s">
        <v>91</v>
      </c>
      <c r="O43669" t="s">
        <v>85</v>
      </c>
      <c r="P43669" t="s">
        <v>86</v>
      </c>
      <c r="Q43669">
        <v>5</v>
      </c>
      <c r="R43669">
        <v>5</v>
      </c>
      <c r="S43669">
        <v>5</v>
      </c>
      <c r="T43669">
        <v>5</v>
      </c>
      <c r="U43669">
        <v>5</v>
      </c>
      <c r="V43669">
        <v>5</v>
      </c>
      <c r="W43669">
        <v>5</v>
      </c>
      <c r="X43669">
        <v>5</v>
      </c>
      <c r="Y43669">
        <v>5</v>
      </c>
      <c r="Z43669">
        <v>5</v>
      </c>
      <c r="AA43669">
        <v>5</v>
      </c>
      <c r="AB43669">
        <v>5</v>
      </c>
      <c r="AC43669">
        <v>5</v>
      </c>
      <c r="AD43669">
        <v>5</v>
      </c>
      <c r="AE43669">
        <v>5</v>
      </c>
      <c r="AF43669">
        <v>6</v>
      </c>
      <c r="AG43669">
        <v>6</v>
      </c>
      <c r="AH43669">
        <v>6</v>
      </c>
      <c r="AI43669">
        <v>6</v>
      </c>
      <c r="AJ43669">
        <v>6</v>
      </c>
      <c r="AK43669">
        <v>6</v>
      </c>
      <c r="AL43669">
        <v>6</v>
      </c>
      <c r="AM43669">
        <v>6</v>
      </c>
      <c r="AN43669">
        <v>6</v>
      </c>
      <c r="AO43669">
        <v>6</v>
      </c>
      <c r="AP43669">
        <v>6</v>
      </c>
      <c r="AQ43669">
        <v>6</v>
      </c>
    </row>
    <row r="43670" spans="1:43">
      <c r="A43670" t="s">
        <v>26657</v>
      </c>
      <c r="B43670" t="s">
        <v>26658</v>
      </c>
      <c r="C43670" t="s">
        <v>16977</v>
      </c>
      <c r="D43670" t="s">
        <v>16978</v>
      </c>
      <c r="E43670" t="s">
        <v>16923</v>
      </c>
      <c r="F43670" t="s">
        <v>16924</v>
      </c>
      <c r="G43670" t="s">
        <v>16559</v>
      </c>
      <c r="H43670" t="s">
        <v>16560</v>
      </c>
      <c r="I43670" s="2">
        <v>1</v>
      </c>
      <c r="J43670" s="2">
        <v>0</v>
      </c>
      <c r="K43670" s="2">
        <v>0</v>
      </c>
      <c r="L43670" t="s">
        <v>120</v>
      </c>
      <c r="M43670" t="s">
        <v>83</v>
      </c>
      <c r="N43670" t="s">
        <v>84</v>
      </c>
      <c r="O43670" t="s">
        <v>85</v>
      </c>
      <c r="P43670" t="s">
        <v>86</v>
      </c>
      <c r="Q43670">
        <v>1</v>
      </c>
      <c r="R43670">
        <v>1</v>
      </c>
      <c r="S43670">
        <v>1</v>
      </c>
      <c r="T43670">
        <v>1</v>
      </c>
      <c r="U43670">
        <v>1</v>
      </c>
      <c r="V43670">
        <v>1</v>
      </c>
      <c r="W43670">
        <v>1</v>
      </c>
      <c r="X43670">
        <v>1</v>
      </c>
      <c r="Y43670">
        <v>1</v>
      </c>
      <c r="Z43670">
        <v>1</v>
      </c>
      <c r="AA43670">
        <v>1</v>
      </c>
      <c r="AB43670">
        <v>1</v>
      </c>
      <c r="AC43670">
        <v>1</v>
      </c>
      <c r="AD43670">
        <v>1</v>
      </c>
      <c r="AE43670">
        <v>1</v>
      </c>
      <c r="AF43670">
        <v>1</v>
      </c>
      <c r="AG43670">
        <v>1</v>
      </c>
      <c r="AH43670">
        <v>1</v>
      </c>
      <c r="AI43670">
        <v>1</v>
      </c>
      <c r="AJ43670">
        <v>1</v>
      </c>
      <c r="AK43670">
        <v>1</v>
      </c>
      <c r="AL43670">
        <v>1</v>
      </c>
      <c r="AM43670">
        <v>1</v>
      </c>
      <c r="AN43670">
        <v>1</v>
      </c>
      <c r="AO43670">
        <v>1</v>
      </c>
      <c r="AP43670">
        <v>1</v>
      </c>
      <c r="AQ43670">
        <v>1</v>
      </c>
    </row>
    <row r="43671" spans="1:43">
      <c r="A43671" t="s">
        <v>26657</v>
      </c>
      <c r="B43671" t="s">
        <v>26658</v>
      </c>
      <c r="C43671" t="s">
        <v>16977</v>
      </c>
      <c r="D43671" t="s">
        <v>16978</v>
      </c>
      <c r="E43671" t="s">
        <v>16923</v>
      </c>
      <c r="F43671" t="s">
        <v>16924</v>
      </c>
      <c r="G43671" t="s">
        <v>16559</v>
      </c>
      <c r="H43671" t="s">
        <v>16560</v>
      </c>
      <c r="I43671" s="2">
        <v>1</v>
      </c>
      <c r="J43671" s="2">
        <v>0</v>
      </c>
      <c r="K43671" s="2">
        <v>0</v>
      </c>
      <c r="L43671" t="s">
        <v>120</v>
      </c>
      <c r="M43671" t="s">
        <v>87</v>
      </c>
      <c r="N43671" t="s">
        <v>88</v>
      </c>
      <c r="O43671" t="s">
        <v>85</v>
      </c>
      <c r="P43671" t="s">
        <v>86</v>
      </c>
      <c r="Q43671">
        <v>1</v>
      </c>
      <c r="R43671">
        <v>1</v>
      </c>
      <c r="S43671">
        <v>1</v>
      </c>
      <c r="T43671">
        <v>1</v>
      </c>
      <c r="U43671">
        <v>1</v>
      </c>
      <c r="V43671">
        <v>1</v>
      </c>
      <c r="W43671">
        <v>1</v>
      </c>
      <c r="X43671">
        <v>1</v>
      </c>
      <c r="Y43671">
        <v>1</v>
      </c>
      <c r="Z43671">
        <v>1</v>
      </c>
      <c r="AA43671">
        <v>1</v>
      </c>
      <c r="AB43671">
        <v>1</v>
      </c>
      <c r="AC43671">
        <v>1</v>
      </c>
      <c r="AD43671">
        <v>1</v>
      </c>
      <c r="AE43671">
        <v>1</v>
      </c>
      <c r="AF43671">
        <v>1</v>
      </c>
      <c r="AG43671">
        <v>1</v>
      </c>
      <c r="AH43671">
        <v>1</v>
      </c>
      <c r="AI43671">
        <v>1</v>
      </c>
      <c r="AJ43671">
        <v>1</v>
      </c>
      <c r="AK43671">
        <v>1</v>
      </c>
      <c r="AL43671">
        <v>1</v>
      </c>
      <c r="AM43671">
        <v>1</v>
      </c>
      <c r="AN43671">
        <v>1</v>
      </c>
      <c r="AO43671">
        <v>1</v>
      </c>
      <c r="AP43671">
        <v>1</v>
      </c>
      <c r="AQ43671">
        <v>1</v>
      </c>
    </row>
    <row r="43672" spans="1:43">
      <c r="A43672" t="s">
        <v>26657</v>
      </c>
      <c r="B43672" t="s">
        <v>26658</v>
      </c>
      <c r="C43672" t="s">
        <v>16977</v>
      </c>
      <c r="D43672" t="s">
        <v>16978</v>
      </c>
      <c r="E43672" t="s">
        <v>16923</v>
      </c>
      <c r="F43672" t="s">
        <v>16924</v>
      </c>
      <c r="G43672" t="s">
        <v>16559</v>
      </c>
      <c r="H43672" t="s">
        <v>16560</v>
      </c>
      <c r="I43672" s="2">
        <v>1</v>
      </c>
      <c r="J43672" s="2">
        <v>0</v>
      </c>
      <c r="K43672" s="2">
        <v>0</v>
      </c>
      <c r="L43672" t="s">
        <v>120</v>
      </c>
      <c r="M43672" t="s">
        <v>89</v>
      </c>
      <c r="N43672" t="s">
        <v>90</v>
      </c>
      <c r="O43672" t="s">
        <v>85</v>
      </c>
      <c r="P43672" t="s">
        <v>86</v>
      </c>
      <c r="Q43672">
        <v>1</v>
      </c>
      <c r="R43672">
        <v>1</v>
      </c>
      <c r="S43672">
        <v>1</v>
      </c>
      <c r="T43672">
        <v>1</v>
      </c>
      <c r="U43672">
        <v>1</v>
      </c>
      <c r="V43672">
        <v>1</v>
      </c>
      <c r="W43672">
        <v>1</v>
      </c>
      <c r="X43672">
        <v>1</v>
      </c>
      <c r="Y43672">
        <v>1</v>
      </c>
      <c r="Z43672">
        <v>1</v>
      </c>
      <c r="AA43672">
        <v>1</v>
      </c>
      <c r="AB43672">
        <v>1</v>
      </c>
      <c r="AC43672">
        <v>1</v>
      </c>
      <c r="AD43672">
        <v>1</v>
      </c>
      <c r="AE43672">
        <v>1</v>
      </c>
      <c r="AF43672">
        <v>1</v>
      </c>
      <c r="AG43672">
        <v>1</v>
      </c>
      <c r="AH43672">
        <v>1</v>
      </c>
      <c r="AI43672">
        <v>1</v>
      </c>
      <c r="AJ43672">
        <v>1</v>
      </c>
      <c r="AK43672">
        <v>1</v>
      </c>
      <c r="AL43672">
        <v>1</v>
      </c>
      <c r="AM43672">
        <v>1</v>
      </c>
      <c r="AN43672">
        <v>1</v>
      </c>
      <c r="AO43672">
        <v>1</v>
      </c>
      <c r="AP43672">
        <v>1</v>
      </c>
      <c r="AQ43672">
        <v>1</v>
      </c>
    </row>
    <row r="43673" spans="1:43">
      <c r="A43673" t="s">
        <v>26657</v>
      </c>
      <c r="B43673" t="s">
        <v>26658</v>
      </c>
      <c r="C43673" t="s">
        <v>16977</v>
      </c>
      <c r="D43673" t="s">
        <v>16978</v>
      </c>
      <c r="E43673" t="s">
        <v>16923</v>
      </c>
      <c r="F43673" t="s">
        <v>16924</v>
      </c>
      <c r="G43673" t="s">
        <v>16559</v>
      </c>
      <c r="H43673" t="s">
        <v>16560</v>
      </c>
      <c r="I43673" s="2">
        <v>1</v>
      </c>
      <c r="J43673" s="2">
        <v>0</v>
      </c>
      <c r="K43673" s="2">
        <v>0</v>
      </c>
      <c r="L43673" t="s">
        <v>120</v>
      </c>
      <c r="M43673" t="s">
        <v>83</v>
      </c>
      <c r="N43673" t="s">
        <v>91</v>
      </c>
      <c r="O43673" t="s">
        <v>85</v>
      </c>
      <c r="P43673" t="s">
        <v>86</v>
      </c>
      <c r="Q43673">
        <v>1</v>
      </c>
      <c r="R43673">
        <v>1</v>
      </c>
      <c r="S43673">
        <v>1</v>
      </c>
      <c r="T43673">
        <v>1</v>
      </c>
      <c r="U43673">
        <v>1</v>
      </c>
      <c r="V43673">
        <v>1</v>
      </c>
      <c r="W43673">
        <v>1</v>
      </c>
      <c r="X43673">
        <v>1</v>
      </c>
      <c r="Y43673">
        <v>1</v>
      </c>
      <c r="Z43673">
        <v>1</v>
      </c>
      <c r="AA43673">
        <v>1</v>
      </c>
      <c r="AB43673">
        <v>1</v>
      </c>
      <c r="AC43673">
        <v>1</v>
      </c>
      <c r="AD43673">
        <v>1</v>
      </c>
      <c r="AE43673">
        <v>1</v>
      </c>
      <c r="AF43673">
        <v>1</v>
      </c>
      <c r="AG43673">
        <v>1</v>
      </c>
      <c r="AH43673">
        <v>1</v>
      </c>
      <c r="AI43673">
        <v>1</v>
      </c>
      <c r="AJ43673">
        <v>1</v>
      </c>
      <c r="AK43673">
        <v>1</v>
      </c>
      <c r="AL43673">
        <v>1</v>
      </c>
      <c r="AM43673">
        <v>1</v>
      </c>
      <c r="AN43673">
        <v>1</v>
      </c>
      <c r="AO43673">
        <v>1</v>
      </c>
      <c r="AP43673">
        <v>1</v>
      </c>
      <c r="AQ43673">
        <v>1</v>
      </c>
    </row>
    <row r="43674" spans="1:43">
      <c r="A43674" t="s">
        <v>26659</v>
      </c>
      <c r="B43674" t="s">
        <v>26660</v>
      </c>
      <c r="C43674" t="s">
        <v>16947</v>
      </c>
      <c r="D43674" t="s">
        <v>16948</v>
      </c>
      <c r="E43674" t="s">
        <v>16923</v>
      </c>
      <c r="F43674" t="s">
        <v>16924</v>
      </c>
      <c r="G43674" t="s">
        <v>16559</v>
      </c>
      <c r="H43674" t="s">
        <v>16560</v>
      </c>
      <c r="I43674" s="2">
        <v>1</v>
      </c>
      <c r="J43674" s="2">
        <v>0</v>
      </c>
      <c r="K43674" s="2">
        <v>0</v>
      </c>
      <c r="L43674" t="s">
        <v>120</v>
      </c>
      <c r="M43674" t="s">
        <v>83</v>
      </c>
      <c r="N43674" t="s">
        <v>84</v>
      </c>
      <c r="O43674" t="s">
        <v>85</v>
      </c>
      <c r="P43674" t="s">
        <v>86</v>
      </c>
      <c r="Q43674">
        <v>10</v>
      </c>
      <c r="R43674">
        <v>10</v>
      </c>
      <c r="S43674">
        <v>10</v>
      </c>
      <c r="T43674">
        <v>10</v>
      </c>
      <c r="U43674">
        <v>10</v>
      </c>
      <c r="V43674">
        <v>10</v>
      </c>
      <c r="W43674">
        <v>10</v>
      </c>
      <c r="X43674">
        <v>10</v>
      </c>
      <c r="Y43674">
        <v>10</v>
      </c>
      <c r="Z43674">
        <v>10</v>
      </c>
      <c r="AA43674">
        <v>10</v>
      </c>
      <c r="AB43674">
        <v>10</v>
      </c>
      <c r="AC43674">
        <v>11</v>
      </c>
      <c r="AD43674">
        <v>11</v>
      </c>
      <c r="AE43674">
        <v>11</v>
      </c>
      <c r="AF43674">
        <v>11</v>
      </c>
      <c r="AG43674">
        <v>11</v>
      </c>
      <c r="AH43674">
        <v>11</v>
      </c>
      <c r="AI43674">
        <v>11</v>
      </c>
      <c r="AJ43674">
        <v>11</v>
      </c>
      <c r="AK43674">
        <v>11</v>
      </c>
      <c r="AL43674">
        <v>11</v>
      </c>
      <c r="AM43674">
        <v>11</v>
      </c>
      <c r="AN43674">
        <v>11</v>
      </c>
      <c r="AO43674">
        <v>11</v>
      </c>
      <c r="AP43674">
        <v>11</v>
      </c>
      <c r="AQ43674">
        <v>11</v>
      </c>
    </row>
    <row r="43675" spans="1:43">
      <c r="A43675" t="s">
        <v>26659</v>
      </c>
      <c r="B43675" t="s">
        <v>26660</v>
      </c>
      <c r="C43675" t="s">
        <v>16947</v>
      </c>
      <c r="D43675" t="s">
        <v>16948</v>
      </c>
      <c r="E43675" t="s">
        <v>16923</v>
      </c>
      <c r="F43675" t="s">
        <v>16924</v>
      </c>
      <c r="G43675" t="s">
        <v>16559</v>
      </c>
      <c r="H43675" t="s">
        <v>16560</v>
      </c>
      <c r="I43675" s="2">
        <v>1</v>
      </c>
      <c r="J43675" s="2">
        <v>0</v>
      </c>
      <c r="K43675" s="2">
        <v>0</v>
      </c>
      <c r="L43675" t="s">
        <v>120</v>
      </c>
      <c r="M43675" t="s">
        <v>87</v>
      </c>
      <c r="N43675" t="s">
        <v>88</v>
      </c>
      <c r="O43675" t="s">
        <v>85</v>
      </c>
      <c r="P43675" t="s">
        <v>86</v>
      </c>
      <c r="Q43675">
        <v>10</v>
      </c>
      <c r="R43675">
        <v>10</v>
      </c>
      <c r="S43675">
        <v>10</v>
      </c>
      <c r="T43675">
        <v>10</v>
      </c>
      <c r="U43675">
        <v>10</v>
      </c>
      <c r="V43675">
        <v>10</v>
      </c>
      <c r="W43675">
        <v>10</v>
      </c>
      <c r="X43675">
        <v>10</v>
      </c>
      <c r="Y43675">
        <v>10</v>
      </c>
      <c r="Z43675">
        <v>9</v>
      </c>
      <c r="AA43675">
        <v>9</v>
      </c>
      <c r="AB43675">
        <v>9</v>
      </c>
      <c r="AC43675">
        <v>9</v>
      </c>
      <c r="AD43675">
        <v>9</v>
      </c>
      <c r="AE43675">
        <v>9</v>
      </c>
      <c r="AF43675">
        <v>9</v>
      </c>
      <c r="AG43675">
        <v>9</v>
      </c>
      <c r="AH43675">
        <v>9</v>
      </c>
      <c r="AI43675">
        <v>9</v>
      </c>
      <c r="AJ43675">
        <v>9</v>
      </c>
      <c r="AK43675">
        <v>9</v>
      </c>
      <c r="AL43675">
        <v>9</v>
      </c>
      <c r="AM43675">
        <v>9</v>
      </c>
      <c r="AN43675">
        <v>9</v>
      </c>
      <c r="AO43675">
        <v>9</v>
      </c>
      <c r="AP43675">
        <v>9</v>
      </c>
      <c r="AQ43675">
        <v>9</v>
      </c>
    </row>
    <row r="43676" spans="1:43">
      <c r="A43676" t="s">
        <v>26659</v>
      </c>
      <c r="B43676" t="s">
        <v>26660</v>
      </c>
      <c r="C43676" t="s">
        <v>16947</v>
      </c>
      <c r="D43676" t="s">
        <v>16948</v>
      </c>
      <c r="E43676" t="s">
        <v>16923</v>
      </c>
      <c r="F43676" t="s">
        <v>16924</v>
      </c>
      <c r="G43676" t="s">
        <v>16559</v>
      </c>
      <c r="H43676" t="s">
        <v>16560</v>
      </c>
      <c r="I43676" s="2">
        <v>1</v>
      </c>
      <c r="J43676" s="2">
        <v>0</v>
      </c>
      <c r="K43676" s="2">
        <v>0</v>
      </c>
      <c r="L43676" t="s">
        <v>120</v>
      </c>
      <c r="M43676" t="s">
        <v>89</v>
      </c>
      <c r="N43676" t="s">
        <v>90</v>
      </c>
      <c r="O43676" t="s">
        <v>85</v>
      </c>
      <c r="P43676" t="s">
        <v>86</v>
      </c>
      <c r="Q43676">
        <v>10</v>
      </c>
      <c r="R43676">
        <v>10</v>
      </c>
      <c r="S43676">
        <v>10</v>
      </c>
      <c r="T43676">
        <v>10</v>
      </c>
      <c r="U43676">
        <v>10</v>
      </c>
      <c r="V43676">
        <v>11</v>
      </c>
      <c r="W43676">
        <v>11</v>
      </c>
      <c r="X43676">
        <v>11</v>
      </c>
      <c r="Y43676">
        <v>11</v>
      </c>
      <c r="Z43676">
        <v>11</v>
      </c>
      <c r="AA43676">
        <v>11</v>
      </c>
      <c r="AB43676">
        <v>11</v>
      </c>
      <c r="AC43676">
        <v>11</v>
      </c>
      <c r="AD43676">
        <v>11</v>
      </c>
      <c r="AE43676">
        <v>11</v>
      </c>
      <c r="AF43676">
        <v>11</v>
      </c>
      <c r="AG43676">
        <v>11</v>
      </c>
      <c r="AH43676">
        <v>11</v>
      </c>
      <c r="AI43676">
        <v>11</v>
      </c>
      <c r="AJ43676">
        <v>11</v>
      </c>
      <c r="AK43676">
        <v>11</v>
      </c>
      <c r="AL43676">
        <v>11</v>
      </c>
      <c r="AM43676">
        <v>11</v>
      </c>
      <c r="AN43676">
        <v>11</v>
      </c>
      <c r="AO43676">
        <v>11</v>
      </c>
      <c r="AP43676">
        <v>11</v>
      </c>
      <c r="AQ43676">
        <v>11</v>
      </c>
    </row>
    <row r="43677" spans="1:43">
      <c r="A43677" t="s">
        <v>26659</v>
      </c>
      <c r="B43677" t="s">
        <v>26660</v>
      </c>
      <c r="C43677" t="s">
        <v>16947</v>
      </c>
      <c r="D43677" t="s">
        <v>16948</v>
      </c>
      <c r="E43677" t="s">
        <v>16923</v>
      </c>
      <c r="F43677" t="s">
        <v>16924</v>
      </c>
      <c r="G43677" t="s">
        <v>16559</v>
      </c>
      <c r="H43677" t="s">
        <v>16560</v>
      </c>
      <c r="I43677" s="2">
        <v>1</v>
      </c>
      <c r="J43677" s="2">
        <v>0</v>
      </c>
      <c r="K43677" s="2">
        <v>0</v>
      </c>
      <c r="L43677" t="s">
        <v>120</v>
      </c>
      <c r="M43677" t="s">
        <v>83</v>
      </c>
      <c r="N43677" t="s">
        <v>91</v>
      </c>
      <c r="O43677" t="s">
        <v>85</v>
      </c>
      <c r="P43677" t="s">
        <v>86</v>
      </c>
      <c r="Q43677">
        <v>10</v>
      </c>
      <c r="R43677">
        <v>10</v>
      </c>
      <c r="S43677">
        <v>10</v>
      </c>
      <c r="T43677">
        <v>10</v>
      </c>
      <c r="U43677">
        <v>10</v>
      </c>
      <c r="V43677">
        <v>10</v>
      </c>
      <c r="W43677">
        <v>10</v>
      </c>
      <c r="X43677">
        <v>10</v>
      </c>
      <c r="Y43677">
        <v>10</v>
      </c>
      <c r="Z43677">
        <v>10</v>
      </c>
      <c r="AA43677">
        <v>10</v>
      </c>
      <c r="AB43677">
        <v>10</v>
      </c>
      <c r="AC43677">
        <v>11</v>
      </c>
      <c r="AD43677">
        <v>11</v>
      </c>
      <c r="AE43677">
        <v>11</v>
      </c>
      <c r="AF43677">
        <v>11</v>
      </c>
      <c r="AG43677">
        <v>11</v>
      </c>
      <c r="AH43677">
        <v>11</v>
      </c>
      <c r="AI43677">
        <v>11</v>
      </c>
      <c r="AJ43677">
        <v>11</v>
      </c>
      <c r="AK43677">
        <v>11</v>
      </c>
      <c r="AL43677">
        <v>11</v>
      </c>
      <c r="AM43677">
        <v>11</v>
      </c>
      <c r="AN43677">
        <v>11</v>
      </c>
      <c r="AO43677">
        <v>11</v>
      </c>
      <c r="AP43677">
        <v>11</v>
      </c>
      <c r="AQ43677">
        <v>11</v>
      </c>
    </row>
    <row r="43678" spans="1:43">
      <c r="A43678" t="s">
        <v>26661</v>
      </c>
      <c r="B43678" t="s">
        <v>26662</v>
      </c>
      <c r="C43678" t="s">
        <v>16947</v>
      </c>
      <c r="D43678" t="s">
        <v>16948</v>
      </c>
      <c r="E43678" t="s">
        <v>16923</v>
      </c>
      <c r="F43678" t="s">
        <v>16924</v>
      </c>
      <c r="G43678" t="s">
        <v>16559</v>
      </c>
      <c r="H43678" t="s">
        <v>16560</v>
      </c>
      <c r="I43678" s="2">
        <v>1</v>
      </c>
      <c r="J43678" s="2">
        <v>0</v>
      </c>
      <c r="K43678" s="2">
        <v>0</v>
      </c>
      <c r="L43678" t="s">
        <v>120</v>
      </c>
      <c r="M43678" t="s">
        <v>83</v>
      </c>
      <c r="N43678" t="s">
        <v>84</v>
      </c>
      <c r="O43678" t="s">
        <v>85</v>
      </c>
      <c r="P43678" t="s">
        <v>86</v>
      </c>
      <c r="Q43678">
        <v>75</v>
      </c>
      <c r="R43678">
        <v>75</v>
      </c>
      <c r="S43678">
        <v>76</v>
      </c>
      <c r="T43678">
        <v>76</v>
      </c>
      <c r="U43678">
        <v>77</v>
      </c>
      <c r="V43678">
        <v>77</v>
      </c>
      <c r="W43678">
        <v>78</v>
      </c>
      <c r="X43678">
        <v>78</v>
      </c>
      <c r="Y43678">
        <v>78</v>
      </c>
      <c r="Z43678">
        <v>79</v>
      </c>
      <c r="AA43678">
        <v>79</v>
      </c>
      <c r="AB43678">
        <v>80</v>
      </c>
      <c r="AC43678">
        <v>80</v>
      </c>
      <c r="AD43678">
        <v>80</v>
      </c>
      <c r="AE43678">
        <v>81</v>
      </c>
      <c r="AF43678">
        <v>81</v>
      </c>
      <c r="AG43678">
        <v>82</v>
      </c>
      <c r="AH43678">
        <v>82</v>
      </c>
      <c r="AI43678">
        <v>82</v>
      </c>
      <c r="AJ43678">
        <v>83</v>
      </c>
      <c r="AK43678">
        <v>83</v>
      </c>
      <c r="AL43678">
        <v>83</v>
      </c>
      <c r="AM43678">
        <v>83</v>
      </c>
      <c r="AN43678">
        <v>82</v>
      </c>
      <c r="AO43678">
        <v>82</v>
      </c>
      <c r="AP43678">
        <v>82</v>
      </c>
      <c r="AQ43678">
        <v>82</v>
      </c>
    </row>
    <row r="43679" spans="1:43">
      <c r="A43679" t="s">
        <v>26661</v>
      </c>
      <c r="B43679" t="s">
        <v>26662</v>
      </c>
      <c r="C43679" t="s">
        <v>16947</v>
      </c>
      <c r="D43679" t="s">
        <v>16948</v>
      </c>
      <c r="E43679" t="s">
        <v>16923</v>
      </c>
      <c r="F43679" t="s">
        <v>16924</v>
      </c>
      <c r="G43679" t="s">
        <v>16559</v>
      </c>
      <c r="H43679" t="s">
        <v>16560</v>
      </c>
      <c r="I43679" s="2">
        <v>1</v>
      </c>
      <c r="J43679" s="2">
        <v>0</v>
      </c>
      <c r="K43679" s="2">
        <v>0</v>
      </c>
      <c r="L43679" t="s">
        <v>120</v>
      </c>
      <c r="M43679" t="s">
        <v>87</v>
      </c>
      <c r="N43679" t="s">
        <v>88</v>
      </c>
      <c r="O43679" t="s">
        <v>85</v>
      </c>
      <c r="P43679" t="s">
        <v>86</v>
      </c>
      <c r="Q43679">
        <v>75</v>
      </c>
      <c r="R43679">
        <v>75</v>
      </c>
      <c r="S43679">
        <v>75</v>
      </c>
      <c r="T43679">
        <v>74</v>
      </c>
      <c r="U43679">
        <v>74</v>
      </c>
      <c r="V43679">
        <v>74</v>
      </c>
      <c r="W43679">
        <v>74</v>
      </c>
      <c r="X43679">
        <v>74</v>
      </c>
      <c r="Y43679">
        <v>74</v>
      </c>
      <c r="Z43679">
        <v>73</v>
      </c>
      <c r="AA43679">
        <v>73</v>
      </c>
      <c r="AB43679">
        <v>73</v>
      </c>
      <c r="AC43679">
        <v>73</v>
      </c>
      <c r="AD43679">
        <v>73</v>
      </c>
      <c r="AE43679">
        <v>73</v>
      </c>
      <c r="AF43679">
        <v>73</v>
      </c>
      <c r="AG43679">
        <v>72</v>
      </c>
      <c r="AH43679">
        <v>72</v>
      </c>
      <c r="AI43679">
        <v>72</v>
      </c>
      <c r="AJ43679">
        <v>72</v>
      </c>
      <c r="AK43679">
        <v>72</v>
      </c>
      <c r="AL43679">
        <v>72</v>
      </c>
      <c r="AM43679">
        <v>72</v>
      </c>
      <c r="AN43679">
        <v>72</v>
      </c>
      <c r="AO43679">
        <v>72</v>
      </c>
      <c r="AP43679">
        <v>71</v>
      </c>
      <c r="AQ43679">
        <v>71</v>
      </c>
    </row>
    <row r="43680" spans="1:43">
      <c r="A43680" t="s">
        <v>26661</v>
      </c>
      <c r="B43680" t="s">
        <v>26662</v>
      </c>
      <c r="C43680" t="s">
        <v>16947</v>
      </c>
      <c r="D43680" t="s">
        <v>16948</v>
      </c>
      <c r="E43680" t="s">
        <v>16923</v>
      </c>
      <c r="F43680" t="s">
        <v>16924</v>
      </c>
      <c r="G43680" t="s">
        <v>16559</v>
      </c>
      <c r="H43680" t="s">
        <v>16560</v>
      </c>
      <c r="I43680" s="2">
        <v>1</v>
      </c>
      <c r="J43680" s="2">
        <v>0</v>
      </c>
      <c r="K43680" s="2">
        <v>0</v>
      </c>
      <c r="L43680" t="s">
        <v>120</v>
      </c>
      <c r="M43680" t="s">
        <v>89</v>
      </c>
      <c r="N43680" t="s">
        <v>90</v>
      </c>
      <c r="O43680" t="s">
        <v>85</v>
      </c>
      <c r="P43680" t="s">
        <v>86</v>
      </c>
      <c r="Q43680">
        <v>75</v>
      </c>
      <c r="R43680">
        <v>77</v>
      </c>
      <c r="S43680">
        <v>78</v>
      </c>
      <c r="T43680">
        <v>79</v>
      </c>
      <c r="U43680">
        <v>80</v>
      </c>
      <c r="V43680">
        <v>81</v>
      </c>
      <c r="W43680">
        <v>81</v>
      </c>
      <c r="X43680">
        <v>82</v>
      </c>
      <c r="Y43680">
        <v>83</v>
      </c>
      <c r="Z43680">
        <v>84</v>
      </c>
      <c r="AA43680">
        <v>84</v>
      </c>
      <c r="AB43680">
        <v>85</v>
      </c>
      <c r="AC43680">
        <v>86</v>
      </c>
      <c r="AD43680">
        <v>87</v>
      </c>
      <c r="AE43680">
        <v>87</v>
      </c>
      <c r="AF43680">
        <v>86</v>
      </c>
      <c r="AG43680">
        <v>86</v>
      </c>
      <c r="AH43680">
        <v>86</v>
      </c>
      <c r="AI43680">
        <v>85</v>
      </c>
      <c r="AJ43680">
        <v>85</v>
      </c>
      <c r="AK43680">
        <v>85</v>
      </c>
      <c r="AL43680">
        <v>84</v>
      </c>
      <c r="AM43680">
        <v>84</v>
      </c>
      <c r="AN43680">
        <v>84</v>
      </c>
      <c r="AO43680">
        <v>84</v>
      </c>
      <c r="AP43680">
        <v>83</v>
      </c>
      <c r="AQ43680">
        <v>83</v>
      </c>
    </row>
    <row r="43681" spans="1:43">
      <c r="A43681" t="s">
        <v>26661</v>
      </c>
      <c r="B43681" t="s">
        <v>26662</v>
      </c>
      <c r="C43681" t="s">
        <v>16947</v>
      </c>
      <c r="D43681" t="s">
        <v>16948</v>
      </c>
      <c r="E43681" t="s">
        <v>16923</v>
      </c>
      <c r="F43681" t="s">
        <v>16924</v>
      </c>
      <c r="G43681" t="s">
        <v>16559</v>
      </c>
      <c r="H43681" t="s">
        <v>16560</v>
      </c>
      <c r="I43681" s="2">
        <v>1</v>
      </c>
      <c r="J43681" s="2">
        <v>0</v>
      </c>
      <c r="K43681" s="2">
        <v>0</v>
      </c>
      <c r="L43681" t="s">
        <v>120</v>
      </c>
      <c r="M43681" t="s">
        <v>83</v>
      </c>
      <c r="N43681" t="s">
        <v>91</v>
      </c>
      <c r="O43681" t="s">
        <v>85</v>
      </c>
      <c r="P43681" t="s">
        <v>86</v>
      </c>
      <c r="Q43681">
        <v>75</v>
      </c>
      <c r="R43681">
        <v>75</v>
      </c>
      <c r="S43681">
        <v>76</v>
      </c>
      <c r="T43681">
        <v>76</v>
      </c>
      <c r="U43681">
        <v>77</v>
      </c>
      <c r="V43681">
        <v>77</v>
      </c>
      <c r="W43681">
        <v>78</v>
      </c>
      <c r="X43681">
        <v>78</v>
      </c>
      <c r="Y43681">
        <v>78</v>
      </c>
      <c r="Z43681">
        <v>79</v>
      </c>
      <c r="AA43681">
        <v>79</v>
      </c>
      <c r="AB43681">
        <v>80</v>
      </c>
      <c r="AC43681">
        <v>80</v>
      </c>
      <c r="AD43681">
        <v>80</v>
      </c>
      <c r="AE43681">
        <v>81</v>
      </c>
      <c r="AF43681">
        <v>81</v>
      </c>
      <c r="AG43681">
        <v>82</v>
      </c>
      <c r="AH43681">
        <v>82</v>
      </c>
      <c r="AI43681">
        <v>82</v>
      </c>
      <c r="AJ43681">
        <v>83</v>
      </c>
      <c r="AK43681">
        <v>83</v>
      </c>
      <c r="AL43681">
        <v>83</v>
      </c>
      <c r="AM43681">
        <v>83</v>
      </c>
      <c r="AN43681">
        <v>82</v>
      </c>
      <c r="AO43681">
        <v>82</v>
      </c>
      <c r="AP43681">
        <v>82</v>
      </c>
      <c r="AQ43681">
        <v>82</v>
      </c>
    </row>
    <row r="43682" spans="1:43">
      <c r="A43682" t="s">
        <v>26663</v>
      </c>
      <c r="B43682" t="s">
        <v>26664</v>
      </c>
      <c r="C43682" t="s">
        <v>17079</v>
      </c>
      <c r="D43682" t="s">
        <v>17080</v>
      </c>
      <c r="E43682" t="s">
        <v>16923</v>
      </c>
      <c r="F43682" t="s">
        <v>16924</v>
      </c>
      <c r="G43682" t="s">
        <v>16559</v>
      </c>
      <c r="H43682" t="s">
        <v>16560</v>
      </c>
      <c r="I43682" s="2">
        <v>1</v>
      </c>
      <c r="J43682" s="2">
        <v>0</v>
      </c>
      <c r="K43682" s="2">
        <v>0</v>
      </c>
      <c r="L43682" t="s">
        <v>120</v>
      </c>
      <c r="M43682" t="s">
        <v>83</v>
      </c>
      <c r="N43682" t="s">
        <v>84</v>
      </c>
      <c r="O43682" t="s">
        <v>85</v>
      </c>
      <c r="P43682" t="s">
        <v>86</v>
      </c>
      <c r="Q43682">
        <v>14</v>
      </c>
      <c r="R43682">
        <v>14</v>
      </c>
      <c r="S43682">
        <v>14</v>
      </c>
      <c r="T43682">
        <v>15</v>
      </c>
      <c r="U43682">
        <v>15</v>
      </c>
      <c r="V43682">
        <v>15</v>
      </c>
      <c r="W43682">
        <v>15</v>
      </c>
      <c r="X43682">
        <v>15</v>
      </c>
      <c r="Y43682">
        <v>15</v>
      </c>
      <c r="Z43682">
        <v>15</v>
      </c>
      <c r="AA43682">
        <v>15</v>
      </c>
      <c r="AB43682">
        <v>15</v>
      </c>
      <c r="AC43682">
        <v>15</v>
      </c>
      <c r="AD43682">
        <v>15</v>
      </c>
      <c r="AE43682">
        <v>15</v>
      </c>
      <c r="AF43682">
        <v>15</v>
      </c>
      <c r="AG43682">
        <v>15</v>
      </c>
      <c r="AH43682">
        <v>15</v>
      </c>
      <c r="AI43682">
        <v>16</v>
      </c>
      <c r="AJ43682">
        <v>16</v>
      </c>
      <c r="AK43682">
        <v>16</v>
      </c>
      <c r="AL43682">
        <v>16</v>
      </c>
      <c r="AM43682">
        <v>16</v>
      </c>
      <c r="AN43682">
        <v>15</v>
      </c>
      <c r="AO43682">
        <v>15</v>
      </c>
      <c r="AP43682">
        <v>15</v>
      </c>
      <c r="AQ43682">
        <v>15</v>
      </c>
    </row>
    <row r="43683" spans="1:43">
      <c r="A43683" t="s">
        <v>26663</v>
      </c>
      <c r="B43683" t="s">
        <v>26664</v>
      </c>
      <c r="C43683" t="s">
        <v>17079</v>
      </c>
      <c r="D43683" t="s">
        <v>17080</v>
      </c>
      <c r="E43683" t="s">
        <v>16923</v>
      </c>
      <c r="F43683" t="s">
        <v>16924</v>
      </c>
      <c r="G43683" t="s">
        <v>16559</v>
      </c>
      <c r="H43683" t="s">
        <v>16560</v>
      </c>
      <c r="I43683" s="2">
        <v>1</v>
      </c>
      <c r="J43683" s="2">
        <v>0</v>
      </c>
      <c r="K43683" s="2">
        <v>0</v>
      </c>
      <c r="L43683" t="s">
        <v>120</v>
      </c>
      <c r="M43683" t="s">
        <v>87</v>
      </c>
      <c r="N43683" t="s">
        <v>88</v>
      </c>
      <c r="O43683" t="s">
        <v>85</v>
      </c>
      <c r="P43683" t="s">
        <v>86</v>
      </c>
      <c r="Q43683">
        <v>14</v>
      </c>
      <c r="R43683">
        <v>14</v>
      </c>
      <c r="S43683">
        <v>14</v>
      </c>
      <c r="T43683">
        <v>14</v>
      </c>
      <c r="U43683">
        <v>14</v>
      </c>
      <c r="V43683">
        <v>14</v>
      </c>
      <c r="W43683">
        <v>14</v>
      </c>
      <c r="X43683">
        <v>14</v>
      </c>
      <c r="Y43683">
        <v>14</v>
      </c>
      <c r="Z43683">
        <v>14</v>
      </c>
      <c r="AA43683">
        <v>14</v>
      </c>
      <c r="AB43683">
        <v>14</v>
      </c>
      <c r="AC43683">
        <v>14</v>
      </c>
      <c r="AD43683">
        <v>14</v>
      </c>
      <c r="AE43683">
        <v>14</v>
      </c>
      <c r="AF43683">
        <v>14</v>
      </c>
      <c r="AG43683">
        <v>14</v>
      </c>
      <c r="AH43683">
        <v>14</v>
      </c>
      <c r="AI43683">
        <v>13</v>
      </c>
      <c r="AJ43683">
        <v>13</v>
      </c>
      <c r="AK43683">
        <v>13</v>
      </c>
      <c r="AL43683">
        <v>13</v>
      </c>
      <c r="AM43683">
        <v>13</v>
      </c>
      <c r="AN43683">
        <v>13</v>
      </c>
      <c r="AO43683">
        <v>13</v>
      </c>
      <c r="AP43683">
        <v>13</v>
      </c>
      <c r="AQ43683">
        <v>13</v>
      </c>
    </row>
    <row r="43684" spans="1:43">
      <c r="A43684" t="s">
        <v>26663</v>
      </c>
      <c r="B43684" t="s">
        <v>26664</v>
      </c>
      <c r="C43684" t="s">
        <v>17079</v>
      </c>
      <c r="D43684" t="s">
        <v>17080</v>
      </c>
      <c r="E43684" t="s">
        <v>16923</v>
      </c>
      <c r="F43684" t="s">
        <v>16924</v>
      </c>
      <c r="G43684" t="s">
        <v>16559</v>
      </c>
      <c r="H43684" t="s">
        <v>16560</v>
      </c>
      <c r="I43684" s="2">
        <v>1</v>
      </c>
      <c r="J43684" s="2">
        <v>0</v>
      </c>
      <c r="K43684" s="2">
        <v>0</v>
      </c>
      <c r="L43684" t="s">
        <v>120</v>
      </c>
      <c r="M43684" t="s">
        <v>89</v>
      </c>
      <c r="N43684" t="s">
        <v>90</v>
      </c>
      <c r="O43684" t="s">
        <v>85</v>
      </c>
      <c r="P43684" t="s">
        <v>86</v>
      </c>
      <c r="Q43684">
        <v>14</v>
      </c>
      <c r="R43684">
        <v>15</v>
      </c>
      <c r="S43684">
        <v>15</v>
      </c>
      <c r="T43684">
        <v>15</v>
      </c>
      <c r="U43684">
        <v>15</v>
      </c>
      <c r="V43684">
        <v>15</v>
      </c>
      <c r="W43684">
        <v>16</v>
      </c>
      <c r="X43684">
        <v>16</v>
      </c>
      <c r="Y43684">
        <v>16</v>
      </c>
      <c r="Z43684">
        <v>16</v>
      </c>
      <c r="AA43684">
        <v>16</v>
      </c>
      <c r="AB43684">
        <v>16</v>
      </c>
      <c r="AC43684">
        <v>16</v>
      </c>
      <c r="AD43684">
        <v>16</v>
      </c>
      <c r="AE43684">
        <v>16</v>
      </c>
      <c r="AF43684">
        <v>16</v>
      </c>
      <c r="AG43684">
        <v>16</v>
      </c>
      <c r="AH43684">
        <v>16</v>
      </c>
      <c r="AI43684">
        <v>16</v>
      </c>
      <c r="AJ43684">
        <v>16</v>
      </c>
      <c r="AK43684">
        <v>16</v>
      </c>
      <c r="AL43684">
        <v>16</v>
      </c>
      <c r="AM43684">
        <v>16</v>
      </c>
      <c r="AN43684">
        <v>16</v>
      </c>
      <c r="AO43684">
        <v>16</v>
      </c>
      <c r="AP43684">
        <v>16</v>
      </c>
      <c r="AQ43684">
        <v>15</v>
      </c>
    </row>
    <row r="43685" spans="1:43">
      <c r="A43685" t="s">
        <v>26663</v>
      </c>
      <c r="B43685" t="s">
        <v>26664</v>
      </c>
      <c r="C43685" t="s">
        <v>17079</v>
      </c>
      <c r="D43685" t="s">
        <v>17080</v>
      </c>
      <c r="E43685" t="s">
        <v>16923</v>
      </c>
      <c r="F43685" t="s">
        <v>16924</v>
      </c>
      <c r="G43685" t="s">
        <v>16559</v>
      </c>
      <c r="H43685" t="s">
        <v>16560</v>
      </c>
      <c r="I43685" s="2">
        <v>1</v>
      </c>
      <c r="J43685" s="2">
        <v>0</v>
      </c>
      <c r="K43685" s="2">
        <v>0</v>
      </c>
      <c r="L43685" t="s">
        <v>120</v>
      </c>
      <c r="M43685" t="s">
        <v>83</v>
      </c>
      <c r="N43685" t="s">
        <v>91</v>
      </c>
      <c r="O43685" t="s">
        <v>85</v>
      </c>
      <c r="P43685" t="s">
        <v>86</v>
      </c>
      <c r="Q43685">
        <v>14</v>
      </c>
      <c r="R43685">
        <v>14</v>
      </c>
      <c r="S43685">
        <v>14</v>
      </c>
      <c r="T43685">
        <v>15</v>
      </c>
      <c r="U43685">
        <v>15</v>
      </c>
      <c r="V43685">
        <v>15</v>
      </c>
      <c r="W43685">
        <v>15</v>
      </c>
      <c r="X43685">
        <v>15</v>
      </c>
      <c r="Y43685">
        <v>15</v>
      </c>
      <c r="Z43685">
        <v>15</v>
      </c>
      <c r="AA43685">
        <v>15</v>
      </c>
      <c r="AB43685">
        <v>15</v>
      </c>
      <c r="AC43685">
        <v>15</v>
      </c>
      <c r="AD43685">
        <v>15</v>
      </c>
      <c r="AE43685">
        <v>15</v>
      </c>
      <c r="AF43685">
        <v>15</v>
      </c>
      <c r="AG43685">
        <v>15</v>
      </c>
      <c r="AH43685">
        <v>15</v>
      </c>
      <c r="AI43685">
        <v>16</v>
      </c>
      <c r="AJ43685">
        <v>16</v>
      </c>
      <c r="AK43685">
        <v>16</v>
      </c>
      <c r="AL43685">
        <v>16</v>
      </c>
      <c r="AM43685">
        <v>16</v>
      </c>
      <c r="AN43685">
        <v>15</v>
      </c>
      <c r="AO43685">
        <v>15</v>
      </c>
      <c r="AP43685">
        <v>15</v>
      </c>
      <c r="AQ43685">
        <v>15</v>
      </c>
    </row>
    <row r="43686" spans="1:43">
      <c r="A43686" t="s">
        <v>26665</v>
      </c>
      <c r="B43686" t="s">
        <v>26666</v>
      </c>
      <c r="C43686" t="s">
        <v>17079</v>
      </c>
      <c r="D43686" t="s">
        <v>17080</v>
      </c>
      <c r="E43686" t="s">
        <v>16923</v>
      </c>
      <c r="F43686" t="s">
        <v>16924</v>
      </c>
      <c r="G43686" t="s">
        <v>16559</v>
      </c>
      <c r="H43686" t="s">
        <v>16560</v>
      </c>
      <c r="I43686" s="2">
        <v>1</v>
      </c>
      <c r="J43686" s="2">
        <v>0</v>
      </c>
      <c r="K43686" s="2">
        <v>0</v>
      </c>
      <c r="L43686" t="s">
        <v>120</v>
      </c>
      <c r="M43686" t="s">
        <v>83</v>
      </c>
      <c r="N43686" t="s">
        <v>84</v>
      </c>
      <c r="O43686" t="s">
        <v>85</v>
      </c>
      <c r="P43686" t="s">
        <v>86</v>
      </c>
      <c r="Q43686">
        <v>15</v>
      </c>
      <c r="R43686">
        <v>15</v>
      </c>
      <c r="S43686">
        <v>15</v>
      </c>
      <c r="T43686">
        <v>15</v>
      </c>
      <c r="U43686">
        <v>15</v>
      </c>
      <c r="V43686">
        <v>16</v>
      </c>
      <c r="W43686">
        <v>16</v>
      </c>
      <c r="X43686">
        <v>16</v>
      </c>
      <c r="Y43686">
        <v>16</v>
      </c>
      <c r="Z43686">
        <v>16</v>
      </c>
      <c r="AA43686">
        <v>16</v>
      </c>
      <c r="AB43686">
        <v>16</v>
      </c>
      <c r="AC43686">
        <v>16</v>
      </c>
      <c r="AD43686">
        <v>16</v>
      </c>
      <c r="AE43686">
        <v>16</v>
      </c>
      <c r="AF43686">
        <v>16</v>
      </c>
      <c r="AG43686">
        <v>16</v>
      </c>
      <c r="AH43686">
        <v>16</v>
      </c>
      <c r="AI43686">
        <v>16</v>
      </c>
      <c r="AJ43686">
        <v>16</v>
      </c>
      <c r="AK43686">
        <v>17</v>
      </c>
      <c r="AL43686">
        <v>17</v>
      </c>
      <c r="AM43686">
        <v>16</v>
      </c>
      <c r="AN43686">
        <v>16</v>
      </c>
      <c r="AO43686">
        <v>16</v>
      </c>
      <c r="AP43686">
        <v>16</v>
      </c>
      <c r="AQ43686">
        <v>16</v>
      </c>
    </row>
    <row r="43687" spans="1:43">
      <c r="A43687" t="s">
        <v>26665</v>
      </c>
      <c r="B43687" t="s">
        <v>26666</v>
      </c>
      <c r="C43687" t="s">
        <v>17079</v>
      </c>
      <c r="D43687" t="s">
        <v>17080</v>
      </c>
      <c r="E43687" t="s">
        <v>16923</v>
      </c>
      <c r="F43687" t="s">
        <v>16924</v>
      </c>
      <c r="G43687" t="s">
        <v>16559</v>
      </c>
      <c r="H43687" t="s">
        <v>16560</v>
      </c>
      <c r="I43687" s="2">
        <v>1</v>
      </c>
      <c r="J43687" s="2">
        <v>0</v>
      </c>
      <c r="K43687" s="2">
        <v>0</v>
      </c>
      <c r="L43687" t="s">
        <v>120</v>
      </c>
      <c r="M43687" t="s">
        <v>87</v>
      </c>
      <c r="N43687" t="s">
        <v>88</v>
      </c>
      <c r="O43687" t="s">
        <v>85</v>
      </c>
      <c r="P43687" t="s">
        <v>86</v>
      </c>
      <c r="Q43687">
        <v>15</v>
      </c>
      <c r="R43687">
        <v>15</v>
      </c>
      <c r="S43687">
        <v>15</v>
      </c>
      <c r="T43687">
        <v>15</v>
      </c>
      <c r="U43687">
        <v>15</v>
      </c>
      <c r="V43687">
        <v>15</v>
      </c>
      <c r="W43687">
        <v>15</v>
      </c>
      <c r="X43687">
        <v>15</v>
      </c>
      <c r="Y43687">
        <v>15</v>
      </c>
      <c r="Z43687">
        <v>15</v>
      </c>
      <c r="AA43687">
        <v>15</v>
      </c>
      <c r="AB43687">
        <v>14</v>
      </c>
      <c r="AC43687">
        <v>14</v>
      </c>
      <c r="AD43687">
        <v>14</v>
      </c>
      <c r="AE43687">
        <v>14</v>
      </c>
      <c r="AF43687">
        <v>14</v>
      </c>
      <c r="AG43687">
        <v>14</v>
      </c>
      <c r="AH43687">
        <v>14</v>
      </c>
      <c r="AI43687">
        <v>14</v>
      </c>
      <c r="AJ43687">
        <v>14</v>
      </c>
      <c r="AK43687">
        <v>14</v>
      </c>
      <c r="AL43687">
        <v>14</v>
      </c>
      <c r="AM43687">
        <v>14</v>
      </c>
      <c r="AN43687">
        <v>14</v>
      </c>
      <c r="AO43687">
        <v>14</v>
      </c>
      <c r="AP43687">
        <v>14</v>
      </c>
      <c r="AQ43687">
        <v>14</v>
      </c>
    </row>
    <row r="43688" spans="1:43">
      <c r="A43688" t="s">
        <v>26665</v>
      </c>
      <c r="B43688" t="s">
        <v>26666</v>
      </c>
      <c r="C43688" t="s">
        <v>17079</v>
      </c>
      <c r="D43688" t="s">
        <v>17080</v>
      </c>
      <c r="E43688" t="s">
        <v>16923</v>
      </c>
      <c r="F43688" t="s">
        <v>16924</v>
      </c>
      <c r="G43688" t="s">
        <v>16559</v>
      </c>
      <c r="H43688" t="s">
        <v>16560</v>
      </c>
      <c r="I43688" s="2">
        <v>1</v>
      </c>
      <c r="J43688" s="2">
        <v>0</v>
      </c>
      <c r="K43688" s="2">
        <v>0</v>
      </c>
      <c r="L43688" t="s">
        <v>120</v>
      </c>
      <c r="M43688" t="s">
        <v>89</v>
      </c>
      <c r="N43688" t="s">
        <v>90</v>
      </c>
      <c r="O43688" t="s">
        <v>85</v>
      </c>
      <c r="P43688" t="s">
        <v>86</v>
      </c>
      <c r="Q43688">
        <v>15</v>
      </c>
      <c r="R43688">
        <v>15</v>
      </c>
      <c r="S43688">
        <v>16</v>
      </c>
      <c r="T43688">
        <v>16</v>
      </c>
      <c r="U43688">
        <v>16</v>
      </c>
      <c r="V43688">
        <v>16</v>
      </c>
      <c r="W43688">
        <v>16</v>
      </c>
      <c r="X43688">
        <v>17</v>
      </c>
      <c r="Y43688">
        <v>17</v>
      </c>
      <c r="Z43688">
        <v>17</v>
      </c>
      <c r="AA43688">
        <v>17</v>
      </c>
      <c r="AB43688">
        <v>17</v>
      </c>
      <c r="AC43688">
        <v>17</v>
      </c>
      <c r="AD43688">
        <v>17</v>
      </c>
      <c r="AE43688">
        <v>17</v>
      </c>
      <c r="AF43688">
        <v>17</v>
      </c>
      <c r="AG43688">
        <v>17</v>
      </c>
      <c r="AH43688">
        <v>17</v>
      </c>
      <c r="AI43688">
        <v>17</v>
      </c>
      <c r="AJ43688">
        <v>17</v>
      </c>
      <c r="AK43688">
        <v>17</v>
      </c>
      <c r="AL43688">
        <v>17</v>
      </c>
      <c r="AM43688">
        <v>17</v>
      </c>
      <c r="AN43688">
        <v>17</v>
      </c>
      <c r="AO43688">
        <v>17</v>
      </c>
      <c r="AP43688">
        <v>16</v>
      </c>
      <c r="AQ43688">
        <v>16</v>
      </c>
    </row>
    <row r="43689" spans="1:43">
      <c r="A43689" t="s">
        <v>26665</v>
      </c>
      <c r="B43689" t="s">
        <v>26666</v>
      </c>
      <c r="C43689" t="s">
        <v>17079</v>
      </c>
      <c r="D43689" t="s">
        <v>17080</v>
      </c>
      <c r="E43689" t="s">
        <v>16923</v>
      </c>
      <c r="F43689" t="s">
        <v>16924</v>
      </c>
      <c r="G43689" t="s">
        <v>16559</v>
      </c>
      <c r="H43689" t="s">
        <v>16560</v>
      </c>
      <c r="I43689" s="2">
        <v>1</v>
      </c>
      <c r="J43689" s="2">
        <v>0</v>
      </c>
      <c r="K43689" s="2">
        <v>0</v>
      </c>
      <c r="L43689" t="s">
        <v>120</v>
      </c>
      <c r="M43689" t="s">
        <v>83</v>
      </c>
      <c r="N43689" t="s">
        <v>91</v>
      </c>
      <c r="O43689" t="s">
        <v>85</v>
      </c>
      <c r="P43689" t="s">
        <v>86</v>
      </c>
      <c r="Q43689">
        <v>15</v>
      </c>
      <c r="R43689">
        <v>15</v>
      </c>
      <c r="S43689">
        <v>15</v>
      </c>
      <c r="T43689">
        <v>15</v>
      </c>
      <c r="U43689">
        <v>15</v>
      </c>
      <c r="V43689">
        <v>16</v>
      </c>
      <c r="W43689">
        <v>16</v>
      </c>
      <c r="X43689">
        <v>16</v>
      </c>
      <c r="Y43689">
        <v>16</v>
      </c>
      <c r="Z43689">
        <v>16</v>
      </c>
      <c r="AA43689">
        <v>16</v>
      </c>
      <c r="AB43689">
        <v>16</v>
      </c>
      <c r="AC43689">
        <v>16</v>
      </c>
      <c r="AD43689">
        <v>16</v>
      </c>
      <c r="AE43689">
        <v>16</v>
      </c>
      <c r="AF43689">
        <v>16</v>
      </c>
      <c r="AG43689">
        <v>16</v>
      </c>
      <c r="AH43689">
        <v>16</v>
      </c>
      <c r="AI43689">
        <v>16</v>
      </c>
      <c r="AJ43689">
        <v>16</v>
      </c>
      <c r="AK43689">
        <v>17</v>
      </c>
      <c r="AL43689">
        <v>17</v>
      </c>
      <c r="AM43689">
        <v>16</v>
      </c>
      <c r="AN43689">
        <v>16</v>
      </c>
      <c r="AO43689">
        <v>16</v>
      </c>
      <c r="AP43689">
        <v>16</v>
      </c>
      <c r="AQ43689">
        <v>16</v>
      </c>
    </row>
    <row r="43690" spans="1:43">
      <c r="A43690" t="s">
        <v>26667</v>
      </c>
      <c r="B43690" t="s">
        <v>26668</v>
      </c>
      <c r="C43690" t="s">
        <v>16935</v>
      </c>
      <c r="D43690" t="s">
        <v>16936</v>
      </c>
      <c r="E43690" t="s">
        <v>16923</v>
      </c>
      <c r="F43690" t="s">
        <v>16924</v>
      </c>
      <c r="G43690" t="s">
        <v>16559</v>
      </c>
      <c r="H43690" t="s">
        <v>16560</v>
      </c>
      <c r="I43690" s="2">
        <v>1</v>
      </c>
      <c r="J43690" s="2">
        <v>0</v>
      </c>
      <c r="K43690" s="2">
        <v>0</v>
      </c>
      <c r="L43690" t="s">
        <v>120</v>
      </c>
      <c r="M43690" t="s">
        <v>83</v>
      </c>
      <c r="N43690" t="s">
        <v>84</v>
      </c>
      <c r="O43690" t="s">
        <v>85</v>
      </c>
      <c r="P43690" t="s">
        <v>86</v>
      </c>
      <c r="Q43690">
        <v>31</v>
      </c>
      <c r="R43690">
        <v>32</v>
      </c>
      <c r="S43690">
        <v>32</v>
      </c>
      <c r="T43690">
        <v>32</v>
      </c>
      <c r="U43690">
        <v>32</v>
      </c>
      <c r="V43690">
        <v>33</v>
      </c>
      <c r="W43690">
        <v>33</v>
      </c>
      <c r="X43690">
        <v>33</v>
      </c>
      <c r="Y43690">
        <v>33</v>
      </c>
      <c r="Z43690">
        <v>34</v>
      </c>
      <c r="AA43690">
        <v>34</v>
      </c>
      <c r="AB43690">
        <v>34</v>
      </c>
      <c r="AC43690">
        <v>34</v>
      </c>
      <c r="AD43690">
        <v>34</v>
      </c>
      <c r="AE43690">
        <v>35</v>
      </c>
      <c r="AF43690">
        <v>35</v>
      </c>
      <c r="AG43690">
        <v>35</v>
      </c>
      <c r="AH43690">
        <v>35</v>
      </c>
      <c r="AI43690">
        <v>36</v>
      </c>
      <c r="AJ43690">
        <v>36</v>
      </c>
      <c r="AK43690">
        <v>36</v>
      </c>
      <c r="AL43690">
        <v>36</v>
      </c>
      <c r="AM43690">
        <v>36</v>
      </c>
      <c r="AN43690">
        <v>36</v>
      </c>
      <c r="AO43690">
        <v>36</v>
      </c>
      <c r="AP43690">
        <v>36</v>
      </c>
      <c r="AQ43690">
        <v>36</v>
      </c>
    </row>
    <row r="43691" spans="1:43">
      <c r="A43691" t="s">
        <v>26667</v>
      </c>
      <c r="B43691" t="s">
        <v>26668</v>
      </c>
      <c r="C43691" t="s">
        <v>16935</v>
      </c>
      <c r="D43691" t="s">
        <v>16936</v>
      </c>
      <c r="E43691" t="s">
        <v>16923</v>
      </c>
      <c r="F43691" t="s">
        <v>16924</v>
      </c>
      <c r="G43691" t="s">
        <v>16559</v>
      </c>
      <c r="H43691" t="s">
        <v>16560</v>
      </c>
      <c r="I43691" s="2">
        <v>1</v>
      </c>
      <c r="J43691" s="2">
        <v>0</v>
      </c>
      <c r="K43691" s="2">
        <v>0</v>
      </c>
      <c r="L43691" t="s">
        <v>120</v>
      </c>
      <c r="M43691" t="s">
        <v>87</v>
      </c>
      <c r="N43691" t="s">
        <v>88</v>
      </c>
      <c r="O43691" t="s">
        <v>85</v>
      </c>
      <c r="P43691" t="s">
        <v>86</v>
      </c>
      <c r="Q43691">
        <v>31</v>
      </c>
      <c r="R43691">
        <v>31</v>
      </c>
      <c r="S43691">
        <v>31</v>
      </c>
      <c r="T43691">
        <v>31</v>
      </c>
      <c r="U43691">
        <v>31</v>
      </c>
      <c r="V43691">
        <v>31</v>
      </c>
      <c r="W43691">
        <v>31</v>
      </c>
      <c r="X43691">
        <v>31</v>
      </c>
      <c r="Y43691">
        <v>31</v>
      </c>
      <c r="Z43691">
        <v>31</v>
      </c>
      <c r="AA43691">
        <v>31</v>
      </c>
      <c r="AB43691">
        <v>31</v>
      </c>
      <c r="AC43691">
        <v>31</v>
      </c>
      <c r="AD43691">
        <v>31</v>
      </c>
      <c r="AE43691">
        <v>31</v>
      </c>
      <c r="AF43691">
        <v>31</v>
      </c>
      <c r="AG43691">
        <v>31</v>
      </c>
      <c r="AH43691">
        <v>31</v>
      </c>
      <c r="AI43691">
        <v>31</v>
      </c>
      <c r="AJ43691">
        <v>31</v>
      </c>
      <c r="AK43691">
        <v>31</v>
      </c>
      <c r="AL43691">
        <v>31</v>
      </c>
      <c r="AM43691">
        <v>31</v>
      </c>
      <c r="AN43691">
        <v>31</v>
      </c>
      <c r="AO43691">
        <v>31</v>
      </c>
      <c r="AP43691">
        <v>31</v>
      </c>
      <c r="AQ43691">
        <v>31</v>
      </c>
    </row>
    <row r="43692" spans="1:43">
      <c r="A43692" t="s">
        <v>26667</v>
      </c>
      <c r="B43692" t="s">
        <v>26668</v>
      </c>
      <c r="C43692" t="s">
        <v>16935</v>
      </c>
      <c r="D43692" t="s">
        <v>16936</v>
      </c>
      <c r="E43692" t="s">
        <v>16923</v>
      </c>
      <c r="F43692" t="s">
        <v>16924</v>
      </c>
      <c r="G43692" t="s">
        <v>16559</v>
      </c>
      <c r="H43692" t="s">
        <v>16560</v>
      </c>
      <c r="I43692" s="2">
        <v>1</v>
      </c>
      <c r="J43692" s="2">
        <v>0</v>
      </c>
      <c r="K43692" s="2">
        <v>0</v>
      </c>
      <c r="L43692" t="s">
        <v>120</v>
      </c>
      <c r="M43692" t="s">
        <v>89</v>
      </c>
      <c r="N43692" t="s">
        <v>90</v>
      </c>
      <c r="O43692" t="s">
        <v>85</v>
      </c>
      <c r="P43692" t="s">
        <v>86</v>
      </c>
      <c r="Q43692">
        <v>31</v>
      </c>
      <c r="R43692">
        <v>31</v>
      </c>
      <c r="S43692">
        <v>32</v>
      </c>
      <c r="T43692">
        <v>32</v>
      </c>
      <c r="U43692">
        <v>33</v>
      </c>
      <c r="V43692">
        <v>33</v>
      </c>
      <c r="W43692">
        <v>33</v>
      </c>
      <c r="X43692">
        <v>34</v>
      </c>
      <c r="Y43692">
        <v>34</v>
      </c>
      <c r="Z43692">
        <v>35</v>
      </c>
      <c r="AA43692">
        <v>35</v>
      </c>
      <c r="AB43692">
        <v>35</v>
      </c>
      <c r="AC43692">
        <v>36</v>
      </c>
      <c r="AD43692">
        <v>36</v>
      </c>
      <c r="AE43692">
        <v>36</v>
      </c>
      <c r="AF43692">
        <v>36</v>
      </c>
      <c r="AG43692">
        <v>36</v>
      </c>
      <c r="AH43692">
        <v>36</v>
      </c>
      <c r="AI43692">
        <v>36</v>
      </c>
      <c r="AJ43692">
        <v>36</v>
      </c>
      <c r="AK43692">
        <v>36</v>
      </c>
      <c r="AL43692">
        <v>36</v>
      </c>
      <c r="AM43692">
        <v>36</v>
      </c>
      <c r="AN43692">
        <v>36</v>
      </c>
      <c r="AO43692">
        <v>36</v>
      </c>
      <c r="AP43692">
        <v>36</v>
      </c>
      <c r="AQ43692">
        <v>36</v>
      </c>
    </row>
    <row r="43693" spans="1:43">
      <c r="A43693" t="s">
        <v>26667</v>
      </c>
      <c r="B43693" t="s">
        <v>26668</v>
      </c>
      <c r="C43693" t="s">
        <v>16935</v>
      </c>
      <c r="D43693" t="s">
        <v>16936</v>
      </c>
      <c r="E43693" t="s">
        <v>16923</v>
      </c>
      <c r="F43693" t="s">
        <v>16924</v>
      </c>
      <c r="G43693" t="s">
        <v>16559</v>
      </c>
      <c r="H43693" t="s">
        <v>16560</v>
      </c>
      <c r="I43693" s="2">
        <v>1</v>
      </c>
      <c r="J43693" s="2">
        <v>0</v>
      </c>
      <c r="K43693" s="2">
        <v>0</v>
      </c>
      <c r="L43693" t="s">
        <v>120</v>
      </c>
      <c r="M43693" t="s">
        <v>83</v>
      </c>
      <c r="N43693" t="s">
        <v>91</v>
      </c>
      <c r="O43693" t="s">
        <v>85</v>
      </c>
      <c r="P43693" t="s">
        <v>86</v>
      </c>
      <c r="Q43693">
        <v>31</v>
      </c>
      <c r="R43693">
        <v>32</v>
      </c>
      <c r="S43693">
        <v>32</v>
      </c>
      <c r="T43693">
        <v>32</v>
      </c>
      <c r="U43693">
        <v>32</v>
      </c>
      <c r="V43693">
        <v>33</v>
      </c>
      <c r="W43693">
        <v>33</v>
      </c>
      <c r="X43693">
        <v>33</v>
      </c>
      <c r="Y43693">
        <v>33</v>
      </c>
      <c r="Z43693">
        <v>34</v>
      </c>
      <c r="AA43693">
        <v>34</v>
      </c>
      <c r="AB43693">
        <v>34</v>
      </c>
      <c r="AC43693">
        <v>34</v>
      </c>
      <c r="AD43693">
        <v>34</v>
      </c>
      <c r="AE43693">
        <v>35</v>
      </c>
      <c r="AF43693">
        <v>35</v>
      </c>
      <c r="AG43693">
        <v>35</v>
      </c>
      <c r="AH43693">
        <v>35</v>
      </c>
      <c r="AI43693">
        <v>36</v>
      </c>
      <c r="AJ43693">
        <v>36</v>
      </c>
      <c r="AK43693">
        <v>36</v>
      </c>
      <c r="AL43693">
        <v>36</v>
      </c>
      <c r="AM43693">
        <v>36</v>
      </c>
      <c r="AN43693">
        <v>36</v>
      </c>
      <c r="AO43693">
        <v>36</v>
      </c>
      <c r="AP43693">
        <v>36</v>
      </c>
      <c r="AQ43693">
        <v>36</v>
      </c>
    </row>
    <row r="43694" spans="1:43">
      <c r="A43694" t="s">
        <v>26669</v>
      </c>
      <c r="B43694" t="s">
        <v>26670</v>
      </c>
      <c r="C43694" t="s">
        <v>16935</v>
      </c>
      <c r="D43694" t="s">
        <v>16936</v>
      </c>
      <c r="E43694" t="s">
        <v>16923</v>
      </c>
      <c r="F43694" t="s">
        <v>16924</v>
      </c>
      <c r="G43694" t="s">
        <v>16559</v>
      </c>
      <c r="H43694" t="s">
        <v>16560</v>
      </c>
      <c r="I43694" s="2">
        <v>1</v>
      </c>
      <c r="J43694" s="2">
        <v>0</v>
      </c>
      <c r="K43694" s="2">
        <v>0</v>
      </c>
      <c r="L43694" t="s">
        <v>120</v>
      </c>
      <c r="M43694" t="s">
        <v>83</v>
      </c>
      <c r="N43694" t="s">
        <v>84</v>
      </c>
      <c r="O43694" t="s">
        <v>85</v>
      </c>
      <c r="P43694" t="s">
        <v>86</v>
      </c>
      <c r="Q43694">
        <v>31</v>
      </c>
      <c r="R43694">
        <v>31</v>
      </c>
      <c r="S43694">
        <v>31</v>
      </c>
      <c r="T43694">
        <v>31</v>
      </c>
      <c r="U43694">
        <v>32</v>
      </c>
      <c r="V43694">
        <v>32</v>
      </c>
      <c r="W43694">
        <v>32</v>
      </c>
      <c r="X43694">
        <v>32</v>
      </c>
      <c r="Y43694">
        <v>33</v>
      </c>
      <c r="Z43694">
        <v>33</v>
      </c>
      <c r="AA43694">
        <v>33</v>
      </c>
      <c r="AB43694">
        <v>33</v>
      </c>
      <c r="AC43694">
        <v>34</v>
      </c>
      <c r="AD43694">
        <v>34</v>
      </c>
      <c r="AE43694">
        <v>34</v>
      </c>
      <c r="AF43694">
        <v>34</v>
      </c>
      <c r="AG43694">
        <v>34</v>
      </c>
      <c r="AH43694">
        <v>35</v>
      </c>
      <c r="AI43694">
        <v>35</v>
      </c>
      <c r="AJ43694">
        <v>35</v>
      </c>
      <c r="AK43694">
        <v>35</v>
      </c>
      <c r="AL43694">
        <v>35</v>
      </c>
      <c r="AM43694">
        <v>35</v>
      </c>
      <c r="AN43694">
        <v>35</v>
      </c>
      <c r="AO43694">
        <v>35</v>
      </c>
      <c r="AP43694">
        <v>35</v>
      </c>
      <c r="AQ43694">
        <v>35</v>
      </c>
    </row>
    <row r="43695" spans="1:43">
      <c r="A43695" t="s">
        <v>26669</v>
      </c>
      <c r="B43695" t="s">
        <v>26670</v>
      </c>
      <c r="C43695" t="s">
        <v>16935</v>
      </c>
      <c r="D43695" t="s">
        <v>16936</v>
      </c>
      <c r="E43695" t="s">
        <v>16923</v>
      </c>
      <c r="F43695" t="s">
        <v>16924</v>
      </c>
      <c r="G43695" t="s">
        <v>16559</v>
      </c>
      <c r="H43695" t="s">
        <v>16560</v>
      </c>
      <c r="I43695" s="2">
        <v>1</v>
      </c>
      <c r="J43695" s="2">
        <v>0</v>
      </c>
      <c r="K43695" s="2">
        <v>0</v>
      </c>
      <c r="L43695" t="s">
        <v>120</v>
      </c>
      <c r="M43695" t="s">
        <v>87</v>
      </c>
      <c r="N43695" t="s">
        <v>88</v>
      </c>
      <c r="O43695" t="s">
        <v>85</v>
      </c>
      <c r="P43695" t="s">
        <v>86</v>
      </c>
      <c r="Q43695">
        <v>31</v>
      </c>
      <c r="R43695">
        <v>31</v>
      </c>
      <c r="S43695">
        <v>31</v>
      </c>
      <c r="T43695">
        <v>31</v>
      </c>
      <c r="U43695">
        <v>31</v>
      </c>
      <c r="V43695">
        <v>31</v>
      </c>
      <c r="W43695">
        <v>31</v>
      </c>
      <c r="X43695">
        <v>31</v>
      </c>
      <c r="Y43695">
        <v>31</v>
      </c>
      <c r="Z43695">
        <v>31</v>
      </c>
      <c r="AA43695">
        <v>31</v>
      </c>
      <c r="AB43695">
        <v>31</v>
      </c>
      <c r="AC43695">
        <v>31</v>
      </c>
      <c r="AD43695">
        <v>31</v>
      </c>
      <c r="AE43695">
        <v>31</v>
      </c>
      <c r="AF43695">
        <v>31</v>
      </c>
      <c r="AG43695">
        <v>31</v>
      </c>
      <c r="AH43695">
        <v>31</v>
      </c>
      <c r="AI43695">
        <v>31</v>
      </c>
      <c r="AJ43695">
        <v>31</v>
      </c>
      <c r="AK43695">
        <v>31</v>
      </c>
      <c r="AL43695">
        <v>31</v>
      </c>
      <c r="AM43695">
        <v>31</v>
      </c>
      <c r="AN43695">
        <v>31</v>
      </c>
      <c r="AO43695">
        <v>31</v>
      </c>
      <c r="AP43695">
        <v>31</v>
      </c>
      <c r="AQ43695">
        <v>31</v>
      </c>
    </row>
    <row r="43696" spans="1:43">
      <c r="A43696" t="s">
        <v>26669</v>
      </c>
      <c r="B43696" t="s">
        <v>26670</v>
      </c>
      <c r="C43696" t="s">
        <v>16935</v>
      </c>
      <c r="D43696" t="s">
        <v>16936</v>
      </c>
      <c r="E43696" t="s">
        <v>16923</v>
      </c>
      <c r="F43696" t="s">
        <v>16924</v>
      </c>
      <c r="G43696" t="s">
        <v>16559</v>
      </c>
      <c r="H43696" t="s">
        <v>16560</v>
      </c>
      <c r="I43696" s="2">
        <v>1</v>
      </c>
      <c r="J43696" s="2">
        <v>0</v>
      </c>
      <c r="K43696" s="2">
        <v>0</v>
      </c>
      <c r="L43696" t="s">
        <v>120</v>
      </c>
      <c r="M43696" t="s">
        <v>89</v>
      </c>
      <c r="N43696" t="s">
        <v>90</v>
      </c>
      <c r="O43696" t="s">
        <v>85</v>
      </c>
      <c r="P43696" t="s">
        <v>86</v>
      </c>
      <c r="Q43696">
        <v>31</v>
      </c>
      <c r="R43696">
        <v>31</v>
      </c>
      <c r="S43696">
        <v>32</v>
      </c>
      <c r="T43696">
        <v>32</v>
      </c>
      <c r="U43696">
        <v>33</v>
      </c>
      <c r="V43696">
        <v>33</v>
      </c>
      <c r="W43696">
        <v>34</v>
      </c>
      <c r="X43696">
        <v>34</v>
      </c>
      <c r="Y43696">
        <v>35</v>
      </c>
      <c r="Z43696">
        <v>35</v>
      </c>
      <c r="AA43696">
        <v>35</v>
      </c>
      <c r="AB43696">
        <v>36</v>
      </c>
      <c r="AC43696">
        <v>36</v>
      </c>
      <c r="AD43696">
        <v>36</v>
      </c>
      <c r="AE43696">
        <v>36</v>
      </c>
      <c r="AF43696">
        <v>36</v>
      </c>
      <c r="AG43696">
        <v>36</v>
      </c>
      <c r="AH43696">
        <v>36</v>
      </c>
      <c r="AI43696">
        <v>36</v>
      </c>
      <c r="AJ43696">
        <v>36</v>
      </c>
      <c r="AK43696">
        <v>36</v>
      </c>
      <c r="AL43696">
        <v>36</v>
      </c>
      <c r="AM43696">
        <v>36</v>
      </c>
      <c r="AN43696">
        <v>36</v>
      </c>
      <c r="AO43696">
        <v>36</v>
      </c>
      <c r="AP43696">
        <v>36</v>
      </c>
      <c r="AQ43696">
        <v>36</v>
      </c>
    </row>
    <row r="43697" spans="1:43">
      <c r="A43697" t="s">
        <v>26669</v>
      </c>
      <c r="B43697" t="s">
        <v>26670</v>
      </c>
      <c r="C43697" t="s">
        <v>16935</v>
      </c>
      <c r="D43697" t="s">
        <v>16936</v>
      </c>
      <c r="E43697" t="s">
        <v>16923</v>
      </c>
      <c r="F43697" t="s">
        <v>16924</v>
      </c>
      <c r="G43697" t="s">
        <v>16559</v>
      </c>
      <c r="H43697" t="s">
        <v>16560</v>
      </c>
      <c r="I43697" s="2">
        <v>1</v>
      </c>
      <c r="J43697" s="2">
        <v>0</v>
      </c>
      <c r="K43697" s="2">
        <v>0</v>
      </c>
      <c r="L43697" t="s">
        <v>120</v>
      </c>
      <c r="M43697" t="s">
        <v>83</v>
      </c>
      <c r="N43697" t="s">
        <v>91</v>
      </c>
      <c r="O43697" t="s">
        <v>85</v>
      </c>
      <c r="P43697" t="s">
        <v>86</v>
      </c>
      <c r="Q43697">
        <v>31</v>
      </c>
      <c r="R43697">
        <v>31</v>
      </c>
      <c r="S43697">
        <v>31</v>
      </c>
      <c r="T43697">
        <v>31</v>
      </c>
      <c r="U43697">
        <v>32</v>
      </c>
      <c r="V43697">
        <v>32</v>
      </c>
      <c r="W43697">
        <v>32</v>
      </c>
      <c r="X43697">
        <v>32</v>
      </c>
      <c r="Y43697">
        <v>33</v>
      </c>
      <c r="Z43697">
        <v>33</v>
      </c>
      <c r="AA43697">
        <v>33</v>
      </c>
      <c r="AB43697">
        <v>33</v>
      </c>
      <c r="AC43697">
        <v>34</v>
      </c>
      <c r="AD43697">
        <v>34</v>
      </c>
      <c r="AE43697">
        <v>34</v>
      </c>
      <c r="AF43697">
        <v>34</v>
      </c>
      <c r="AG43697">
        <v>34</v>
      </c>
      <c r="AH43697">
        <v>35</v>
      </c>
      <c r="AI43697">
        <v>35</v>
      </c>
      <c r="AJ43697">
        <v>35</v>
      </c>
      <c r="AK43697">
        <v>35</v>
      </c>
      <c r="AL43697">
        <v>35</v>
      </c>
      <c r="AM43697">
        <v>35</v>
      </c>
      <c r="AN43697">
        <v>35</v>
      </c>
      <c r="AO43697">
        <v>35</v>
      </c>
      <c r="AP43697">
        <v>35</v>
      </c>
      <c r="AQ43697">
        <v>35</v>
      </c>
    </row>
    <row r="43698" spans="1:43">
      <c r="A43698" t="s">
        <v>26671</v>
      </c>
      <c r="B43698" t="s">
        <v>26672</v>
      </c>
      <c r="C43698" t="s">
        <v>17009</v>
      </c>
      <c r="D43698" t="s">
        <v>17010</v>
      </c>
      <c r="E43698" t="s">
        <v>16923</v>
      </c>
      <c r="F43698" t="s">
        <v>16924</v>
      </c>
      <c r="G43698" t="s">
        <v>16559</v>
      </c>
      <c r="H43698" t="s">
        <v>16560</v>
      </c>
      <c r="I43698" s="2">
        <v>1</v>
      </c>
      <c r="J43698" s="2">
        <v>0</v>
      </c>
      <c r="K43698" s="2">
        <v>0</v>
      </c>
      <c r="L43698" t="s">
        <v>120</v>
      </c>
      <c r="M43698" t="s">
        <v>83</v>
      </c>
      <c r="N43698" t="s">
        <v>84</v>
      </c>
      <c r="O43698" t="s">
        <v>85</v>
      </c>
      <c r="P43698" t="s">
        <v>86</v>
      </c>
      <c r="Q43698">
        <v>32</v>
      </c>
      <c r="R43698">
        <v>33</v>
      </c>
      <c r="S43698">
        <v>33</v>
      </c>
      <c r="T43698">
        <v>33</v>
      </c>
      <c r="U43698">
        <v>33</v>
      </c>
      <c r="V43698">
        <v>33</v>
      </c>
      <c r="W43698">
        <v>34</v>
      </c>
      <c r="X43698">
        <v>34</v>
      </c>
      <c r="Y43698">
        <v>34</v>
      </c>
      <c r="Z43698">
        <v>34</v>
      </c>
      <c r="AA43698">
        <v>34</v>
      </c>
      <c r="AB43698">
        <v>35</v>
      </c>
      <c r="AC43698">
        <v>35</v>
      </c>
      <c r="AD43698">
        <v>35</v>
      </c>
      <c r="AE43698">
        <v>35</v>
      </c>
      <c r="AF43698">
        <v>35</v>
      </c>
      <c r="AG43698">
        <v>36</v>
      </c>
      <c r="AH43698">
        <v>36</v>
      </c>
      <c r="AI43698">
        <v>36</v>
      </c>
      <c r="AJ43698">
        <v>36</v>
      </c>
      <c r="AK43698">
        <v>36</v>
      </c>
      <c r="AL43698">
        <v>36</v>
      </c>
      <c r="AM43698">
        <v>36</v>
      </c>
      <c r="AN43698">
        <v>36</v>
      </c>
      <c r="AO43698">
        <v>36</v>
      </c>
      <c r="AP43698">
        <v>36</v>
      </c>
      <c r="AQ43698">
        <v>36</v>
      </c>
    </row>
    <row r="43699" spans="1:43">
      <c r="A43699" t="s">
        <v>26671</v>
      </c>
      <c r="B43699" t="s">
        <v>26672</v>
      </c>
      <c r="C43699" t="s">
        <v>17009</v>
      </c>
      <c r="D43699" t="s">
        <v>17010</v>
      </c>
      <c r="E43699" t="s">
        <v>16923</v>
      </c>
      <c r="F43699" t="s">
        <v>16924</v>
      </c>
      <c r="G43699" t="s">
        <v>16559</v>
      </c>
      <c r="H43699" t="s">
        <v>16560</v>
      </c>
      <c r="I43699" s="2">
        <v>1</v>
      </c>
      <c r="J43699" s="2">
        <v>0</v>
      </c>
      <c r="K43699" s="2">
        <v>0</v>
      </c>
      <c r="L43699" t="s">
        <v>120</v>
      </c>
      <c r="M43699" t="s">
        <v>87</v>
      </c>
      <c r="N43699" t="s">
        <v>88</v>
      </c>
      <c r="O43699" t="s">
        <v>85</v>
      </c>
      <c r="P43699" t="s">
        <v>86</v>
      </c>
      <c r="Q43699">
        <v>32</v>
      </c>
      <c r="R43699">
        <v>32</v>
      </c>
      <c r="S43699">
        <v>32</v>
      </c>
      <c r="T43699">
        <v>32</v>
      </c>
      <c r="U43699">
        <v>32</v>
      </c>
      <c r="V43699">
        <v>32</v>
      </c>
      <c r="W43699">
        <v>32</v>
      </c>
      <c r="X43699">
        <v>32</v>
      </c>
      <c r="Y43699">
        <v>32</v>
      </c>
      <c r="Z43699">
        <v>31</v>
      </c>
      <c r="AA43699">
        <v>31</v>
      </c>
      <c r="AB43699">
        <v>31</v>
      </c>
      <c r="AC43699">
        <v>31</v>
      </c>
      <c r="AD43699">
        <v>31</v>
      </c>
      <c r="AE43699">
        <v>31</v>
      </c>
      <c r="AF43699">
        <v>31</v>
      </c>
      <c r="AG43699">
        <v>31</v>
      </c>
      <c r="AH43699">
        <v>31</v>
      </c>
      <c r="AI43699">
        <v>31</v>
      </c>
      <c r="AJ43699">
        <v>31</v>
      </c>
      <c r="AK43699">
        <v>31</v>
      </c>
      <c r="AL43699">
        <v>31</v>
      </c>
      <c r="AM43699">
        <v>31</v>
      </c>
      <c r="AN43699">
        <v>31</v>
      </c>
      <c r="AO43699">
        <v>31</v>
      </c>
      <c r="AP43699">
        <v>31</v>
      </c>
      <c r="AQ43699">
        <v>31</v>
      </c>
    </row>
    <row r="43700" spans="1:43">
      <c r="A43700" t="s">
        <v>26671</v>
      </c>
      <c r="B43700" t="s">
        <v>26672</v>
      </c>
      <c r="C43700" t="s">
        <v>17009</v>
      </c>
      <c r="D43700" t="s">
        <v>17010</v>
      </c>
      <c r="E43700" t="s">
        <v>16923</v>
      </c>
      <c r="F43700" t="s">
        <v>16924</v>
      </c>
      <c r="G43700" t="s">
        <v>16559</v>
      </c>
      <c r="H43700" t="s">
        <v>16560</v>
      </c>
      <c r="I43700" s="2">
        <v>1</v>
      </c>
      <c r="J43700" s="2">
        <v>0</v>
      </c>
      <c r="K43700" s="2">
        <v>0</v>
      </c>
      <c r="L43700" t="s">
        <v>120</v>
      </c>
      <c r="M43700" t="s">
        <v>89</v>
      </c>
      <c r="N43700" t="s">
        <v>90</v>
      </c>
      <c r="O43700" t="s">
        <v>85</v>
      </c>
      <c r="P43700" t="s">
        <v>86</v>
      </c>
      <c r="Q43700">
        <v>32</v>
      </c>
      <c r="R43700">
        <v>32</v>
      </c>
      <c r="S43700">
        <v>33</v>
      </c>
      <c r="T43700">
        <v>33</v>
      </c>
      <c r="U43700">
        <v>34</v>
      </c>
      <c r="V43700">
        <v>34</v>
      </c>
      <c r="W43700">
        <v>34</v>
      </c>
      <c r="X43700">
        <v>35</v>
      </c>
      <c r="Y43700">
        <v>35</v>
      </c>
      <c r="Z43700">
        <v>35</v>
      </c>
      <c r="AA43700">
        <v>36</v>
      </c>
      <c r="AB43700">
        <v>36</v>
      </c>
      <c r="AC43700">
        <v>36</v>
      </c>
      <c r="AD43700">
        <v>37</v>
      </c>
      <c r="AE43700">
        <v>37</v>
      </c>
      <c r="AF43700">
        <v>37</v>
      </c>
      <c r="AG43700">
        <v>36</v>
      </c>
      <c r="AH43700">
        <v>36</v>
      </c>
      <c r="AI43700">
        <v>36</v>
      </c>
      <c r="AJ43700">
        <v>36</v>
      </c>
      <c r="AK43700">
        <v>36</v>
      </c>
      <c r="AL43700">
        <v>36</v>
      </c>
      <c r="AM43700">
        <v>36</v>
      </c>
      <c r="AN43700">
        <v>36</v>
      </c>
      <c r="AO43700">
        <v>35</v>
      </c>
      <c r="AP43700">
        <v>35</v>
      </c>
      <c r="AQ43700">
        <v>35</v>
      </c>
    </row>
    <row r="43701" spans="1:43">
      <c r="A43701" t="s">
        <v>26671</v>
      </c>
      <c r="B43701" t="s">
        <v>26672</v>
      </c>
      <c r="C43701" t="s">
        <v>17009</v>
      </c>
      <c r="D43701" t="s">
        <v>17010</v>
      </c>
      <c r="E43701" t="s">
        <v>16923</v>
      </c>
      <c r="F43701" t="s">
        <v>16924</v>
      </c>
      <c r="G43701" t="s">
        <v>16559</v>
      </c>
      <c r="H43701" t="s">
        <v>16560</v>
      </c>
      <c r="I43701" s="2">
        <v>1</v>
      </c>
      <c r="J43701" s="2">
        <v>0</v>
      </c>
      <c r="K43701" s="2">
        <v>0</v>
      </c>
      <c r="L43701" t="s">
        <v>120</v>
      </c>
      <c r="M43701" t="s">
        <v>83</v>
      </c>
      <c r="N43701" t="s">
        <v>91</v>
      </c>
      <c r="O43701" t="s">
        <v>85</v>
      </c>
      <c r="P43701" t="s">
        <v>86</v>
      </c>
      <c r="Q43701">
        <v>32</v>
      </c>
      <c r="R43701">
        <v>33</v>
      </c>
      <c r="S43701">
        <v>33</v>
      </c>
      <c r="T43701">
        <v>33</v>
      </c>
      <c r="U43701">
        <v>33</v>
      </c>
      <c r="V43701">
        <v>33</v>
      </c>
      <c r="W43701">
        <v>34</v>
      </c>
      <c r="X43701">
        <v>34</v>
      </c>
      <c r="Y43701">
        <v>34</v>
      </c>
      <c r="Z43701">
        <v>34</v>
      </c>
      <c r="AA43701">
        <v>34</v>
      </c>
      <c r="AB43701">
        <v>35</v>
      </c>
      <c r="AC43701">
        <v>35</v>
      </c>
      <c r="AD43701">
        <v>35</v>
      </c>
      <c r="AE43701">
        <v>35</v>
      </c>
      <c r="AF43701">
        <v>35</v>
      </c>
      <c r="AG43701">
        <v>36</v>
      </c>
      <c r="AH43701">
        <v>36</v>
      </c>
      <c r="AI43701">
        <v>36</v>
      </c>
      <c r="AJ43701">
        <v>36</v>
      </c>
      <c r="AK43701">
        <v>36</v>
      </c>
      <c r="AL43701">
        <v>36</v>
      </c>
      <c r="AM43701">
        <v>36</v>
      </c>
      <c r="AN43701">
        <v>36</v>
      </c>
      <c r="AO43701">
        <v>36</v>
      </c>
      <c r="AP43701">
        <v>36</v>
      </c>
      <c r="AQ43701">
        <v>36</v>
      </c>
    </row>
    <row r="43702" spans="1:43">
      <c r="A43702" t="s">
        <v>26673</v>
      </c>
      <c r="B43702" t="s">
        <v>26674</v>
      </c>
      <c r="C43702" t="s">
        <v>17009</v>
      </c>
      <c r="D43702" t="s">
        <v>17010</v>
      </c>
      <c r="E43702" t="s">
        <v>16923</v>
      </c>
      <c r="F43702" t="s">
        <v>16924</v>
      </c>
      <c r="G43702" t="s">
        <v>16559</v>
      </c>
      <c r="H43702" t="s">
        <v>16560</v>
      </c>
      <c r="I43702" s="2">
        <v>1</v>
      </c>
      <c r="J43702" s="2">
        <v>0</v>
      </c>
      <c r="K43702" s="2">
        <v>0</v>
      </c>
      <c r="L43702" t="s">
        <v>120</v>
      </c>
      <c r="M43702" t="s">
        <v>83</v>
      </c>
      <c r="N43702" t="s">
        <v>84</v>
      </c>
      <c r="O43702" t="s">
        <v>85</v>
      </c>
      <c r="P43702" t="s">
        <v>86</v>
      </c>
      <c r="Q43702">
        <v>211</v>
      </c>
      <c r="R43702">
        <v>213</v>
      </c>
      <c r="S43702">
        <v>214</v>
      </c>
      <c r="T43702">
        <v>215</v>
      </c>
      <c r="U43702">
        <v>217</v>
      </c>
      <c r="V43702">
        <v>218</v>
      </c>
      <c r="W43702">
        <v>220</v>
      </c>
      <c r="X43702">
        <v>221</v>
      </c>
      <c r="Y43702">
        <v>222</v>
      </c>
      <c r="Z43702">
        <v>223</v>
      </c>
      <c r="AA43702">
        <v>225</v>
      </c>
      <c r="AB43702">
        <v>226</v>
      </c>
      <c r="AC43702">
        <v>227</v>
      </c>
      <c r="AD43702">
        <v>228</v>
      </c>
      <c r="AE43702">
        <v>229</v>
      </c>
      <c r="AF43702">
        <v>230</v>
      </c>
      <c r="AG43702">
        <v>231</v>
      </c>
      <c r="AH43702">
        <v>233</v>
      </c>
      <c r="AI43702">
        <v>234</v>
      </c>
      <c r="AJ43702">
        <v>235</v>
      </c>
      <c r="AK43702">
        <v>236</v>
      </c>
      <c r="AL43702">
        <v>236</v>
      </c>
      <c r="AM43702">
        <v>235</v>
      </c>
      <c r="AN43702">
        <v>234</v>
      </c>
      <c r="AO43702">
        <v>233</v>
      </c>
      <c r="AP43702">
        <v>233</v>
      </c>
      <c r="AQ43702">
        <v>232</v>
      </c>
    </row>
    <row r="43703" spans="1:43">
      <c r="A43703" t="s">
        <v>26673</v>
      </c>
      <c r="B43703" t="s">
        <v>26674</v>
      </c>
      <c r="C43703" t="s">
        <v>17009</v>
      </c>
      <c r="D43703" t="s">
        <v>17010</v>
      </c>
      <c r="E43703" t="s">
        <v>16923</v>
      </c>
      <c r="F43703" t="s">
        <v>16924</v>
      </c>
      <c r="G43703" t="s">
        <v>16559</v>
      </c>
      <c r="H43703" t="s">
        <v>16560</v>
      </c>
      <c r="I43703" s="2">
        <v>1</v>
      </c>
      <c r="J43703" s="2">
        <v>0</v>
      </c>
      <c r="K43703" s="2">
        <v>0</v>
      </c>
      <c r="L43703" t="s">
        <v>120</v>
      </c>
      <c r="M43703" t="s">
        <v>87</v>
      </c>
      <c r="N43703" t="s">
        <v>88</v>
      </c>
      <c r="O43703" t="s">
        <v>85</v>
      </c>
      <c r="P43703" t="s">
        <v>86</v>
      </c>
      <c r="Q43703">
        <v>211</v>
      </c>
      <c r="R43703">
        <v>211</v>
      </c>
      <c r="S43703">
        <v>210</v>
      </c>
      <c r="T43703">
        <v>210</v>
      </c>
      <c r="U43703">
        <v>209</v>
      </c>
      <c r="V43703">
        <v>209</v>
      </c>
      <c r="W43703">
        <v>208</v>
      </c>
      <c r="X43703">
        <v>208</v>
      </c>
      <c r="Y43703">
        <v>207</v>
      </c>
      <c r="Z43703">
        <v>207</v>
      </c>
      <c r="AA43703">
        <v>207</v>
      </c>
      <c r="AB43703">
        <v>206</v>
      </c>
      <c r="AC43703">
        <v>206</v>
      </c>
      <c r="AD43703">
        <v>206</v>
      </c>
      <c r="AE43703">
        <v>205</v>
      </c>
      <c r="AF43703">
        <v>205</v>
      </c>
      <c r="AG43703">
        <v>204</v>
      </c>
      <c r="AH43703">
        <v>204</v>
      </c>
      <c r="AI43703">
        <v>204</v>
      </c>
      <c r="AJ43703">
        <v>204</v>
      </c>
      <c r="AK43703">
        <v>203</v>
      </c>
      <c r="AL43703">
        <v>203</v>
      </c>
      <c r="AM43703">
        <v>203</v>
      </c>
      <c r="AN43703">
        <v>202</v>
      </c>
      <c r="AO43703">
        <v>202</v>
      </c>
      <c r="AP43703">
        <v>202</v>
      </c>
      <c r="AQ43703">
        <v>202</v>
      </c>
    </row>
    <row r="43704" spans="1:43">
      <c r="A43704" t="s">
        <v>26673</v>
      </c>
      <c r="B43704" t="s">
        <v>26674</v>
      </c>
      <c r="C43704" t="s">
        <v>17009</v>
      </c>
      <c r="D43704" t="s">
        <v>17010</v>
      </c>
      <c r="E43704" t="s">
        <v>16923</v>
      </c>
      <c r="F43704" t="s">
        <v>16924</v>
      </c>
      <c r="G43704" t="s">
        <v>16559</v>
      </c>
      <c r="H43704" t="s">
        <v>16560</v>
      </c>
      <c r="I43704" s="2">
        <v>1</v>
      </c>
      <c r="J43704" s="2">
        <v>0</v>
      </c>
      <c r="K43704" s="2">
        <v>0</v>
      </c>
      <c r="L43704" t="s">
        <v>120</v>
      </c>
      <c r="M43704" t="s">
        <v>89</v>
      </c>
      <c r="N43704" t="s">
        <v>90</v>
      </c>
      <c r="O43704" t="s">
        <v>85</v>
      </c>
      <c r="P43704" t="s">
        <v>86</v>
      </c>
      <c r="Q43704">
        <v>211</v>
      </c>
      <c r="R43704">
        <v>214</v>
      </c>
      <c r="S43704">
        <v>218</v>
      </c>
      <c r="T43704">
        <v>221</v>
      </c>
      <c r="U43704">
        <v>223</v>
      </c>
      <c r="V43704">
        <v>226</v>
      </c>
      <c r="W43704">
        <v>229</v>
      </c>
      <c r="X43704">
        <v>231</v>
      </c>
      <c r="Y43704">
        <v>233</v>
      </c>
      <c r="Z43704">
        <v>235</v>
      </c>
      <c r="AA43704">
        <v>237</v>
      </c>
      <c r="AB43704">
        <v>239</v>
      </c>
      <c r="AC43704">
        <v>241</v>
      </c>
      <c r="AD43704">
        <v>243</v>
      </c>
      <c r="AE43704">
        <v>244</v>
      </c>
      <c r="AF43704">
        <v>243</v>
      </c>
      <c r="AG43704">
        <v>242</v>
      </c>
      <c r="AH43704">
        <v>241</v>
      </c>
      <c r="AI43704">
        <v>240</v>
      </c>
      <c r="AJ43704">
        <v>239</v>
      </c>
      <c r="AK43704">
        <v>239</v>
      </c>
      <c r="AL43704">
        <v>238</v>
      </c>
      <c r="AM43704">
        <v>237</v>
      </c>
      <c r="AN43704">
        <v>236</v>
      </c>
      <c r="AO43704">
        <v>235</v>
      </c>
      <c r="AP43704">
        <v>235</v>
      </c>
      <c r="AQ43704">
        <v>234</v>
      </c>
    </row>
    <row r="43705" spans="1:43">
      <c r="A43705" t="s">
        <v>26673</v>
      </c>
      <c r="B43705" t="s">
        <v>26674</v>
      </c>
      <c r="C43705" t="s">
        <v>17009</v>
      </c>
      <c r="D43705" t="s">
        <v>17010</v>
      </c>
      <c r="E43705" t="s">
        <v>16923</v>
      </c>
      <c r="F43705" t="s">
        <v>16924</v>
      </c>
      <c r="G43705" t="s">
        <v>16559</v>
      </c>
      <c r="H43705" t="s">
        <v>16560</v>
      </c>
      <c r="I43705" s="2">
        <v>1</v>
      </c>
      <c r="J43705" s="2">
        <v>0</v>
      </c>
      <c r="K43705" s="2">
        <v>0</v>
      </c>
      <c r="L43705" t="s">
        <v>120</v>
      </c>
      <c r="M43705" t="s">
        <v>83</v>
      </c>
      <c r="N43705" t="s">
        <v>91</v>
      </c>
      <c r="O43705" t="s">
        <v>85</v>
      </c>
      <c r="P43705" t="s">
        <v>86</v>
      </c>
      <c r="Q43705">
        <v>211</v>
      </c>
      <c r="R43705">
        <v>213</v>
      </c>
      <c r="S43705">
        <v>214</v>
      </c>
      <c r="T43705">
        <v>215</v>
      </c>
      <c r="U43705">
        <v>217</v>
      </c>
      <c r="V43705">
        <v>218</v>
      </c>
      <c r="W43705">
        <v>220</v>
      </c>
      <c r="X43705">
        <v>221</v>
      </c>
      <c r="Y43705">
        <v>222</v>
      </c>
      <c r="Z43705">
        <v>223</v>
      </c>
      <c r="AA43705">
        <v>225</v>
      </c>
      <c r="AB43705">
        <v>226</v>
      </c>
      <c r="AC43705">
        <v>227</v>
      </c>
      <c r="AD43705">
        <v>228</v>
      </c>
      <c r="AE43705">
        <v>229</v>
      </c>
      <c r="AF43705">
        <v>230</v>
      </c>
      <c r="AG43705">
        <v>231</v>
      </c>
      <c r="AH43705">
        <v>233</v>
      </c>
      <c r="AI43705">
        <v>234</v>
      </c>
      <c r="AJ43705">
        <v>235</v>
      </c>
      <c r="AK43705">
        <v>236</v>
      </c>
      <c r="AL43705">
        <v>236</v>
      </c>
      <c r="AM43705">
        <v>235</v>
      </c>
      <c r="AN43705">
        <v>234</v>
      </c>
      <c r="AO43705">
        <v>233</v>
      </c>
      <c r="AP43705">
        <v>233</v>
      </c>
      <c r="AQ43705">
        <v>232</v>
      </c>
    </row>
    <row r="43706" spans="1:43">
      <c r="A43706" t="s">
        <v>26675</v>
      </c>
      <c r="B43706" t="s">
        <v>26676</v>
      </c>
      <c r="C43706" t="s">
        <v>17155</v>
      </c>
      <c r="D43706" t="s">
        <v>17156</v>
      </c>
      <c r="E43706" t="s">
        <v>17115</v>
      </c>
      <c r="F43706" t="s">
        <v>17116</v>
      </c>
      <c r="G43706" t="s">
        <v>16559</v>
      </c>
      <c r="H43706" t="s">
        <v>16560</v>
      </c>
      <c r="I43706" s="2">
        <v>1</v>
      </c>
      <c r="J43706" s="2">
        <v>0</v>
      </c>
      <c r="K43706" s="2">
        <v>0</v>
      </c>
      <c r="L43706" t="s">
        <v>120</v>
      </c>
      <c r="M43706" t="s">
        <v>83</v>
      </c>
      <c r="N43706" t="s">
        <v>84</v>
      </c>
      <c r="O43706" t="s">
        <v>85</v>
      </c>
      <c r="P43706" t="s">
        <v>86</v>
      </c>
      <c r="Q43706">
        <v>28</v>
      </c>
      <c r="R43706">
        <v>29</v>
      </c>
      <c r="S43706">
        <v>29</v>
      </c>
      <c r="T43706">
        <v>30</v>
      </c>
      <c r="U43706">
        <v>30</v>
      </c>
      <c r="V43706">
        <v>31</v>
      </c>
      <c r="W43706">
        <v>31</v>
      </c>
      <c r="X43706">
        <v>32</v>
      </c>
      <c r="Y43706">
        <v>32</v>
      </c>
      <c r="Z43706">
        <v>33</v>
      </c>
      <c r="AA43706">
        <v>34</v>
      </c>
      <c r="AB43706">
        <v>34</v>
      </c>
      <c r="AC43706">
        <v>35</v>
      </c>
      <c r="AD43706">
        <v>35</v>
      </c>
      <c r="AE43706">
        <v>36</v>
      </c>
      <c r="AF43706">
        <v>36</v>
      </c>
      <c r="AG43706">
        <v>37</v>
      </c>
      <c r="AH43706">
        <v>38</v>
      </c>
      <c r="AI43706">
        <v>38</v>
      </c>
      <c r="AJ43706">
        <v>39</v>
      </c>
      <c r="AK43706">
        <v>39</v>
      </c>
      <c r="AL43706">
        <v>40</v>
      </c>
      <c r="AM43706">
        <v>40</v>
      </c>
      <c r="AN43706">
        <v>40</v>
      </c>
      <c r="AO43706">
        <v>40</v>
      </c>
      <c r="AP43706">
        <v>40</v>
      </c>
      <c r="AQ43706">
        <v>41</v>
      </c>
    </row>
    <row r="43707" spans="1:43">
      <c r="A43707" t="s">
        <v>26675</v>
      </c>
      <c r="B43707" t="s">
        <v>26676</v>
      </c>
      <c r="C43707" t="s">
        <v>17155</v>
      </c>
      <c r="D43707" t="s">
        <v>17156</v>
      </c>
      <c r="E43707" t="s">
        <v>17115</v>
      </c>
      <c r="F43707" t="s">
        <v>17116</v>
      </c>
      <c r="G43707" t="s">
        <v>16559</v>
      </c>
      <c r="H43707" t="s">
        <v>16560</v>
      </c>
      <c r="I43707" s="2">
        <v>1</v>
      </c>
      <c r="J43707" s="2">
        <v>0</v>
      </c>
      <c r="K43707" s="2">
        <v>0</v>
      </c>
      <c r="L43707" t="s">
        <v>120</v>
      </c>
      <c r="M43707" t="s">
        <v>87</v>
      </c>
      <c r="N43707" t="s">
        <v>88</v>
      </c>
      <c r="O43707" t="s">
        <v>85</v>
      </c>
      <c r="P43707" t="s">
        <v>86</v>
      </c>
      <c r="Q43707">
        <v>28</v>
      </c>
      <c r="R43707">
        <v>28</v>
      </c>
      <c r="S43707">
        <v>28</v>
      </c>
      <c r="T43707">
        <v>29</v>
      </c>
      <c r="U43707">
        <v>29</v>
      </c>
      <c r="V43707">
        <v>29</v>
      </c>
      <c r="W43707">
        <v>30</v>
      </c>
      <c r="X43707">
        <v>30</v>
      </c>
      <c r="Y43707">
        <v>30</v>
      </c>
      <c r="Z43707">
        <v>30</v>
      </c>
      <c r="AA43707">
        <v>31</v>
      </c>
      <c r="AB43707">
        <v>31</v>
      </c>
      <c r="AC43707">
        <v>31</v>
      </c>
      <c r="AD43707">
        <v>31</v>
      </c>
      <c r="AE43707">
        <v>32</v>
      </c>
      <c r="AF43707">
        <v>32</v>
      </c>
      <c r="AG43707">
        <v>32</v>
      </c>
      <c r="AH43707">
        <v>33</v>
      </c>
      <c r="AI43707">
        <v>33</v>
      </c>
      <c r="AJ43707">
        <v>33</v>
      </c>
      <c r="AK43707">
        <v>33</v>
      </c>
      <c r="AL43707">
        <v>34</v>
      </c>
      <c r="AM43707">
        <v>34</v>
      </c>
      <c r="AN43707">
        <v>34</v>
      </c>
      <c r="AO43707">
        <v>35</v>
      </c>
      <c r="AP43707">
        <v>35</v>
      </c>
      <c r="AQ43707">
        <v>35</v>
      </c>
    </row>
    <row r="43708" spans="1:43">
      <c r="A43708" t="s">
        <v>26675</v>
      </c>
      <c r="B43708" t="s">
        <v>26676</v>
      </c>
      <c r="C43708" t="s">
        <v>17155</v>
      </c>
      <c r="D43708" t="s">
        <v>17156</v>
      </c>
      <c r="E43708" t="s">
        <v>17115</v>
      </c>
      <c r="F43708" t="s">
        <v>17116</v>
      </c>
      <c r="G43708" t="s">
        <v>16559</v>
      </c>
      <c r="H43708" t="s">
        <v>16560</v>
      </c>
      <c r="I43708" s="2">
        <v>1</v>
      </c>
      <c r="J43708" s="2">
        <v>0</v>
      </c>
      <c r="K43708" s="2">
        <v>0</v>
      </c>
      <c r="L43708" t="s">
        <v>120</v>
      </c>
      <c r="M43708" t="s">
        <v>89</v>
      </c>
      <c r="N43708" t="s">
        <v>90</v>
      </c>
      <c r="O43708" t="s">
        <v>85</v>
      </c>
      <c r="P43708" t="s">
        <v>86</v>
      </c>
      <c r="Q43708">
        <v>28</v>
      </c>
      <c r="R43708">
        <v>29</v>
      </c>
      <c r="S43708">
        <v>30</v>
      </c>
      <c r="T43708">
        <v>31</v>
      </c>
      <c r="U43708">
        <v>31</v>
      </c>
      <c r="V43708">
        <v>32</v>
      </c>
      <c r="W43708">
        <v>33</v>
      </c>
      <c r="X43708">
        <v>34</v>
      </c>
      <c r="Y43708">
        <v>34</v>
      </c>
      <c r="Z43708">
        <v>35</v>
      </c>
      <c r="AA43708">
        <v>36</v>
      </c>
      <c r="AB43708">
        <v>36</v>
      </c>
      <c r="AC43708">
        <v>37</v>
      </c>
      <c r="AD43708">
        <v>38</v>
      </c>
      <c r="AE43708">
        <v>38</v>
      </c>
      <c r="AF43708">
        <v>39</v>
      </c>
      <c r="AG43708">
        <v>39</v>
      </c>
      <c r="AH43708">
        <v>39</v>
      </c>
      <c r="AI43708">
        <v>39</v>
      </c>
      <c r="AJ43708">
        <v>40</v>
      </c>
      <c r="AK43708">
        <v>40</v>
      </c>
      <c r="AL43708">
        <v>40</v>
      </c>
      <c r="AM43708">
        <v>40</v>
      </c>
      <c r="AN43708">
        <v>40</v>
      </c>
      <c r="AO43708">
        <v>41</v>
      </c>
      <c r="AP43708">
        <v>41</v>
      </c>
      <c r="AQ43708">
        <v>41</v>
      </c>
    </row>
    <row r="43709" spans="1:43">
      <c r="A43709" t="s">
        <v>26675</v>
      </c>
      <c r="B43709" t="s">
        <v>26676</v>
      </c>
      <c r="C43709" t="s">
        <v>17155</v>
      </c>
      <c r="D43709" t="s">
        <v>17156</v>
      </c>
      <c r="E43709" t="s">
        <v>17115</v>
      </c>
      <c r="F43709" t="s">
        <v>17116</v>
      </c>
      <c r="G43709" t="s">
        <v>16559</v>
      </c>
      <c r="H43709" t="s">
        <v>16560</v>
      </c>
      <c r="I43709" s="2">
        <v>1</v>
      </c>
      <c r="J43709" s="2">
        <v>0</v>
      </c>
      <c r="K43709" s="2">
        <v>0</v>
      </c>
      <c r="L43709" t="s">
        <v>120</v>
      </c>
      <c r="M43709" t="s">
        <v>83</v>
      </c>
      <c r="N43709" t="s">
        <v>91</v>
      </c>
      <c r="O43709" t="s">
        <v>85</v>
      </c>
      <c r="P43709" t="s">
        <v>86</v>
      </c>
      <c r="Q43709">
        <v>28</v>
      </c>
      <c r="R43709">
        <v>29</v>
      </c>
      <c r="S43709">
        <v>29</v>
      </c>
      <c r="T43709">
        <v>30</v>
      </c>
      <c r="U43709">
        <v>30</v>
      </c>
      <c r="V43709">
        <v>31</v>
      </c>
      <c r="W43709">
        <v>31</v>
      </c>
      <c r="X43709">
        <v>32</v>
      </c>
      <c r="Y43709">
        <v>32</v>
      </c>
      <c r="Z43709">
        <v>33</v>
      </c>
      <c r="AA43709">
        <v>34</v>
      </c>
      <c r="AB43709">
        <v>34</v>
      </c>
      <c r="AC43709">
        <v>35</v>
      </c>
      <c r="AD43709">
        <v>35</v>
      </c>
      <c r="AE43709">
        <v>36</v>
      </c>
      <c r="AF43709">
        <v>36</v>
      </c>
      <c r="AG43709">
        <v>37</v>
      </c>
      <c r="AH43709">
        <v>38</v>
      </c>
      <c r="AI43709">
        <v>38</v>
      </c>
      <c r="AJ43709">
        <v>39</v>
      </c>
      <c r="AK43709">
        <v>39</v>
      </c>
      <c r="AL43709">
        <v>40</v>
      </c>
      <c r="AM43709">
        <v>40</v>
      </c>
      <c r="AN43709">
        <v>40</v>
      </c>
      <c r="AO43709">
        <v>40</v>
      </c>
      <c r="AP43709">
        <v>40</v>
      </c>
      <c r="AQ43709">
        <v>41</v>
      </c>
    </row>
    <row r="43710" spans="1:43">
      <c r="A43710" t="s">
        <v>26677</v>
      </c>
      <c r="B43710" t="s">
        <v>26678</v>
      </c>
      <c r="C43710" t="s">
        <v>17155</v>
      </c>
      <c r="D43710" t="s">
        <v>17156</v>
      </c>
      <c r="E43710" t="s">
        <v>17115</v>
      </c>
      <c r="F43710" t="s">
        <v>17116</v>
      </c>
      <c r="G43710" t="s">
        <v>16559</v>
      </c>
      <c r="H43710" t="s">
        <v>16560</v>
      </c>
      <c r="I43710" s="2">
        <v>1</v>
      </c>
      <c r="J43710" s="2">
        <v>0</v>
      </c>
      <c r="K43710" s="2">
        <v>0</v>
      </c>
      <c r="L43710" t="s">
        <v>120</v>
      </c>
      <c r="M43710" t="s">
        <v>83</v>
      </c>
      <c r="N43710" t="s">
        <v>84</v>
      </c>
      <c r="O43710" t="s">
        <v>85</v>
      </c>
      <c r="P43710" t="s">
        <v>86</v>
      </c>
      <c r="Q43710">
        <v>40</v>
      </c>
      <c r="R43710">
        <v>41</v>
      </c>
      <c r="S43710">
        <v>42</v>
      </c>
      <c r="T43710">
        <v>43</v>
      </c>
      <c r="U43710">
        <v>44</v>
      </c>
      <c r="V43710">
        <v>44</v>
      </c>
      <c r="W43710">
        <v>45</v>
      </c>
      <c r="X43710">
        <v>46</v>
      </c>
      <c r="Y43710">
        <v>47</v>
      </c>
      <c r="Z43710">
        <v>48</v>
      </c>
      <c r="AA43710">
        <v>48</v>
      </c>
      <c r="AB43710">
        <v>49</v>
      </c>
      <c r="AC43710">
        <v>50</v>
      </c>
      <c r="AD43710">
        <v>51</v>
      </c>
      <c r="AE43710">
        <v>52</v>
      </c>
      <c r="AF43710">
        <v>52</v>
      </c>
      <c r="AG43710">
        <v>53</v>
      </c>
      <c r="AH43710">
        <v>54</v>
      </c>
      <c r="AI43710">
        <v>55</v>
      </c>
      <c r="AJ43710">
        <v>56</v>
      </c>
      <c r="AK43710">
        <v>56</v>
      </c>
      <c r="AL43710">
        <v>57</v>
      </c>
      <c r="AM43710">
        <v>57</v>
      </c>
      <c r="AN43710">
        <v>58</v>
      </c>
      <c r="AO43710">
        <v>58</v>
      </c>
      <c r="AP43710">
        <v>58</v>
      </c>
      <c r="AQ43710">
        <v>58</v>
      </c>
    </row>
    <row r="43711" spans="1:43">
      <c r="A43711" t="s">
        <v>26677</v>
      </c>
      <c r="B43711" t="s">
        <v>26678</v>
      </c>
      <c r="C43711" t="s">
        <v>17155</v>
      </c>
      <c r="D43711" t="s">
        <v>17156</v>
      </c>
      <c r="E43711" t="s">
        <v>17115</v>
      </c>
      <c r="F43711" t="s">
        <v>17116</v>
      </c>
      <c r="G43711" t="s">
        <v>16559</v>
      </c>
      <c r="H43711" t="s">
        <v>16560</v>
      </c>
      <c r="I43711" s="2">
        <v>1</v>
      </c>
      <c r="J43711" s="2">
        <v>0</v>
      </c>
      <c r="K43711" s="2">
        <v>0</v>
      </c>
      <c r="L43711" t="s">
        <v>120</v>
      </c>
      <c r="M43711" t="s">
        <v>87</v>
      </c>
      <c r="N43711" t="s">
        <v>88</v>
      </c>
      <c r="O43711" t="s">
        <v>85</v>
      </c>
      <c r="P43711" t="s">
        <v>86</v>
      </c>
      <c r="Q43711">
        <v>40</v>
      </c>
      <c r="R43711">
        <v>40</v>
      </c>
      <c r="S43711">
        <v>41</v>
      </c>
      <c r="T43711">
        <v>41</v>
      </c>
      <c r="U43711">
        <v>42</v>
      </c>
      <c r="V43711">
        <v>42</v>
      </c>
      <c r="W43711">
        <v>42</v>
      </c>
      <c r="X43711">
        <v>43</v>
      </c>
      <c r="Y43711">
        <v>43</v>
      </c>
      <c r="Z43711">
        <v>44</v>
      </c>
      <c r="AA43711">
        <v>44</v>
      </c>
      <c r="AB43711">
        <v>44</v>
      </c>
      <c r="AC43711">
        <v>45</v>
      </c>
      <c r="AD43711">
        <v>45</v>
      </c>
      <c r="AE43711">
        <v>46</v>
      </c>
      <c r="AF43711">
        <v>46</v>
      </c>
      <c r="AG43711">
        <v>46</v>
      </c>
      <c r="AH43711">
        <v>47</v>
      </c>
      <c r="AI43711">
        <v>47</v>
      </c>
      <c r="AJ43711">
        <v>48</v>
      </c>
      <c r="AK43711">
        <v>48</v>
      </c>
      <c r="AL43711">
        <v>48</v>
      </c>
      <c r="AM43711">
        <v>49</v>
      </c>
      <c r="AN43711">
        <v>49</v>
      </c>
      <c r="AO43711">
        <v>50</v>
      </c>
      <c r="AP43711">
        <v>50</v>
      </c>
      <c r="AQ43711">
        <v>51</v>
      </c>
    </row>
    <row r="43712" spans="1:43">
      <c r="A43712" t="s">
        <v>26677</v>
      </c>
      <c r="B43712" t="s">
        <v>26678</v>
      </c>
      <c r="C43712" t="s">
        <v>17155</v>
      </c>
      <c r="D43712" t="s">
        <v>17156</v>
      </c>
      <c r="E43712" t="s">
        <v>17115</v>
      </c>
      <c r="F43712" t="s">
        <v>17116</v>
      </c>
      <c r="G43712" t="s">
        <v>16559</v>
      </c>
      <c r="H43712" t="s">
        <v>16560</v>
      </c>
      <c r="I43712" s="2">
        <v>1</v>
      </c>
      <c r="J43712" s="2">
        <v>0</v>
      </c>
      <c r="K43712" s="2">
        <v>0</v>
      </c>
      <c r="L43712" t="s">
        <v>120</v>
      </c>
      <c r="M43712" t="s">
        <v>89</v>
      </c>
      <c r="N43712" t="s">
        <v>90</v>
      </c>
      <c r="O43712" t="s">
        <v>85</v>
      </c>
      <c r="P43712" t="s">
        <v>86</v>
      </c>
      <c r="Q43712">
        <v>40</v>
      </c>
      <c r="R43712">
        <v>41</v>
      </c>
      <c r="S43712">
        <v>42</v>
      </c>
      <c r="T43712">
        <v>43</v>
      </c>
      <c r="U43712">
        <v>44</v>
      </c>
      <c r="V43712">
        <v>45</v>
      </c>
      <c r="W43712">
        <v>46</v>
      </c>
      <c r="X43712">
        <v>47</v>
      </c>
      <c r="Y43712">
        <v>48</v>
      </c>
      <c r="Z43712">
        <v>49</v>
      </c>
      <c r="AA43712">
        <v>50</v>
      </c>
      <c r="AB43712">
        <v>51</v>
      </c>
      <c r="AC43712">
        <v>53</v>
      </c>
      <c r="AD43712">
        <v>54</v>
      </c>
      <c r="AE43712">
        <v>54</v>
      </c>
      <c r="AF43712">
        <v>55</v>
      </c>
      <c r="AG43712">
        <v>55</v>
      </c>
      <c r="AH43712">
        <v>55</v>
      </c>
      <c r="AI43712">
        <v>56</v>
      </c>
      <c r="AJ43712">
        <v>56</v>
      </c>
      <c r="AK43712">
        <v>56</v>
      </c>
      <c r="AL43712">
        <v>56</v>
      </c>
      <c r="AM43712">
        <v>57</v>
      </c>
      <c r="AN43712">
        <v>57</v>
      </c>
      <c r="AO43712">
        <v>57</v>
      </c>
      <c r="AP43712">
        <v>58</v>
      </c>
      <c r="AQ43712">
        <v>58</v>
      </c>
    </row>
    <row r="43713" spans="1:43">
      <c r="A43713" t="s">
        <v>26677</v>
      </c>
      <c r="B43713" t="s">
        <v>26678</v>
      </c>
      <c r="C43713" t="s">
        <v>17155</v>
      </c>
      <c r="D43713" t="s">
        <v>17156</v>
      </c>
      <c r="E43713" t="s">
        <v>17115</v>
      </c>
      <c r="F43713" t="s">
        <v>17116</v>
      </c>
      <c r="G43713" t="s">
        <v>16559</v>
      </c>
      <c r="H43713" t="s">
        <v>16560</v>
      </c>
      <c r="I43713" s="2">
        <v>1</v>
      </c>
      <c r="J43713" s="2">
        <v>0</v>
      </c>
      <c r="K43713" s="2">
        <v>0</v>
      </c>
      <c r="L43713" t="s">
        <v>120</v>
      </c>
      <c r="M43713" t="s">
        <v>83</v>
      </c>
      <c r="N43713" t="s">
        <v>91</v>
      </c>
      <c r="O43713" t="s">
        <v>85</v>
      </c>
      <c r="P43713" t="s">
        <v>86</v>
      </c>
      <c r="Q43713">
        <v>40</v>
      </c>
      <c r="R43713">
        <v>41</v>
      </c>
      <c r="S43713">
        <v>42</v>
      </c>
      <c r="T43713">
        <v>43</v>
      </c>
      <c r="U43713">
        <v>44</v>
      </c>
      <c r="V43713">
        <v>44</v>
      </c>
      <c r="W43713">
        <v>45</v>
      </c>
      <c r="X43713">
        <v>46</v>
      </c>
      <c r="Y43713">
        <v>47</v>
      </c>
      <c r="Z43713">
        <v>48</v>
      </c>
      <c r="AA43713">
        <v>48</v>
      </c>
      <c r="AB43713">
        <v>49</v>
      </c>
      <c r="AC43713">
        <v>50</v>
      </c>
      <c r="AD43713">
        <v>51</v>
      </c>
      <c r="AE43713">
        <v>52</v>
      </c>
      <c r="AF43713">
        <v>52</v>
      </c>
      <c r="AG43713">
        <v>53</v>
      </c>
      <c r="AH43713">
        <v>54</v>
      </c>
      <c r="AI43713">
        <v>55</v>
      </c>
      <c r="AJ43713">
        <v>56</v>
      </c>
      <c r="AK43713">
        <v>56</v>
      </c>
      <c r="AL43713">
        <v>57</v>
      </c>
      <c r="AM43713">
        <v>57</v>
      </c>
      <c r="AN43713">
        <v>58</v>
      </c>
      <c r="AO43713">
        <v>58</v>
      </c>
      <c r="AP43713">
        <v>58</v>
      </c>
      <c r="AQ43713">
        <v>58</v>
      </c>
    </row>
    <row r="43714" spans="1:43">
      <c r="A43714" t="s">
        <v>26679</v>
      </c>
      <c r="B43714" t="s">
        <v>26680</v>
      </c>
      <c r="C43714" t="s">
        <v>17785</v>
      </c>
      <c r="D43714" t="s">
        <v>17786</v>
      </c>
      <c r="E43714" t="s">
        <v>17787</v>
      </c>
      <c r="F43714" t="s">
        <v>17788</v>
      </c>
      <c r="G43714" t="s">
        <v>16559</v>
      </c>
      <c r="H43714" t="s">
        <v>16560</v>
      </c>
      <c r="I43714" s="2">
        <v>1</v>
      </c>
      <c r="J43714" s="2">
        <v>0</v>
      </c>
      <c r="K43714" s="2">
        <v>0</v>
      </c>
      <c r="L43714" t="s">
        <v>120</v>
      </c>
      <c r="M43714" t="s">
        <v>83</v>
      </c>
      <c r="N43714" t="s">
        <v>84</v>
      </c>
      <c r="O43714" t="s">
        <v>85</v>
      </c>
      <c r="P43714" t="s">
        <v>86</v>
      </c>
      <c r="Q43714">
        <v>52</v>
      </c>
      <c r="R43714">
        <v>54</v>
      </c>
      <c r="S43714">
        <v>55</v>
      </c>
      <c r="T43714">
        <v>57</v>
      </c>
      <c r="U43714">
        <v>58</v>
      </c>
      <c r="V43714">
        <v>60</v>
      </c>
      <c r="W43714">
        <v>61</v>
      </c>
      <c r="X43714">
        <v>63</v>
      </c>
      <c r="Y43714">
        <v>65</v>
      </c>
      <c r="Z43714">
        <v>67</v>
      </c>
      <c r="AA43714">
        <v>68</v>
      </c>
      <c r="AB43714">
        <v>70</v>
      </c>
      <c r="AC43714">
        <v>72</v>
      </c>
      <c r="AD43714">
        <v>74</v>
      </c>
      <c r="AE43714">
        <v>76</v>
      </c>
      <c r="AF43714">
        <v>78</v>
      </c>
      <c r="AG43714">
        <v>80</v>
      </c>
      <c r="AH43714">
        <v>82</v>
      </c>
      <c r="AI43714">
        <v>84</v>
      </c>
      <c r="AJ43714">
        <v>86</v>
      </c>
      <c r="AK43714">
        <v>88</v>
      </c>
      <c r="AL43714">
        <v>90</v>
      </c>
      <c r="AM43714">
        <v>91</v>
      </c>
      <c r="AN43714">
        <v>92</v>
      </c>
      <c r="AO43714">
        <v>94</v>
      </c>
      <c r="AP43714">
        <v>95</v>
      </c>
      <c r="AQ43714">
        <v>96</v>
      </c>
    </row>
    <row r="43715" spans="1:43">
      <c r="A43715" t="s">
        <v>26679</v>
      </c>
      <c r="B43715" t="s">
        <v>26680</v>
      </c>
      <c r="C43715" t="s">
        <v>17785</v>
      </c>
      <c r="D43715" t="s">
        <v>17786</v>
      </c>
      <c r="E43715" t="s">
        <v>17787</v>
      </c>
      <c r="F43715" t="s">
        <v>17788</v>
      </c>
      <c r="G43715" t="s">
        <v>16559</v>
      </c>
      <c r="H43715" t="s">
        <v>16560</v>
      </c>
      <c r="I43715" s="2">
        <v>1</v>
      </c>
      <c r="J43715" s="2">
        <v>0</v>
      </c>
      <c r="K43715" s="2">
        <v>0</v>
      </c>
      <c r="L43715" t="s">
        <v>120</v>
      </c>
      <c r="M43715" t="s">
        <v>87</v>
      </c>
      <c r="N43715" t="s">
        <v>88</v>
      </c>
      <c r="O43715" t="s">
        <v>85</v>
      </c>
      <c r="P43715" t="s">
        <v>86</v>
      </c>
      <c r="Q43715">
        <v>52</v>
      </c>
      <c r="R43715">
        <v>53</v>
      </c>
      <c r="S43715">
        <v>54</v>
      </c>
      <c r="T43715">
        <v>55</v>
      </c>
      <c r="U43715">
        <v>56</v>
      </c>
      <c r="V43715">
        <v>57</v>
      </c>
      <c r="W43715">
        <v>58</v>
      </c>
      <c r="X43715">
        <v>59</v>
      </c>
      <c r="Y43715">
        <v>60</v>
      </c>
      <c r="Z43715">
        <v>61</v>
      </c>
      <c r="AA43715">
        <v>62</v>
      </c>
      <c r="AB43715">
        <v>63</v>
      </c>
      <c r="AC43715">
        <v>65</v>
      </c>
      <c r="AD43715">
        <v>66</v>
      </c>
      <c r="AE43715">
        <v>67</v>
      </c>
      <c r="AF43715">
        <v>68</v>
      </c>
      <c r="AG43715">
        <v>69</v>
      </c>
      <c r="AH43715">
        <v>71</v>
      </c>
      <c r="AI43715">
        <v>72</v>
      </c>
      <c r="AJ43715">
        <v>73</v>
      </c>
      <c r="AK43715">
        <v>75</v>
      </c>
      <c r="AL43715">
        <v>76</v>
      </c>
      <c r="AM43715">
        <v>78</v>
      </c>
      <c r="AN43715">
        <v>79</v>
      </c>
      <c r="AO43715">
        <v>81</v>
      </c>
      <c r="AP43715">
        <v>82</v>
      </c>
      <c r="AQ43715">
        <v>84</v>
      </c>
    </row>
    <row r="43716" spans="1:43">
      <c r="A43716" t="s">
        <v>26679</v>
      </c>
      <c r="B43716" t="s">
        <v>26680</v>
      </c>
      <c r="C43716" t="s">
        <v>17785</v>
      </c>
      <c r="D43716" t="s">
        <v>17786</v>
      </c>
      <c r="E43716" t="s">
        <v>17787</v>
      </c>
      <c r="F43716" t="s">
        <v>17788</v>
      </c>
      <c r="G43716" t="s">
        <v>16559</v>
      </c>
      <c r="H43716" t="s">
        <v>16560</v>
      </c>
      <c r="I43716" s="2">
        <v>1</v>
      </c>
      <c r="J43716" s="2">
        <v>0</v>
      </c>
      <c r="K43716" s="2">
        <v>0</v>
      </c>
      <c r="L43716" t="s">
        <v>120</v>
      </c>
      <c r="M43716" t="s">
        <v>89</v>
      </c>
      <c r="N43716" t="s">
        <v>90</v>
      </c>
      <c r="O43716" t="s">
        <v>85</v>
      </c>
      <c r="P43716" t="s">
        <v>86</v>
      </c>
      <c r="Q43716">
        <v>52</v>
      </c>
      <c r="R43716">
        <v>54</v>
      </c>
      <c r="S43716">
        <v>56</v>
      </c>
      <c r="T43716">
        <v>58</v>
      </c>
      <c r="U43716">
        <v>60</v>
      </c>
      <c r="V43716">
        <v>62</v>
      </c>
      <c r="W43716">
        <v>64</v>
      </c>
      <c r="X43716">
        <v>66</v>
      </c>
      <c r="Y43716">
        <v>68</v>
      </c>
      <c r="Z43716">
        <v>70</v>
      </c>
      <c r="AA43716">
        <v>72</v>
      </c>
      <c r="AB43716">
        <v>74</v>
      </c>
      <c r="AC43716">
        <v>76</v>
      </c>
      <c r="AD43716">
        <v>78</v>
      </c>
      <c r="AE43716">
        <v>80</v>
      </c>
      <c r="AF43716">
        <v>81</v>
      </c>
      <c r="AG43716">
        <v>83</v>
      </c>
      <c r="AH43716">
        <v>84</v>
      </c>
      <c r="AI43716">
        <v>85</v>
      </c>
      <c r="AJ43716">
        <v>86</v>
      </c>
      <c r="AK43716">
        <v>88</v>
      </c>
      <c r="AL43716">
        <v>89</v>
      </c>
      <c r="AM43716">
        <v>90</v>
      </c>
      <c r="AN43716">
        <v>92</v>
      </c>
      <c r="AO43716">
        <v>93</v>
      </c>
      <c r="AP43716">
        <v>94</v>
      </c>
      <c r="AQ43716">
        <v>96</v>
      </c>
    </row>
    <row r="43717" spans="1:43">
      <c r="A43717" t="s">
        <v>26679</v>
      </c>
      <c r="B43717" t="s">
        <v>26680</v>
      </c>
      <c r="C43717" t="s">
        <v>17785</v>
      </c>
      <c r="D43717" t="s">
        <v>17786</v>
      </c>
      <c r="E43717" t="s">
        <v>17787</v>
      </c>
      <c r="F43717" t="s">
        <v>17788</v>
      </c>
      <c r="G43717" t="s">
        <v>16559</v>
      </c>
      <c r="H43717" t="s">
        <v>16560</v>
      </c>
      <c r="I43717" s="2">
        <v>1</v>
      </c>
      <c r="J43717" s="2">
        <v>0</v>
      </c>
      <c r="K43717" s="2">
        <v>0</v>
      </c>
      <c r="L43717" t="s">
        <v>120</v>
      </c>
      <c r="M43717" t="s">
        <v>83</v>
      </c>
      <c r="N43717" t="s">
        <v>91</v>
      </c>
      <c r="O43717" t="s">
        <v>85</v>
      </c>
      <c r="P43717" t="s">
        <v>86</v>
      </c>
      <c r="Q43717">
        <v>52</v>
      </c>
      <c r="R43717">
        <v>54</v>
      </c>
      <c r="S43717">
        <v>55</v>
      </c>
      <c r="T43717">
        <v>57</v>
      </c>
      <c r="U43717">
        <v>58</v>
      </c>
      <c r="V43717">
        <v>60</v>
      </c>
      <c r="W43717">
        <v>61</v>
      </c>
      <c r="X43717">
        <v>63</v>
      </c>
      <c r="Y43717">
        <v>65</v>
      </c>
      <c r="Z43717">
        <v>67</v>
      </c>
      <c r="AA43717">
        <v>68</v>
      </c>
      <c r="AB43717">
        <v>70</v>
      </c>
      <c r="AC43717">
        <v>72</v>
      </c>
      <c r="AD43717">
        <v>74</v>
      </c>
      <c r="AE43717">
        <v>76</v>
      </c>
      <c r="AF43717">
        <v>78</v>
      </c>
      <c r="AG43717">
        <v>80</v>
      </c>
      <c r="AH43717">
        <v>82</v>
      </c>
      <c r="AI43717">
        <v>84</v>
      </c>
      <c r="AJ43717">
        <v>86</v>
      </c>
      <c r="AK43717">
        <v>88</v>
      </c>
      <c r="AL43717">
        <v>90</v>
      </c>
      <c r="AM43717">
        <v>91</v>
      </c>
      <c r="AN43717">
        <v>92</v>
      </c>
      <c r="AO43717">
        <v>94</v>
      </c>
      <c r="AP43717">
        <v>95</v>
      </c>
      <c r="AQ43717">
        <v>96</v>
      </c>
    </row>
    <row r="43718" spans="1:43">
      <c r="A43718" t="s">
        <v>26681</v>
      </c>
      <c r="B43718" t="s">
        <v>26682</v>
      </c>
      <c r="C43718" t="s">
        <v>17785</v>
      </c>
      <c r="D43718" t="s">
        <v>17786</v>
      </c>
      <c r="E43718" t="s">
        <v>17787</v>
      </c>
      <c r="F43718" t="s">
        <v>17788</v>
      </c>
      <c r="G43718" t="s">
        <v>16559</v>
      </c>
      <c r="H43718" t="s">
        <v>16560</v>
      </c>
      <c r="I43718" s="2">
        <v>1</v>
      </c>
      <c r="J43718" s="2">
        <v>0</v>
      </c>
      <c r="K43718" s="2">
        <v>0</v>
      </c>
      <c r="L43718" t="s">
        <v>120</v>
      </c>
      <c r="M43718" t="s">
        <v>83</v>
      </c>
      <c r="N43718" t="s">
        <v>84</v>
      </c>
      <c r="O43718" t="s">
        <v>85</v>
      </c>
      <c r="P43718" t="s">
        <v>86</v>
      </c>
      <c r="Q43718">
        <v>27</v>
      </c>
      <c r="R43718">
        <v>28</v>
      </c>
      <c r="S43718">
        <v>28</v>
      </c>
      <c r="T43718">
        <v>29</v>
      </c>
      <c r="U43718">
        <v>30</v>
      </c>
      <c r="V43718">
        <v>31</v>
      </c>
      <c r="W43718">
        <v>32</v>
      </c>
      <c r="X43718">
        <v>32</v>
      </c>
      <c r="Y43718">
        <v>33</v>
      </c>
      <c r="Z43718">
        <v>34</v>
      </c>
      <c r="AA43718">
        <v>35</v>
      </c>
      <c r="AB43718">
        <v>36</v>
      </c>
      <c r="AC43718">
        <v>37</v>
      </c>
      <c r="AD43718">
        <v>38</v>
      </c>
      <c r="AE43718">
        <v>39</v>
      </c>
      <c r="AF43718">
        <v>40</v>
      </c>
      <c r="AG43718">
        <v>41</v>
      </c>
      <c r="AH43718">
        <v>42</v>
      </c>
      <c r="AI43718">
        <v>43</v>
      </c>
      <c r="AJ43718">
        <v>44</v>
      </c>
      <c r="AK43718">
        <v>45</v>
      </c>
      <c r="AL43718">
        <v>46</v>
      </c>
      <c r="AM43718">
        <v>47</v>
      </c>
      <c r="AN43718">
        <v>47</v>
      </c>
      <c r="AO43718">
        <v>48</v>
      </c>
      <c r="AP43718">
        <v>49</v>
      </c>
      <c r="AQ43718">
        <v>49</v>
      </c>
    </row>
    <row r="43719" spans="1:43">
      <c r="A43719" t="s">
        <v>26681</v>
      </c>
      <c r="B43719" t="s">
        <v>26682</v>
      </c>
      <c r="C43719" t="s">
        <v>17785</v>
      </c>
      <c r="D43719" t="s">
        <v>17786</v>
      </c>
      <c r="E43719" t="s">
        <v>17787</v>
      </c>
      <c r="F43719" t="s">
        <v>17788</v>
      </c>
      <c r="G43719" t="s">
        <v>16559</v>
      </c>
      <c r="H43719" t="s">
        <v>16560</v>
      </c>
      <c r="I43719" s="2">
        <v>1</v>
      </c>
      <c r="J43719" s="2">
        <v>0</v>
      </c>
      <c r="K43719" s="2">
        <v>0</v>
      </c>
      <c r="L43719" t="s">
        <v>120</v>
      </c>
      <c r="M43719" t="s">
        <v>87</v>
      </c>
      <c r="N43719" t="s">
        <v>88</v>
      </c>
      <c r="O43719" t="s">
        <v>85</v>
      </c>
      <c r="P43719" t="s">
        <v>86</v>
      </c>
      <c r="Q43719">
        <v>27</v>
      </c>
      <c r="R43719">
        <v>27</v>
      </c>
      <c r="S43719">
        <v>28</v>
      </c>
      <c r="T43719">
        <v>28</v>
      </c>
      <c r="U43719">
        <v>29</v>
      </c>
      <c r="V43719">
        <v>29</v>
      </c>
      <c r="W43719">
        <v>30</v>
      </c>
      <c r="X43719">
        <v>30</v>
      </c>
      <c r="Y43719">
        <v>31</v>
      </c>
      <c r="Z43719">
        <v>31</v>
      </c>
      <c r="AA43719">
        <v>32</v>
      </c>
      <c r="AB43719">
        <v>32</v>
      </c>
      <c r="AC43719">
        <v>33</v>
      </c>
      <c r="AD43719">
        <v>34</v>
      </c>
      <c r="AE43719">
        <v>34</v>
      </c>
      <c r="AF43719">
        <v>35</v>
      </c>
      <c r="AG43719">
        <v>36</v>
      </c>
      <c r="AH43719">
        <v>36</v>
      </c>
      <c r="AI43719">
        <v>37</v>
      </c>
      <c r="AJ43719">
        <v>38</v>
      </c>
      <c r="AK43719">
        <v>38</v>
      </c>
      <c r="AL43719">
        <v>39</v>
      </c>
      <c r="AM43719">
        <v>40</v>
      </c>
      <c r="AN43719">
        <v>41</v>
      </c>
      <c r="AO43719">
        <v>41</v>
      </c>
      <c r="AP43719">
        <v>42</v>
      </c>
      <c r="AQ43719">
        <v>43</v>
      </c>
    </row>
    <row r="43720" spans="1:43">
      <c r="A43720" t="s">
        <v>26681</v>
      </c>
      <c r="B43720" t="s">
        <v>26682</v>
      </c>
      <c r="C43720" t="s">
        <v>17785</v>
      </c>
      <c r="D43720" t="s">
        <v>17786</v>
      </c>
      <c r="E43720" t="s">
        <v>17787</v>
      </c>
      <c r="F43720" t="s">
        <v>17788</v>
      </c>
      <c r="G43720" t="s">
        <v>16559</v>
      </c>
      <c r="H43720" t="s">
        <v>16560</v>
      </c>
      <c r="I43720" s="2">
        <v>1</v>
      </c>
      <c r="J43720" s="2">
        <v>0</v>
      </c>
      <c r="K43720" s="2">
        <v>0</v>
      </c>
      <c r="L43720" t="s">
        <v>120</v>
      </c>
      <c r="M43720" t="s">
        <v>89</v>
      </c>
      <c r="N43720" t="s">
        <v>90</v>
      </c>
      <c r="O43720" t="s">
        <v>85</v>
      </c>
      <c r="P43720" t="s">
        <v>86</v>
      </c>
      <c r="Q43720">
        <v>27</v>
      </c>
      <c r="R43720">
        <v>28</v>
      </c>
      <c r="S43720">
        <v>29</v>
      </c>
      <c r="T43720">
        <v>30</v>
      </c>
      <c r="U43720">
        <v>31</v>
      </c>
      <c r="V43720">
        <v>32</v>
      </c>
      <c r="W43720">
        <v>33</v>
      </c>
      <c r="X43720">
        <v>34</v>
      </c>
      <c r="Y43720">
        <v>35</v>
      </c>
      <c r="Z43720">
        <v>36</v>
      </c>
      <c r="AA43720">
        <v>37</v>
      </c>
      <c r="AB43720">
        <v>38</v>
      </c>
      <c r="AC43720">
        <v>40</v>
      </c>
      <c r="AD43720">
        <v>41</v>
      </c>
      <c r="AE43720">
        <v>42</v>
      </c>
      <c r="AF43720">
        <v>42</v>
      </c>
      <c r="AG43720">
        <v>43</v>
      </c>
      <c r="AH43720">
        <v>44</v>
      </c>
      <c r="AI43720">
        <v>44</v>
      </c>
      <c r="AJ43720">
        <v>45</v>
      </c>
      <c r="AK43720">
        <v>46</v>
      </c>
      <c r="AL43720">
        <v>46</v>
      </c>
      <c r="AM43720">
        <v>47</v>
      </c>
      <c r="AN43720">
        <v>48</v>
      </c>
      <c r="AO43720">
        <v>48</v>
      </c>
      <c r="AP43720">
        <v>49</v>
      </c>
      <c r="AQ43720">
        <v>50</v>
      </c>
    </row>
    <row r="43721" spans="1:43">
      <c r="A43721" t="s">
        <v>26681</v>
      </c>
      <c r="B43721" t="s">
        <v>26682</v>
      </c>
      <c r="C43721" t="s">
        <v>17785</v>
      </c>
      <c r="D43721" t="s">
        <v>17786</v>
      </c>
      <c r="E43721" t="s">
        <v>17787</v>
      </c>
      <c r="F43721" t="s">
        <v>17788</v>
      </c>
      <c r="G43721" t="s">
        <v>16559</v>
      </c>
      <c r="H43721" t="s">
        <v>16560</v>
      </c>
      <c r="I43721" s="2">
        <v>1</v>
      </c>
      <c r="J43721" s="2">
        <v>0</v>
      </c>
      <c r="K43721" s="2">
        <v>0</v>
      </c>
      <c r="L43721" t="s">
        <v>120</v>
      </c>
      <c r="M43721" t="s">
        <v>83</v>
      </c>
      <c r="N43721" t="s">
        <v>91</v>
      </c>
      <c r="O43721" t="s">
        <v>85</v>
      </c>
      <c r="P43721" t="s">
        <v>86</v>
      </c>
      <c r="Q43721">
        <v>27</v>
      </c>
      <c r="R43721">
        <v>28</v>
      </c>
      <c r="S43721">
        <v>28</v>
      </c>
      <c r="T43721">
        <v>29</v>
      </c>
      <c r="U43721">
        <v>30</v>
      </c>
      <c r="V43721">
        <v>31</v>
      </c>
      <c r="W43721">
        <v>32</v>
      </c>
      <c r="X43721">
        <v>32</v>
      </c>
      <c r="Y43721">
        <v>33</v>
      </c>
      <c r="Z43721">
        <v>34</v>
      </c>
      <c r="AA43721">
        <v>35</v>
      </c>
      <c r="AB43721">
        <v>36</v>
      </c>
      <c r="AC43721">
        <v>37</v>
      </c>
      <c r="AD43721">
        <v>38</v>
      </c>
      <c r="AE43721">
        <v>39</v>
      </c>
      <c r="AF43721">
        <v>40</v>
      </c>
      <c r="AG43721">
        <v>41</v>
      </c>
      <c r="AH43721">
        <v>42</v>
      </c>
      <c r="AI43721">
        <v>43</v>
      </c>
      <c r="AJ43721">
        <v>44</v>
      </c>
      <c r="AK43721">
        <v>45</v>
      </c>
      <c r="AL43721">
        <v>46</v>
      </c>
      <c r="AM43721">
        <v>47</v>
      </c>
      <c r="AN43721">
        <v>47</v>
      </c>
      <c r="AO43721">
        <v>48</v>
      </c>
      <c r="AP43721">
        <v>49</v>
      </c>
      <c r="AQ43721">
        <v>49</v>
      </c>
    </row>
    <row r="43722" spans="1:43">
      <c r="A43722" t="s">
        <v>26683</v>
      </c>
      <c r="B43722" t="s">
        <v>26684</v>
      </c>
      <c r="C43722" t="s">
        <v>17855</v>
      </c>
      <c r="D43722" t="s">
        <v>17856</v>
      </c>
      <c r="E43722" t="s">
        <v>17787</v>
      </c>
      <c r="F43722" t="s">
        <v>17788</v>
      </c>
      <c r="G43722" t="s">
        <v>16559</v>
      </c>
      <c r="H43722" t="s">
        <v>16560</v>
      </c>
      <c r="I43722" s="2">
        <v>1</v>
      </c>
      <c r="J43722" s="2">
        <v>0</v>
      </c>
      <c r="K43722" s="2">
        <v>0</v>
      </c>
      <c r="L43722" t="s">
        <v>120</v>
      </c>
      <c r="M43722" t="s">
        <v>83</v>
      </c>
      <c r="N43722" t="s">
        <v>84</v>
      </c>
      <c r="O43722" t="s">
        <v>85</v>
      </c>
      <c r="P43722" t="s">
        <v>86</v>
      </c>
      <c r="Q43722">
        <v>11</v>
      </c>
      <c r="R43722">
        <v>11</v>
      </c>
      <c r="S43722">
        <v>11</v>
      </c>
      <c r="T43722">
        <v>12</v>
      </c>
      <c r="U43722">
        <v>12</v>
      </c>
      <c r="V43722">
        <v>12</v>
      </c>
      <c r="W43722">
        <v>13</v>
      </c>
      <c r="X43722">
        <v>13</v>
      </c>
      <c r="Y43722">
        <v>13</v>
      </c>
      <c r="Z43722">
        <v>14</v>
      </c>
      <c r="AA43722">
        <v>14</v>
      </c>
      <c r="AB43722">
        <v>14</v>
      </c>
      <c r="AC43722">
        <v>15</v>
      </c>
      <c r="AD43722">
        <v>15</v>
      </c>
      <c r="AE43722">
        <v>15</v>
      </c>
      <c r="AF43722">
        <v>16</v>
      </c>
      <c r="AG43722">
        <v>16</v>
      </c>
      <c r="AH43722">
        <v>17</v>
      </c>
      <c r="AI43722">
        <v>17</v>
      </c>
      <c r="AJ43722">
        <v>17</v>
      </c>
      <c r="AK43722">
        <v>18</v>
      </c>
      <c r="AL43722">
        <v>18</v>
      </c>
      <c r="AM43722">
        <v>19</v>
      </c>
      <c r="AN43722">
        <v>19</v>
      </c>
      <c r="AO43722">
        <v>19</v>
      </c>
      <c r="AP43722">
        <v>19</v>
      </c>
      <c r="AQ43722">
        <v>20</v>
      </c>
    </row>
    <row r="43723" spans="1:43">
      <c r="A43723" t="s">
        <v>26683</v>
      </c>
      <c r="B43723" t="s">
        <v>26684</v>
      </c>
      <c r="C43723" t="s">
        <v>17855</v>
      </c>
      <c r="D43723" t="s">
        <v>17856</v>
      </c>
      <c r="E43723" t="s">
        <v>17787</v>
      </c>
      <c r="F43723" t="s">
        <v>17788</v>
      </c>
      <c r="G43723" t="s">
        <v>16559</v>
      </c>
      <c r="H43723" t="s">
        <v>16560</v>
      </c>
      <c r="I43723" s="2">
        <v>1</v>
      </c>
      <c r="J43723" s="2">
        <v>0</v>
      </c>
      <c r="K43723" s="2">
        <v>0</v>
      </c>
      <c r="L43723" t="s">
        <v>120</v>
      </c>
      <c r="M43723" t="s">
        <v>87</v>
      </c>
      <c r="N43723" t="s">
        <v>88</v>
      </c>
      <c r="O43723" t="s">
        <v>85</v>
      </c>
      <c r="P43723" t="s">
        <v>86</v>
      </c>
      <c r="Q43723">
        <v>11</v>
      </c>
      <c r="R43723">
        <v>12</v>
      </c>
      <c r="S43723">
        <v>12</v>
      </c>
      <c r="T43723">
        <v>12</v>
      </c>
      <c r="U43723">
        <v>12</v>
      </c>
      <c r="V43723">
        <v>13</v>
      </c>
      <c r="W43723">
        <v>13</v>
      </c>
      <c r="X43723">
        <v>13</v>
      </c>
      <c r="Y43723">
        <v>13</v>
      </c>
      <c r="Z43723">
        <v>13</v>
      </c>
      <c r="AA43723">
        <v>14</v>
      </c>
      <c r="AB43723">
        <v>14</v>
      </c>
      <c r="AC43723">
        <v>14</v>
      </c>
      <c r="AD43723">
        <v>14</v>
      </c>
      <c r="AE43723">
        <v>15</v>
      </c>
      <c r="AF43723">
        <v>15</v>
      </c>
      <c r="AG43723">
        <v>15</v>
      </c>
      <c r="AH43723">
        <v>16</v>
      </c>
      <c r="AI43723">
        <v>16</v>
      </c>
      <c r="AJ43723">
        <v>16</v>
      </c>
      <c r="AK43723">
        <v>16</v>
      </c>
      <c r="AL43723">
        <v>17</v>
      </c>
      <c r="AM43723">
        <v>17</v>
      </c>
      <c r="AN43723">
        <v>17</v>
      </c>
      <c r="AO43723">
        <v>18</v>
      </c>
      <c r="AP43723">
        <v>18</v>
      </c>
      <c r="AQ43723">
        <v>18</v>
      </c>
    </row>
    <row r="43724" spans="1:43">
      <c r="A43724" t="s">
        <v>26683</v>
      </c>
      <c r="B43724" t="s">
        <v>26684</v>
      </c>
      <c r="C43724" t="s">
        <v>17855</v>
      </c>
      <c r="D43724" t="s">
        <v>17856</v>
      </c>
      <c r="E43724" t="s">
        <v>17787</v>
      </c>
      <c r="F43724" t="s">
        <v>17788</v>
      </c>
      <c r="G43724" t="s">
        <v>16559</v>
      </c>
      <c r="H43724" t="s">
        <v>16560</v>
      </c>
      <c r="I43724" s="2">
        <v>1</v>
      </c>
      <c r="J43724" s="2">
        <v>0</v>
      </c>
      <c r="K43724" s="2">
        <v>0</v>
      </c>
      <c r="L43724" t="s">
        <v>120</v>
      </c>
      <c r="M43724" t="s">
        <v>89</v>
      </c>
      <c r="N43724" t="s">
        <v>90</v>
      </c>
      <c r="O43724" t="s">
        <v>85</v>
      </c>
      <c r="P43724" t="s">
        <v>86</v>
      </c>
      <c r="Q43724">
        <v>11</v>
      </c>
      <c r="R43724">
        <v>11</v>
      </c>
      <c r="S43724">
        <v>11</v>
      </c>
      <c r="T43724">
        <v>12</v>
      </c>
      <c r="U43724">
        <v>12</v>
      </c>
      <c r="V43724">
        <v>13</v>
      </c>
      <c r="W43724">
        <v>13</v>
      </c>
      <c r="X43724">
        <v>14</v>
      </c>
      <c r="Y43724">
        <v>14</v>
      </c>
      <c r="Z43724">
        <v>14</v>
      </c>
      <c r="AA43724">
        <v>15</v>
      </c>
      <c r="AB43724">
        <v>15</v>
      </c>
      <c r="AC43724">
        <v>16</v>
      </c>
      <c r="AD43724">
        <v>16</v>
      </c>
      <c r="AE43724">
        <v>16</v>
      </c>
      <c r="AF43724">
        <v>17</v>
      </c>
      <c r="AG43724">
        <v>17</v>
      </c>
      <c r="AH43724">
        <v>17</v>
      </c>
      <c r="AI43724">
        <v>18</v>
      </c>
      <c r="AJ43724">
        <v>18</v>
      </c>
      <c r="AK43724">
        <v>18</v>
      </c>
      <c r="AL43724">
        <v>18</v>
      </c>
      <c r="AM43724">
        <v>19</v>
      </c>
      <c r="AN43724">
        <v>19</v>
      </c>
      <c r="AO43724">
        <v>19</v>
      </c>
      <c r="AP43724">
        <v>19</v>
      </c>
      <c r="AQ43724">
        <v>20</v>
      </c>
    </row>
    <row r="43725" spans="1:43">
      <c r="A43725" t="s">
        <v>26683</v>
      </c>
      <c r="B43725" t="s">
        <v>26684</v>
      </c>
      <c r="C43725" t="s">
        <v>17855</v>
      </c>
      <c r="D43725" t="s">
        <v>17856</v>
      </c>
      <c r="E43725" t="s">
        <v>17787</v>
      </c>
      <c r="F43725" t="s">
        <v>17788</v>
      </c>
      <c r="G43725" t="s">
        <v>16559</v>
      </c>
      <c r="H43725" t="s">
        <v>16560</v>
      </c>
      <c r="I43725" s="2">
        <v>1</v>
      </c>
      <c r="J43725" s="2">
        <v>0</v>
      </c>
      <c r="K43725" s="2">
        <v>0</v>
      </c>
      <c r="L43725" t="s">
        <v>120</v>
      </c>
      <c r="M43725" t="s">
        <v>83</v>
      </c>
      <c r="N43725" t="s">
        <v>91</v>
      </c>
      <c r="O43725" t="s">
        <v>85</v>
      </c>
      <c r="P43725" t="s">
        <v>86</v>
      </c>
      <c r="Q43725">
        <v>11</v>
      </c>
      <c r="R43725">
        <v>11</v>
      </c>
      <c r="S43725">
        <v>11</v>
      </c>
      <c r="T43725">
        <v>12</v>
      </c>
      <c r="U43725">
        <v>12</v>
      </c>
      <c r="V43725">
        <v>12</v>
      </c>
      <c r="W43725">
        <v>13</v>
      </c>
      <c r="X43725">
        <v>13</v>
      </c>
      <c r="Y43725">
        <v>13</v>
      </c>
      <c r="Z43725">
        <v>14</v>
      </c>
      <c r="AA43725">
        <v>14</v>
      </c>
      <c r="AB43725">
        <v>14</v>
      </c>
      <c r="AC43725">
        <v>15</v>
      </c>
      <c r="AD43725">
        <v>15</v>
      </c>
      <c r="AE43725">
        <v>15</v>
      </c>
      <c r="AF43725">
        <v>16</v>
      </c>
      <c r="AG43725">
        <v>16</v>
      </c>
      <c r="AH43725">
        <v>17</v>
      </c>
      <c r="AI43725">
        <v>17</v>
      </c>
      <c r="AJ43725">
        <v>17</v>
      </c>
      <c r="AK43725">
        <v>18</v>
      </c>
      <c r="AL43725">
        <v>18</v>
      </c>
      <c r="AM43725">
        <v>19</v>
      </c>
      <c r="AN43725">
        <v>19</v>
      </c>
      <c r="AO43725">
        <v>19</v>
      </c>
      <c r="AP43725">
        <v>19</v>
      </c>
      <c r="AQ43725">
        <v>20</v>
      </c>
    </row>
    <row r="43726" spans="1:43">
      <c r="A43726" t="s">
        <v>26685</v>
      </c>
      <c r="B43726" t="s">
        <v>26686</v>
      </c>
      <c r="C43726" t="s">
        <v>17855</v>
      </c>
      <c r="D43726" t="s">
        <v>17856</v>
      </c>
      <c r="E43726" t="s">
        <v>17787</v>
      </c>
      <c r="F43726" t="s">
        <v>17788</v>
      </c>
      <c r="G43726" t="s">
        <v>16559</v>
      </c>
      <c r="H43726" t="s">
        <v>16560</v>
      </c>
      <c r="I43726" s="2">
        <v>1</v>
      </c>
      <c r="J43726" s="2">
        <v>0</v>
      </c>
      <c r="K43726" s="2">
        <v>0</v>
      </c>
      <c r="L43726" t="s">
        <v>120</v>
      </c>
      <c r="M43726" t="s">
        <v>83</v>
      </c>
      <c r="N43726" t="s">
        <v>84</v>
      </c>
      <c r="O43726" t="s">
        <v>85</v>
      </c>
      <c r="P43726" t="s">
        <v>86</v>
      </c>
      <c r="Q43726">
        <v>14</v>
      </c>
      <c r="R43726">
        <v>14</v>
      </c>
      <c r="S43726">
        <v>15</v>
      </c>
      <c r="T43726">
        <v>15</v>
      </c>
      <c r="U43726">
        <v>15</v>
      </c>
      <c r="V43726">
        <v>16</v>
      </c>
      <c r="W43726">
        <v>16</v>
      </c>
      <c r="X43726">
        <v>17</v>
      </c>
      <c r="Y43726">
        <v>17</v>
      </c>
      <c r="Z43726">
        <v>18</v>
      </c>
      <c r="AA43726">
        <v>18</v>
      </c>
      <c r="AB43726">
        <v>19</v>
      </c>
      <c r="AC43726">
        <v>19</v>
      </c>
      <c r="AD43726">
        <v>20</v>
      </c>
      <c r="AE43726">
        <v>20</v>
      </c>
      <c r="AF43726">
        <v>21</v>
      </c>
      <c r="AG43726">
        <v>21</v>
      </c>
      <c r="AH43726">
        <v>22</v>
      </c>
      <c r="AI43726">
        <v>22</v>
      </c>
      <c r="AJ43726">
        <v>23</v>
      </c>
      <c r="AK43726">
        <v>23</v>
      </c>
      <c r="AL43726">
        <v>24</v>
      </c>
      <c r="AM43726">
        <v>24</v>
      </c>
      <c r="AN43726">
        <v>24</v>
      </c>
      <c r="AO43726">
        <v>25</v>
      </c>
      <c r="AP43726">
        <v>25</v>
      </c>
      <c r="AQ43726">
        <v>26</v>
      </c>
    </row>
    <row r="43727" spans="1:43">
      <c r="A43727" t="s">
        <v>26685</v>
      </c>
      <c r="B43727" t="s">
        <v>26686</v>
      </c>
      <c r="C43727" t="s">
        <v>17855</v>
      </c>
      <c r="D43727" t="s">
        <v>17856</v>
      </c>
      <c r="E43727" t="s">
        <v>17787</v>
      </c>
      <c r="F43727" t="s">
        <v>17788</v>
      </c>
      <c r="G43727" t="s">
        <v>16559</v>
      </c>
      <c r="H43727" t="s">
        <v>16560</v>
      </c>
      <c r="I43727" s="2">
        <v>1</v>
      </c>
      <c r="J43727" s="2">
        <v>0</v>
      </c>
      <c r="K43727" s="2">
        <v>0</v>
      </c>
      <c r="L43727" t="s">
        <v>120</v>
      </c>
      <c r="M43727" t="s">
        <v>87</v>
      </c>
      <c r="N43727" t="s">
        <v>88</v>
      </c>
      <c r="O43727" t="s">
        <v>85</v>
      </c>
      <c r="P43727" t="s">
        <v>86</v>
      </c>
      <c r="Q43727">
        <v>14</v>
      </c>
      <c r="R43727">
        <v>14</v>
      </c>
      <c r="S43727">
        <v>14</v>
      </c>
      <c r="T43727">
        <v>14</v>
      </c>
      <c r="U43727">
        <v>15</v>
      </c>
      <c r="V43727">
        <v>15</v>
      </c>
      <c r="W43727">
        <v>15</v>
      </c>
      <c r="X43727">
        <v>16</v>
      </c>
      <c r="Y43727">
        <v>16</v>
      </c>
      <c r="Z43727">
        <v>16</v>
      </c>
      <c r="AA43727">
        <v>16</v>
      </c>
      <c r="AB43727">
        <v>17</v>
      </c>
      <c r="AC43727">
        <v>17</v>
      </c>
      <c r="AD43727">
        <v>17</v>
      </c>
      <c r="AE43727">
        <v>18</v>
      </c>
      <c r="AF43727">
        <v>18</v>
      </c>
      <c r="AG43727">
        <v>18</v>
      </c>
      <c r="AH43727">
        <v>19</v>
      </c>
      <c r="AI43727">
        <v>19</v>
      </c>
      <c r="AJ43727">
        <v>20</v>
      </c>
      <c r="AK43727">
        <v>20</v>
      </c>
      <c r="AL43727">
        <v>20</v>
      </c>
      <c r="AM43727">
        <v>21</v>
      </c>
      <c r="AN43727">
        <v>21</v>
      </c>
      <c r="AO43727">
        <v>22</v>
      </c>
      <c r="AP43727">
        <v>22</v>
      </c>
      <c r="AQ43727">
        <v>22</v>
      </c>
    </row>
    <row r="43728" spans="1:43">
      <c r="A43728" t="s">
        <v>26685</v>
      </c>
      <c r="B43728" t="s">
        <v>26686</v>
      </c>
      <c r="C43728" t="s">
        <v>17855</v>
      </c>
      <c r="D43728" t="s">
        <v>17856</v>
      </c>
      <c r="E43728" t="s">
        <v>17787</v>
      </c>
      <c r="F43728" t="s">
        <v>17788</v>
      </c>
      <c r="G43728" t="s">
        <v>16559</v>
      </c>
      <c r="H43728" t="s">
        <v>16560</v>
      </c>
      <c r="I43728" s="2">
        <v>1</v>
      </c>
      <c r="J43728" s="2">
        <v>0</v>
      </c>
      <c r="K43728" s="2">
        <v>0</v>
      </c>
      <c r="L43728" t="s">
        <v>120</v>
      </c>
      <c r="M43728" t="s">
        <v>89</v>
      </c>
      <c r="N43728" t="s">
        <v>90</v>
      </c>
      <c r="O43728" t="s">
        <v>85</v>
      </c>
      <c r="P43728" t="s">
        <v>86</v>
      </c>
      <c r="Q43728">
        <v>14</v>
      </c>
      <c r="R43728">
        <v>14</v>
      </c>
      <c r="S43728">
        <v>15</v>
      </c>
      <c r="T43728">
        <v>15</v>
      </c>
      <c r="U43728">
        <v>16</v>
      </c>
      <c r="V43728">
        <v>17</v>
      </c>
      <c r="W43728">
        <v>17</v>
      </c>
      <c r="X43728">
        <v>18</v>
      </c>
      <c r="Y43728">
        <v>18</v>
      </c>
      <c r="Z43728">
        <v>19</v>
      </c>
      <c r="AA43728">
        <v>19</v>
      </c>
      <c r="AB43728">
        <v>20</v>
      </c>
      <c r="AC43728">
        <v>20</v>
      </c>
      <c r="AD43728">
        <v>21</v>
      </c>
      <c r="AE43728">
        <v>21</v>
      </c>
      <c r="AF43728">
        <v>22</v>
      </c>
      <c r="AG43728">
        <v>22</v>
      </c>
      <c r="AH43728">
        <v>22</v>
      </c>
      <c r="AI43728">
        <v>23</v>
      </c>
      <c r="AJ43728">
        <v>23</v>
      </c>
      <c r="AK43728">
        <v>23</v>
      </c>
      <c r="AL43728">
        <v>24</v>
      </c>
      <c r="AM43728">
        <v>24</v>
      </c>
      <c r="AN43728">
        <v>25</v>
      </c>
      <c r="AO43728">
        <v>25</v>
      </c>
      <c r="AP43728">
        <v>25</v>
      </c>
      <c r="AQ43728">
        <v>26</v>
      </c>
    </row>
    <row r="43729" spans="1:43">
      <c r="A43729" t="s">
        <v>26685</v>
      </c>
      <c r="B43729" t="s">
        <v>26686</v>
      </c>
      <c r="C43729" t="s">
        <v>17855</v>
      </c>
      <c r="D43729" t="s">
        <v>17856</v>
      </c>
      <c r="E43729" t="s">
        <v>17787</v>
      </c>
      <c r="F43729" t="s">
        <v>17788</v>
      </c>
      <c r="G43729" t="s">
        <v>16559</v>
      </c>
      <c r="H43729" t="s">
        <v>16560</v>
      </c>
      <c r="I43729" s="2">
        <v>1</v>
      </c>
      <c r="J43729" s="2">
        <v>0</v>
      </c>
      <c r="K43729" s="2">
        <v>0</v>
      </c>
      <c r="L43729" t="s">
        <v>120</v>
      </c>
      <c r="M43729" t="s">
        <v>83</v>
      </c>
      <c r="N43729" t="s">
        <v>91</v>
      </c>
      <c r="O43729" t="s">
        <v>85</v>
      </c>
      <c r="P43729" t="s">
        <v>86</v>
      </c>
      <c r="Q43729">
        <v>14</v>
      </c>
      <c r="R43729">
        <v>14</v>
      </c>
      <c r="S43729">
        <v>15</v>
      </c>
      <c r="T43729">
        <v>15</v>
      </c>
      <c r="U43729">
        <v>15</v>
      </c>
      <c r="V43729">
        <v>16</v>
      </c>
      <c r="W43729">
        <v>16</v>
      </c>
      <c r="X43729">
        <v>17</v>
      </c>
      <c r="Y43729">
        <v>17</v>
      </c>
      <c r="Z43729">
        <v>18</v>
      </c>
      <c r="AA43729">
        <v>18</v>
      </c>
      <c r="AB43729">
        <v>19</v>
      </c>
      <c r="AC43729">
        <v>19</v>
      </c>
      <c r="AD43729">
        <v>20</v>
      </c>
      <c r="AE43729">
        <v>20</v>
      </c>
      <c r="AF43729">
        <v>21</v>
      </c>
      <c r="AG43729">
        <v>21</v>
      </c>
      <c r="AH43729">
        <v>22</v>
      </c>
      <c r="AI43729">
        <v>22</v>
      </c>
      <c r="AJ43729">
        <v>23</v>
      </c>
      <c r="AK43729">
        <v>23</v>
      </c>
      <c r="AL43729">
        <v>24</v>
      </c>
      <c r="AM43729">
        <v>24</v>
      </c>
      <c r="AN43729">
        <v>24</v>
      </c>
      <c r="AO43729">
        <v>25</v>
      </c>
      <c r="AP43729">
        <v>25</v>
      </c>
      <c r="AQ43729">
        <v>26</v>
      </c>
    </row>
    <row r="43730" spans="1:43">
      <c r="A43730" t="s">
        <v>26687</v>
      </c>
      <c r="B43730" t="s">
        <v>26688</v>
      </c>
      <c r="C43730" t="s">
        <v>18149</v>
      </c>
      <c r="D43730" t="s">
        <v>18150</v>
      </c>
      <c r="E43730" t="s">
        <v>18039</v>
      </c>
      <c r="F43730" t="s">
        <v>18040</v>
      </c>
      <c r="G43730" t="s">
        <v>16559</v>
      </c>
      <c r="H43730" t="s">
        <v>16560</v>
      </c>
      <c r="I43730" s="2">
        <v>1</v>
      </c>
      <c r="J43730" s="2">
        <v>0</v>
      </c>
      <c r="K43730" s="2">
        <v>0</v>
      </c>
      <c r="L43730" t="s">
        <v>120</v>
      </c>
      <c r="M43730" t="s">
        <v>83</v>
      </c>
      <c r="N43730" t="s">
        <v>84</v>
      </c>
      <c r="O43730" t="s">
        <v>85</v>
      </c>
      <c r="P43730" t="s">
        <v>86</v>
      </c>
      <c r="Q43730">
        <v>84</v>
      </c>
      <c r="R43730">
        <v>85</v>
      </c>
      <c r="S43730">
        <v>86</v>
      </c>
      <c r="T43730">
        <v>87</v>
      </c>
      <c r="U43730">
        <v>88</v>
      </c>
      <c r="V43730">
        <v>89</v>
      </c>
      <c r="W43730">
        <v>90</v>
      </c>
      <c r="X43730">
        <v>91</v>
      </c>
      <c r="Y43730">
        <v>92</v>
      </c>
      <c r="Z43730">
        <v>93</v>
      </c>
      <c r="AA43730">
        <v>94</v>
      </c>
      <c r="AB43730">
        <v>95</v>
      </c>
      <c r="AC43730">
        <v>96</v>
      </c>
      <c r="AD43730">
        <v>96</v>
      </c>
      <c r="AE43730">
        <v>97</v>
      </c>
      <c r="AF43730">
        <v>98</v>
      </c>
      <c r="AG43730">
        <v>99</v>
      </c>
      <c r="AH43730">
        <v>100</v>
      </c>
      <c r="AI43730">
        <v>101</v>
      </c>
      <c r="AJ43730">
        <v>102</v>
      </c>
      <c r="AK43730">
        <v>103</v>
      </c>
      <c r="AL43730">
        <v>103</v>
      </c>
      <c r="AM43730">
        <v>103</v>
      </c>
      <c r="AN43730">
        <v>103</v>
      </c>
      <c r="AO43730">
        <v>103</v>
      </c>
      <c r="AP43730">
        <v>103</v>
      </c>
      <c r="AQ43730">
        <v>103</v>
      </c>
    </row>
    <row r="43731" spans="1:43">
      <c r="A43731" t="s">
        <v>26687</v>
      </c>
      <c r="B43731" t="s">
        <v>26688</v>
      </c>
      <c r="C43731" t="s">
        <v>18149</v>
      </c>
      <c r="D43731" t="s">
        <v>18150</v>
      </c>
      <c r="E43731" t="s">
        <v>18039</v>
      </c>
      <c r="F43731" t="s">
        <v>18040</v>
      </c>
      <c r="G43731" t="s">
        <v>16559</v>
      </c>
      <c r="H43731" t="s">
        <v>16560</v>
      </c>
      <c r="I43731" s="2">
        <v>1</v>
      </c>
      <c r="J43731" s="2">
        <v>0</v>
      </c>
      <c r="K43731" s="2">
        <v>0</v>
      </c>
      <c r="L43731" t="s">
        <v>120</v>
      </c>
      <c r="M43731" t="s">
        <v>87</v>
      </c>
      <c r="N43731" t="s">
        <v>88</v>
      </c>
      <c r="O43731" t="s">
        <v>85</v>
      </c>
      <c r="P43731" t="s">
        <v>86</v>
      </c>
      <c r="Q43731">
        <v>84</v>
      </c>
      <c r="R43731">
        <v>84</v>
      </c>
      <c r="S43731">
        <v>84</v>
      </c>
      <c r="T43731">
        <v>84</v>
      </c>
      <c r="U43731">
        <v>84</v>
      </c>
      <c r="V43731">
        <v>85</v>
      </c>
      <c r="W43731">
        <v>85</v>
      </c>
      <c r="X43731">
        <v>85</v>
      </c>
      <c r="Y43731">
        <v>85</v>
      </c>
      <c r="Z43731">
        <v>85</v>
      </c>
      <c r="AA43731">
        <v>86</v>
      </c>
      <c r="AB43731">
        <v>86</v>
      </c>
      <c r="AC43731">
        <v>86</v>
      </c>
      <c r="AD43731">
        <v>86</v>
      </c>
      <c r="AE43731">
        <v>86</v>
      </c>
      <c r="AF43731">
        <v>86</v>
      </c>
      <c r="AG43731">
        <v>87</v>
      </c>
      <c r="AH43731">
        <v>87</v>
      </c>
      <c r="AI43731">
        <v>87</v>
      </c>
      <c r="AJ43731">
        <v>87</v>
      </c>
      <c r="AK43731">
        <v>88</v>
      </c>
      <c r="AL43731">
        <v>88</v>
      </c>
      <c r="AM43731">
        <v>88</v>
      </c>
      <c r="AN43731">
        <v>88</v>
      </c>
      <c r="AO43731">
        <v>88</v>
      </c>
      <c r="AP43731">
        <v>89</v>
      </c>
      <c r="AQ43731">
        <v>89</v>
      </c>
    </row>
    <row r="43732" spans="1:43">
      <c r="A43732" t="s">
        <v>26687</v>
      </c>
      <c r="B43732" t="s">
        <v>26688</v>
      </c>
      <c r="C43732" t="s">
        <v>18149</v>
      </c>
      <c r="D43732" t="s">
        <v>18150</v>
      </c>
      <c r="E43732" t="s">
        <v>18039</v>
      </c>
      <c r="F43732" t="s">
        <v>18040</v>
      </c>
      <c r="G43732" t="s">
        <v>16559</v>
      </c>
      <c r="H43732" t="s">
        <v>16560</v>
      </c>
      <c r="I43732" s="2">
        <v>1</v>
      </c>
      <c r="J43732" s="2">
        <v>0</v>
      </c>
      <c r="K43732" s="2">
        <v>0</v>
      </c>
      <c r="L43732" t="s">
        <v>120</v>
      </c>
      <c r="M43732" t="s">
        <v>89</v>
      </c>
      <c r="N43732" t="s">
        <v>90</v>
      </c>
      <c r="O43732" t="s">
        <v>85</v>
      </c>
      <c r="P43732" t="s">
        <v>86</v>
      </c>
      <c r="Q43732">
        <v>84</v>
      </c>
      <c r="R43732">
        <v>86</v>
      </c>
      <c r="S43732">
        <v>88</v>
      </c>
      <c r="T43732">
        <v>89</v>
      </c>
      <c r="U43732">
        <v>91</v>
      </c>
      <c r="V43732">
        <v>92</v>
      </c>
      <c r="W43732">
        <v>94</v>
      </c>
      <c r="X43732">
        <v>95</v>
      </c>
      <c r="Y43732">
        <v>96</v>
      </c>
      <c r="Z43732">
        <v>98</v>
      </c>
      <c r="AA43732">
        <v>99</v>
      </c>
      <c r="AB43732">
        <v>100</v>
      </c>
      <c r="AC43732">
        <v>101</v>
      </c>
      <c r="AD43732">
        <v>103</v>
      </c>
      <c r="AE43732">
        <v>103</v>
      </c>
      <c r="AF43732">
        <v>103</v>
      </c>
      <c r="AG43732">
        <v>103</v>
      </c>
      <c r="AH43732">
        <v>103</v>
      </c>
      <c r="AI43732">
        <v>103</v>
      </c>
      <c r="AJ43732">
        <v>103</v>
      </c>
      <c r="AK43732">
        <v>103</v>
      </c>
      <c r="AL43732">
        <v>103</v>
      </c>
      <c r="AM43732">
        <v>103</v>
      </c>
      <c r="AN43732">
        <v>103</v>
      </c>
      <c r="AO43732">
        <v>103</v>
      </c>
      <c r="AP43732">
        <v>103</v>
      </c>
      <c r="AQ43732">
        <v>103</v>
      </c>
    </row>
    <row r="43733" spans="1:43">
      <c r="A43733" t="s">
        <v>26687</v>
      </c>
      <c r="B43733" t="s">
        <v>26688</v>
      </c>
      <c r="C43733" t="s">
        <v>18149</v>
      </c>
      <c r="D43733" t="s">
        <v>18150</v>
      </c>
      <c r="E43733" t="s">
        <v>18039</v>
      </c>
      <c r="F43733" t="s">
        <v>18040</v>
      </c>
      <c r="G43733" t="s">
        <v>16559</v>
      </c>
      <c r="H43733" t="s">
        <v>16560</v>
      </c>
      <c r="I43733" s="2">
        <v>1</v>
      </c>
      <c r="J43733" s="2">
        <v>0</v>
      </c>
      <c r="K43733" s="2">
        <v>0</v>
      </c>
      <c r="L43733" t="s">
        <v>120</v>
      </c>
      <c r="M43733" t="s">
        <v>83</v>
      </c>
      <c r="N43733" t="s">
        <v>91</v>
      </c>
      <c r="O43733" t="s">
        <v>85</v>
      </c>
      <c r="P43733" t="s">
        <v>86</v>
      </c>
      <c r="Q43733">
        <v>84</v>
      </c>
      <c r="R43733">
        <v>85</v>
      </c>
      <c r="S43733">
        <v>86</v>
      </c>
      <c r="T43733">
        <v>87</v>
      </c>
      <c r="U43733">
        <v>88</v>
      </c>
      <c r="V43733">
        <v>89</v>
      </c>
      <c r="W43733">
        <v>90</v>
      </c>
      <c r="X43733">
        <v>91</v>
      </c>
      <c r="Y43733">
        <v>92</v>
      </c>
      <c r="Z43733">
        <v>93</v>
      </c>
      <c r="AA43733">
        <v>94</v>
      </c>
      <c r="AB43733">
        <v>95</v>
      </c>
      <c r="AC43733">
        <v>96</v>
      </c>
      <c r="AD43733">
        <v>96</v>
      </c>
      <c r="AE43733">
        <v>97</v>
      </c>
      <c r="AF43733">
        <v>98</v>
      </c>
      <c r="AG43733">
        <v>99</v>
      </c>
      <c r="AH43733">
        <v>100</v>
      </c>
      <c r="AI43733">
        <v>101</v>
      </c>
      <c r="AJ43733">
        <v>102</v>
      </c>
      <c r="AK43733">
        <v>103</v>
      </c>
      <c r="AL43733">
        <v>103</v>
      </c>
      <c r="AM43733">
        <v>103</v>
      </c>
      <c r="AN43733">
        <v>103</v>
      </c>
      <c r="AO43733">
        <v>103</v>
      </c>
      <c r="AP43733">
        <v>103</v>
      </c>
      <c r="AQ43733">
        <v>103</v>
      </c>
    </row>
    <row r="43734" spans="1:43">
      <c r="A43734" t="s">
        <v>26689</v>
      </c>
      <c r="B43734" t="s">
        <v>26690</v>
      </c>
      <c r="C43734" t="s">
        <v>18149</v>
      </c>
      <c r="D43734" t="s">
        <v>18150</v>
      </c>
      <c r="E43734" t="s">
        <v>18039</v>
      </c>
      <c r="F43734" t="s">
        <v>18040</v>
      </c>
      <c r="G43734" t="s">
        <v>16559</v>
      </c>
      <c r="H43734" t="s">
        <v>16560</v>
      </c>
      <c r="I43734" s="2">
        <v>1</v>
      </c>
      <c r="J43734" s="2">
        <v>0</v>
      </c>
      <c r="K43734" s="2">
        <v>0</v>
      </c>
      <c r="L43734" t="s">
        <v>120</v>
      </c>
      <c r="M43734" t="s">
        <v>83</v>
      </c>
      <c r="N43734" t="s">
        <v>84</v>
      </c>
      <c r="O43734" t="s">
        <v>85</v>
      </c>
      <c r="P43734" t="s">
        <v>86</v>
      </c>
      <c r="Q43734">
        <v>19</v>
      </c>
      <c r="R43734">
        <v>20</v>
      </c>
      <c r="S43734">
        <v>20</v>
      </c>
      <c r="T43734">
        <v>20</v>
      </c>
      <c r="U43734">
        <v>20</v>
      </c>
      <c r="V43734">
        <v>20</v>
      </c>
      <c r="W43734">
        <v>21</v>
      </c>
      <c r="X43734">
        <v>21</v>
      </c>
      <c r="Y43734">
        <v>21</v>
      </c>
      <c r="Z43734">
        <v>21</v>
      </c>
      <c r="AA43734">
        <v>21</v>
      </c>
      <c r="AB43734">
        <v>22</v>
      </c>
      <c r="AC43734">
        <v>22</v>
      </c>
      <c r="AD43734">
        <v>22</v>
      </c>
      <c r="AE43734">
        <v>22</v>
      </c>
      <c r="AF43734">
        <v>22</v>
      </c>
      <c r="AG43734">
        <v>23</v>
      </c>
      <c r="AH43734">
        <v>23</v>
      </c>
      <c r="AI43734">
        <v>23</v>
      </c>
      <c r="AJ43734">
        <v>23</v>
      </c>
      <c r="AK43734">
        <v>24</v>
      </c>
      <c r="AL43734">
        <v>24</v>
      </c>
      <c r="AM43734">
        <v>24</v>
      </c>
      <c r="AN43734">
        <v>24</v>
      </c>
      <c r="AO43734">
        <v>24</v>
      </c>
      <c r="AP43734">
        <v>24</v>
      </c>
      <c r="AQ43734">
        <v>24</v>
      </c>
    </row>
    <row r="43735" spans="1:43">
      <c r="A43735" t="s">
        <v>26689</v>
      </c>
      <c r="B43735" t="s">
        <v>26690</v>
      </c>
      <c r="C43735" t="s">
        <v>18149</v>
      </c>
      <c r="D43735" t="s">
        <v>18150</v>
      </c>
      <c r="E43735" t="s">
        <v>18039</v>
      </c>
      <c r="F43735" t="s">
        <v>18040</v>
      </c>
      <c r="G43735" t="s">
        <v>16559</v>
      </c>
      <c r="H43735" t="s">
        <v>16560</v>
      </c>
      <c r="I43735" s="2">
        <v>1</v>
      </c>
      <c r="J43735" s="2">
        <v>0</v>
      </c>
      <c r="K43735" s="2">
        <v>0</v>
      </c>
      <c r="L43735" t="s">
        <v>120</v>
      </c>
      <c r="M43735" t="s">
        <v>87</v>
      </c>
      <c r="N43735" t="s">
        <v>88</v>
      </c>
      <c r="O43735" t="s">
        <v>85</v>
      </c>
      <c r="P43735" t="s">
        <v>86</v>
      </c>
      <c r="Q43735">
        <v>19</v>
      </c>
      <c r="R43735">
        <v>19</v>
      </c>
      <c r="S43735">
        <v>19</v>
      </c>
      <c r="T43735">
        <v>19</v>
      </c>
      <c r="U43735">
        <v>19</v>
      </c>
      <c r="V43735">
        <v>19</v>
      </c>
      <c r="W43735">
        <v>19</v>
      </c>
      <c r="X43735">
        <v>19</v>
      </c>
      <c r="Y43735">
        <v>20</v>
      </c>
      <c r="Z43735">
        <v>20</v>
      </c>
      <c r="AA43735">
        <v>20</v>
      </c>
      <c r="AB43735">
        <v>20</v>
      </c>
      <c r="AC43735">
        <v>20</v>
      </c>
      <c r="AD43735">
        <v>20</v>
      </c>
      <c r="AE43735">
        <v>20</v>
      </c>
      <c r="AF43735">
        <v>20</v>
      </c>
      <c r="AG43735">
        <v>20</v>
      </c>
      <c r="AH43735">
        <v>20</v>
      </c>
      <c r="AI43735">
        <v>20</v>
      </c>
      <c r="AJ43735">
        <v>20</v>
      </c>
      <c r="AK43735">
        <v>20</v>
      </c>
      <c r="AL43735">
        <v>20</v>
      </c>
      <c r="AM43735">
        <v>20</v>
      </c>
      <c r="AN43735">
        <v>20</v>
      </c>
      <c r="AO43735">
        <v>20</v>
      </c>
      <c r="AP43735">
        <v>20</v>
      </c>
      <c r="AQ43735">
        <v>20</v>
      </c>
    </row>
    <row r="43736" spans="1:43">
      <c r="A43736" t="s">
        <v>26689</v>
      </c>
      <c r="B43736" t="s">
        <v>26690</v>
      </c>
      <c r="C43736" t="s">
        <v>18149</v>
      </c>
      <c r="D43736" t="s">
        <v>18150</v>
      </c>
      <c r="E43736" t="s">
        <v>18039</v>
      </c>
      <c r="F43736" t="s">
        <v>18040</v>
      </c>
      <c r="G43736" t="s">
        <v>16559</v>
      </c>
      <c r="H43736" t="s">
        <v>16560</v>
      </c>
      <c r="I43736" s="2">
        <v>1</v>
      </c>
      <c r="J43736" s="2">
        <v>0</v>
      </c>
      <c r="K43736" s="2">
        <v>0</v>
      </c>
      <c r="L43736" t="s">
        <v>120</v>
      </c>
      <c r="M43736" t="s">
        <v>89</v>
      </c>
      <c r="N43736" t="s">
        <v>90</v>
      </c>
      <c r="O43736" t="s">
        <v>85</v>
      </c>
      <c r="P43736" t="s">
        <v>86</v>
      </c>
      <c r="Q43736">
        <v>19</v>
      </c>
      <c r="R43736">
        <v>19</v>
      </c>
      <c r="S43736">
        <v>19</v>
      </c>
      <c r="T43736">
        <v>20</v>
      </c>
      <c r="U43736">
        <v>20</v>
      </c>
      <c r="V43736">
        <v>20</v>
      </c>
      <c r="W43736">
        <v>21</v>
      </c>
      <c r="X43736">
        <v>21</v>
      </c>
      <c r="Y43736">
        <v>21</v>
      </c>
      <c r="Z43736">
        <v>22</v>
      </c>
      <c r="AA43736">
        <v>22</v>
      </c>
      <c r="AB43736">
        <v>22</v>
      </c>
      <c r="AC43736">
        <v>22</v>
      </c>
      <c r="AD43736">
        <v>23</v>
      </c>
      <c r="AE43736">
        <v>23</v>
      </c>
      <c r="AF43736">
        <v>23</v>
      </c>
      <c r="AG43736">
        <v>23</v>
      </c>
      <c r="AH43736">
        <v>23</v>
      </c>
      <c r="AI43736">
        <v>23</v>
      </c>
      <c r="AJ43736">
        <v>23</v>
      </c>
      <c r="AK43736">
        <v>23</v>
      </c>
      <c r="AL43736">
        <v>23</v>
      </c>
      <c r="AM43736">
        <v>23</v>
      </c>
      <c r="AN43736">
        <v>23</v>
      </c>
      <c r="AO43736">
        <v>23</v>
      </c>
      <c r="AP43736">
        <v>23</v>
      </c>
      <c r="AQ43736">
        <v>23</v>
      </c>
    </row>
    <row r="43737" spans="1:43">
      <c r="A43737" t="s">
        <v>26689</v>
      </c>
      <c r="B43737" t="s">
        <v>26690</v>
      </c>
      <c r="C43737" t="s">
        <v>18149</v>
      </c>
      <c r="D43737" t="s">
        <v>18150</v>
      </c>
      <c r="E43737" t="s">
        <v>18039</v>
      </c>
      <c r="F43737" t="s">
        <v>18040</v>
      </c>
      <c r="G43737" t="s">
        <v>16559</v>
      </c>
      <c r="H43737" t="s">
        <v>16560</v>
      </c>
      <c r="I43737" s="2">
        <v>1</v>
      </c>
      <c r="J43737" s="2">
        <v>0</v>
      </c>
      <c r="K43737" s="2">
        <v>0</v>
      </c>
      <c r="L43737" t="s">
        <v>120</v>
      </c>
      <c r="M43737" t="s">
        <v>83</v>
      </c>
      <c r="N43737" t="s">
        <v>91</v>
      </c>
      <c r="O43737" t="s">
        <v>85</v>
      </c>
      <c r="P43737" t="s">
        <v>86</v>
      </c>
      <c r="Q43737">
        <v>19</v>
      </c>
      <c r="R43737">
        <v>20</v>
      </c>
      <c r="S43737">
        <v>20</v>
      </c>
      <c r="T43737">
        <v>20</v>
      </c>
      <c r="U43737">
        <v>20</v>
      </c>
      <c r="V43737">
        <v>20</v>
      </c>
      <c r="W43737">
        <v>21</v>
      </c>
      <c r="X43737">
        <v>21</v>
      </c>
      <c r="Y43737">
        <v>21</v>
      </c>
      <c r="Z43737">
        <v>21</v>
      </c>
      <c r="AA43737">
        <v>21</v>
      </c>
      <c r="AB43737">
        <v>22</v>
      </c>
      <c r="AC43737">
        <v>22</v>
      </c>
      <c r="AD43737">
        <v>22</v>
      </c>
      <c r="AE43737">
        <v>22</v>
      </c>
      <c r="AF43737">
        <v>22</v>
      </c>
      <c r="AG43737">
        <v>23</v>
      </c>
      <c r="AH43737">
        <v>23</v>
      </c>
      <c r="AI43737">
        <v>23</v>
      </c>
      <c r="AJ43737">
        <v>23</v>
      </c>
      <c r="AK43737">
        <v>24</v>
      </c>
      <c r="AL43737">
        <v>24</v>
      </c>
      <c r="AM43737">
        <v>24</v>
      </c>
      <c r="AN43737">
        <v>24</v>
      </c>
      <c r="AO43737">
        <v>24</v>
      </c>
      <c r="AP43737">
        <v>24</v>
      </c>
      <c r="AQ43737">
        <v>24</v>
      </c>
    </row>
    <row r="43738" spans="1:43">
      <c r="A43738" t="s">
        <v>26691</v>
      </c>
      <c r="B43738" t="s">
        <v>26692</v>
      </c>
      <c r="C43738" t="s">
        <v>18113</v>
      </c>
      <c r="D43738" t="s">
        <v>18114</v>
      </c>
      <c r="E43738" t="s">
        <v>18039</v>
      </c>
      <c r="F43738" t="s">
        <v>18040</v>
      </c>
      <c r="G43738" t="s">
        <v>16559</v>
      </c>
      <c r="H43738" t="s">
        <v>16560</v>
      </c>
      <c r="I43738" s="2">
        <v>1</v>
      </c>
      <c r="J43738" s="2">
        <v>0</v>
      </c>
      <c r="K43738" s="2">
        <v>0</v>
      </c>
      <c r="L43738" t="s">
        <v>120</v>
      </c>
      <c r="M43738" t="s">
        <v>83</v>
      </c>
      <c r="N43738" t="s">
        <v>84</v>
      </c>
      <c r="O43738" t="s">
        <v>85</v>
      </c>
      <c r="P43738" t="s">
        <v>86</v>
      </c>
      <c r="Q43738">
        <v>12</v>
      </c>
      <c r="R43738">
        <v>12</v>
      </c>
      <c r="S43738">
        <v>12</v>
      </c>
      <c r="T43738">
        <v>12</v>
      </c>
      <c r="U43738">
        <v>12</v>
      </c>
      <c r="V43738">
        <v>12</v>
      </c>
      <c r="W43738">
        <v>12</v>
      </c>
      <c r="X43738">
        <v>12</v>
      </c>
      <c r="Y43738">
        <v>13</v>
      </c>
      <c r="Z43738">
        <v>13</v>
      </c>
      <c r="AA43738">
        <v>13</v>
      </c>
      <c r="AB43738">
        <v>13</v>
      </c>
      <c r="AC43738">
        <v>13</v>
      </c>
      <c r="AD43738">
        <v>13</v>
      </c>
      <c r="AE43738">
        <v>13</v>
      </c>
      <c r="AF43738">
        <v>13</v>
      </c>
      <c r="AG43738">
        <v>13</v>
      </c>
      <c r="AH43738">
        <v>14</v>
      </c>
      <c r="AI43738">
        <v>14</v>
      </c>
      <c r="AJ43738">
        <v>14</v>
      </c>
      <c r="AK43738">
        <v>14</v>
      </c>
      <c r="AL43738">
        <v>14</v>
      </c>
      <c r="AM43738">
        <v>14</v>
      </c>
      <c r="AN43738">
        <v>14</v>
      </c>
      <c r="AO43738">
        <v>14</v>
      </c>
      <c r="AP43738">
        <v>14</v>
      </c>
      <c r="AQ43738">
        <v>14</v>
      </c>
    </row>
    <row r="43739" spans="1:43">
      <c r="A43739" t="s">
        <v>26691</v>
      </c>
      <c r="B43739" t="s">
        <v>26692</v>
      </c>
      <c r="C43739" t="s">
        <v>18113</v>
      </c>
      <c r="D43739" t="s">
        <v>18114</v>
      </c>
      <c r="E43739" t="s">
        <v>18039</v>
      </c>
      <c r="F43739" t="s">
        <v>18040</v>
      </c>
      <c r="G43739" t="s">
        <v>16559</v>
      </c>
      <c r="H43739" t="s">
        <v>16560</v>
      </c>
      <c r="I43739" s="2">
        <v>1</v>
      </c>
      <c r="J43739" s="2">
        <v>0</v>
      </c>
      <c r="K43739" s="2">
        <v>0</v>
      </c>
      <c r="L43739" t="s">
        <v>120</v>
      </c>
      <c r="M43739" t="s">
        <v>87</v>
      </c>
      <c r="N43739" t="s">
        <v>88</v>
      </c>
      <c r="O43739" t="s">
        <v>85</v>
      </c>
      <c r="P43739" t="s">
        <v>86</v>
      </c>
      <c r="Q43739">
        <v>12</v>
      </c>
      <c r="R43739">
        <v>12</v>
      </c>
      <c r="S43739">
        <v>12</v>
      </c>
      <c r="T43739">
        <v>12</v>
      </c>
      <c r="U43739">
        <v>12</v>
      </c>
      <c r="V43739">
        <v>12</v>
      </c>
      <c r="W43739">
        <v>12</v>
      </c>
      <c r="X43739">
        <v>12</v>
      </c>
      <c r="Y43739">
        <v>12</v>
      </c>
      <c r="Z43739">
        <v>12</v>
      </c>
      <c r="AA43739">
        <v>12</v>
      </c>
      <c r="AB43739">
        <v>12</v>
      </c>
      <c r="AC43739">
        <v>12</v>
      </c>
      <c r="AD43739">
        <v>12</v>
      </c>
      <c r="AE43739">
        <v>12</v>
      </c>
      <c r="AF43739">
        <v>12</v>
      </c>
      <c r="AG43739">
        <v>12</v>
      </c>
      <c r="AH43739">
        <v>12</v>
      </c>
      <c r="AI43739">
        <v>12</v>
      </c>
      <c r="AJ43739">
        <v>12</v>
      </c>
      <c r="AK43739">
        <v>12</v>
      </c>
      <c r="AL43739">
        <v>12</v>
      </c>
      <c r="AM43739">
        <v>12</v>
      </c>
      <c r="AN43739">
        <v>12</v>
      </c>
      <c r="AO43739">
        <v>12</v>
      </c>
      <c r="AP43739">
        <v>12</v>
      </c>
      <c r="AQ43739">
        <v>12</v>
      </c>
    </row>
    <row r="43740" spans="1:43">
      <c r="A43740" t="s">
        <v>26691</v>
      </c>
      <c r="B43740" t="s">
        <v>26692</v>
      </c>
      <c r="C43740" t="s">
        <v>18113</v>
      </c>
      <c r="D43740" t="s">
        <v>18114</v>
      </c>
      <c r="E43740" t="s">
        <v>18039</v>
      </c>
      <c r="F43740" t="s">
        <v>18040</v>
      </c>
      <c r="G43740" t="s">
        <v>16559</v>
      </c>
      <c r="H43740" t="s">
        <v>16560</v>
      </c>
      <c r="I43740" s="2">
        <v>1</v>
      </c>
      <c r="J43740" s="2">
        <v>0</v>
      </c>
      <c r="K43740" s="2">
        <v>0</v>
      </c>
      <c r="L43740" t="s">
        <v>120</v>
      </c>
      <c r="M43740" t="s">
        <v>89</v>
      </c>
      <c r="N43740" t="s">
        <v>90</v>
      </c>
      <c r="O43740" t="s">
        <v>85</v>
      </c>
      <c r="P43740" t="s">
        <v>86</v>
      </c>
      <c r="Q43740">
        <v>12</v>
      </c>
      <c r="R43740">
        <v>12</v>
      </c>
      <c r="S43740">
        <v>12</v>
      </c>
      <c r="T43740">
        <v>12</v>
      </c>
      <c r="U43740">
        <v>13</v>
      </c>
      <c r="V43740">
        <v>13</v>
      </c>
      <c r="W43740">
        <v>13</v>
      </c>
      <c r="X43740">
        <v>13</v>
      </c>
      <c r="Y43740">
        <v>13</v>
      </c>
      <c r="Z43740">
        <v>13</v>
      </c>
      <c r="AA43740">
        <v>14</v>
      </c>
      <c r="AB43740">
        <v>14</v>
      </c>
      <c r="AC43740">
        <v>14</v>
      </c>
      <c r="AD43740">
        <v>14</v>
      </c>
      <c r="AE43740">
        <v>14</v>
      </c>
      <c r="AF43740">
        <v>14</v>
      </c>
      <c r="AG43740">
        <v>14</v>
      </c>
      <c r="AH43740">
        <v>14</v>
      </c>
      <c r="AI43740">
        <v>14</v>
      </c>
      <c r="AJ43740">
        <v>14</v>
      </c>
      <c r="AK43740">
        <v>14</v>
      </c>
      <c r="AL43740">
        <v>14</v>
      </c>
      <c r="AM43740">
        <v>14</v>
      </c>
      <c r="AN43740">
        <v>14</v>
      </c>
      <c r="AO43740">
        <v>14</v>
      </c>
      <c r="AP43740">
        <v>14</v>
      </c>
      <c r="AQ43740">
        <v>14</v>
      </c>
    </row>
    <row r="43741" spans="1:43">
      <c r="A43741" t="s">
        <v>26691</v>
      </c>
      <c r="B43741" t="s">
        <v>26692</v>
      </c>
      <c r="C43741" t="s">
        <v>18113</v>
      </c>
      <c r="D43741" t="s">
        <v>18114</v>
      </c>
      <c r="E43741" t="s">
        <v>18039</v>
      </c>
      <c r="F43741" t="s">
        <v>18040</v>
      </c>
      <c r="G43741" t="s">
        <v>16559</v>
      </c>
      <c r="H43741" t="s">
        <v>16560</v>
      </c>
      <c r="I43741" s="2">
        <v>1</v>
      </c>
      <c r="J43741" s="2">
        <v>0</v>
      </c>
      <c r="K43741" s="2">
        <v>0</v>
      </c>
      <c r="L43741" t="s">
        <v>120</v>
      </c>
      <c r="M43741" t="s">
        <v>83</v>
      </c>
      <c r="N43741" t="s">
        <v>91</v>
      </c>
      <c r="O43741" t="s">
        <v>85</v>
      </c>
      <c r="P43741" t="s">
        <v>86</v>
      </c>
      <c r="Q43741">
        <v>12</v>
      </c>
      <c r="R43741">
        <v>12</v>
      </c>
      <c r="S43741">
        <v>12</v>
      </c>
      <c r="T43741">
        <v>12</v>
      </c>
      <c r="U43741">
        <v>12</v>
      </c>
      <c r="V43741">
        <v>12</v>
      </c>
      <c r="W43741">
        <v>12</v>
      </c>
      <c r="X43741">
        <v>12</v>
      </c>
      <c r="Y43741">
        <v>13</v>
      </c>
      <c r="Z43741">
        <v>13</v>
      </c>
      <c r="AA43741">
        <v>13</v>
      </c>
      <c r="AB43741">
        <v>13</v>
      </c>
      <c r="AC43741">
        <v>13</v>
      </c>
      <c r="AD43741">
        <v>13</v>
      </c>
      <c r="AE43741">
        <v>13</v>
      </c>
      <c r="AF43741">
        <v>13</v>
      </c>
      <c r="AG43741">
        <v>13</v>
      </c>
      <c r="AH43741">
        <v>14</v>
      </c>
      <c r="AI43741">
        <v>14</v>
      </c>
      <c r="AJ43741">
        <v>14</v>
      </c>
      <c r="AK43741">
        <v>14</v>
      </c>
      <c r="AL43741">
        <v>14</v>
      </c>
      <c r="AM43741">
        <v>14</v>
      </c>
      <c r="AN43741">
        <v>14</v>
      </c>
      <c r="AO43741">
        <v>14</v>
      </c>
      <c r="AP43741">
        <v>14</v>
      </c>
      <c r="AQ43741">
        <v>14</v>
      </c>
    </row>
    <row r="43742" spans="1:43">
      <c r="A43742" t="s">
        <v>26693</v>
      </c>
      <c r="B43742" t="s">
        <v>26694</v>
      </c>
      <c r="C43742" t="s">
        <v>18113</v>
      </c>
      <c r="D43742" t="s">
        <v>18114</v>
      </c>
      <c r="E43742" t="s">
        <v>18039</v>
      </c>
      <c r="F43742" t="s">
        <v>18040</v>
      </c>
      <c r="G43742" t="s">
        <v>16559</v>
      </c>
      <c r="H43742" t="s">
        <v>16560</v>
      </c>
      <c r="I43742" s="2">
        <v>1</v>
      </c>
      <c r="J43742" s="2">
        <v>0</v>
      </c>
      <c r="K43742" s="2">
        <v>0</v>
      </c>
      <c r="L43742" t="s">
        <v>120</v>
      </c>
      <c r="M43742" t="s">
        <v>83</v>
      </c>
      <c r="N43742" t="s">
        <v>84</v>
      </c>
      <c r="O43742" t="s">
        <v>85</v>
      </c>
      <c r="P43742" t="s">
        <v>86</v>
      </c>
      <c r="Q43742">
        <v>18</v>
      </c>
      <c r="R43742">
        <v>18</v>
      </c>
      <c r="S43742">
        <v>19</v>
      </c>
      <c r="T43742">
        <v>19</v>
      </c>
      <c r="U43742">
        <v>19</v>
      </c>
      <c r="V43742">
        <v>19</v>
      </c>
      <c r="W43742">
        <v>19</v>
      </c>
      <c r="X43742">
        <v>20</v>
      </c>
      <c r="Y43742">
        <v>20</v>
      </c>
      <c r="Z43742">
        <v>20</v>
      </c>
      <c r="AA43742">
        <v>20</v>
      </c>
      <c r="AB43742">
        <v>20</v>
      </c>
      <c r="AC43742">
        <v>20</v>
      </c>
      <c r="AD43742">
        <v>21</v>
      </c>
      <c r="AE43742">
        <v>21</v>
      </c>
      <c r="AF43742">
        <v>21</v>
      </c>
      <c r="AG43742">
        <v>21</v>
      </c>
      <c r="AH43742">
        <v>21</v>
      </c>
      <c r="AI43742">
        <v>21</v>
      </c>
      <c r="AJ43742">
        <v>22</v>
      </c>
      <c r="AK43742">
        <v>22</v>
      </c>
      <c r="AL43742">
        <v>22</v>
      </c>
      <c r="AM43742">
        <v>22</v>
      </c>
      <c r="AN43742">
        <v>22</v>
      </c>
      <c r="AO43742">
        <v>22</v>
      </c>
      <c r="AP43742">
        <v>22</v>
      </c>
      <c r="AQ43742">
        <v>22</v>
      </c>
    </row>
    <row r="43743" spans="1:43">
      <c r="A43743" t="s">
        <v>26693</v>
      </c>
      <c r="B43743" t="s">
        <v>26694</v>
      </c>
      <c r="C43743" t="s">
        <v>18113</v>
      </c>
      <c r="D43743" t="s">
        <v>18114</v>
      </c>
      <c r="E43743" t="s">
        <v>18039</v>
      </c>
      <c r="F43743" t="s">
        <v>18040</v>
      </c>
      <c r="G43743" t="s">
        <v>16559</v>
      </c>
      <c r="H43743" t="s">
        <v>16560</v>
      </c>
      <c r="I43743" s="2">
        <v>1</v>
      </c>
      <c r="J43743" s="2">
        <v>0</v>
      </c>
      <c r="K43743" s="2">
        <v>0</v>
      </c>
      <c r="L43743" t="s">
        <v>120</v>
      </c>
      <c r="M43743" t="s">
        <v>87</v>
      </c>
      <c r="N43743" t="s">
        <v>88</v>
      </c>
      <c r="O43743" t="s">
        <v>85</v>
      </c>
      <c r="P43743" t="s">
        <v>86</v>
      </c>
      <c r="Q43743">
        <v>18</v>
      </c>
      <c r="R43743">
        <v>18</v>
      </c>
      <c r="S43743">
        <v>18</v>
      </c>
      <c r="T43743">
        <v>18</v>
      </c>
      <c r="U43743">
        <v>18</v>
      </c>
      <c r="V43743">
        <v>18</v>
      </c>
      <c r="W43743">
        <v>18</v>
      </c>
      <c r="X43743">
        <v>18</v>
      </c>
      <c r="Y43743">
        <v>18</v>
      </c>
      <c r="Z43743">
        <v>18</v>
      </c>
      <c r="AA43743">
        <v>18</v>
      </c>
      <c r="AB43743">
        <v>18</v>
      </c>
      <c r="AC43743">
        <v>18</v>
      </c>
      <c r="AD43743">
        <v>18</v>
      </c>
      <c r="AE43743">
        <v>18</v>
      </c>
      <c r="AF43743">
        <v>19</v>
      </c>
      <c r="AG43743">
        <v>19</v>
      </c>
      <c r="AH43743">
        <v>19</v>
      </c>
      <c r="AI43743">
        <v>19</v>
      </c>
      <c r="AJ43743">
        <v>19</v>
      </c>
      <c r="AK43743">
        <v>19</v>
      </c>
      <c r="AL43743">
        <v>19</v>
      </c>
      <c r="AM43743">
        <v>19</v>
      </c>
      <c r="AN43743">
        <v>19</v>
      </c>
      <c r="AO43743">
        <v>19</v>
      </c>
      <c r="AP43743">
        <v>19</v>
      </c>
      <c r="AQ43743">
        <v>19</v>
      </c>
    </row>
    <row r="43744" spans="1:43">
      <c r="A43744" t="s">
        <v>26693</v>
      </c>
      <c r="B43744" t="s">
        <v>26694</v>
      </c>
      <c r="C43744" t="s">
        <v>18113</v>
      </c>
      <c r="D43744" t="s">
        <v>18114</v>
      </c>
      <c r="E43744" t="s">
        <v>18039</v>
      </c>
      <c r="F43744" t="s">
        <v>18040</v>
      </c>
      <c r="G43744" t="s">
        <v>16559</v>
      </c>
      <c r="H43744" t="s">
        <v>16560</v>
      </c>
      <c r="I43744" s="2">
        <v>1</v>
      </c>
      <c r="J43744" s="2">
        <v>0</v>
      </c>
      <c r="K43744" s="2">
        <v>0</v>
      </c>
      <c r="L43744" t="s">
        <v>120</v>
      </c>
      <c r="M43744" t="s">
        <v>89</v>
      </c>
      <c r="N43744" t="s">
        <v>90</v>
      </c>
      <c r="O43744" t="s">
        <v>85</v>
      </c>
      <c r="P43744" t="s">
        <v>86</v>
      </c>
      <c r="Q43744">
        <v>18</v>
      </c>
      <c r="R43744">
        <v>19</v>
      </c>
      <c r="S43744">
        <v>19</v>
      </c>
      <c r="T43744">
        <v>19</v>
      </c>
      <c r="U43744">
        <v>20</v>
      </c>
      <c r="V43744">
        <v>20</v>
      </c>
      <c r="W43744">
        <v>20</v>
      </c>
      <c r="X43744">
        <v>21</v>
      </c>
      <c r="Y43744">
        <v>21</v>
      </c>
      <c r="Z43744">
        <v>21</v>
      </c>
      <c r="AA43744">
        <v>21</v>
      </c>
      <c r="AB43744">
        <v>22</v>
      </c>
      <c r="AC43744">
        <v>22</v>
      </c>
      <c r="AD43744">
        <v>22</v>
      </c>
      <c r="AE43744">
        <v>22</v>
      </c>
      <c r="AF43744">
        <v>22</v>
      </c>
      <c r="AG43744">
        <v>22</v>
      </c>
      <c r="AH43744">
        <v>22</v>
      </c>
      <c r="AI43744">
        <v>22</v>
      </c>
      <c r="AJ43744">
        <v>22</v>
      </c>
      <c r="AK43744">
        <v>22</v>
      </c>
      <c r="AL43744">
        <v>22</v>
      </c>
      <c r="AM43744">
        <v>22</v>
      </c>
      <c r="AN43744">
        <v>22</v>
      </c>
      <c r="AO43744">
        <v>22</v>
      </c>
      <c r="AP43744">
        <v>22</v>
      </c>
      <c r="AQ43744">
        <v>22</v>
      </c>
    </row>
    <row r="43745" spans="1:43">
      <c r="A43745" t="s">
        <v>26693</v>
      </c>
      <c r="B43745" t="s">
        <v>26694</v>
      </c>
      <c r="C43745" t="s">
        <v>18113</v>
      </c>
      <c r="D43745" t="s">
        <v>18114</v>
      </c>
      <c r="E43745" t="s">
        <v>18039</v>
      </c>
      <c r="F43745" t="s">
        <v>18040</v>
      </c>
      <c r="G43745" t="s">
        <v>16559</v>
      </c>
      <c r="H43745" t="s">
        <v>16560</v>
      </c>
      <c r="I43745" s="2">
        <v>1</v>
      </c>
      <c r="J43745" s="2">
        <v>0</v>
      </c>
      <c r="K43745" s="2">
        <v>0</v>
      </c>
      <c r="L43745" t="s">
        <v>120</v>
      </c>
      <c r="M43745" t="s">
        <v>83</v>
      </c>
      <c r="N43745" t="s">
        <v>91</v>
      </c>
      <c r="O43745" t="s">
        <v>85</v>
      </c>
      <c r="P43745" t="s">
        <v>86</v>
      </c>
      <c r="Q43745">
        <v>18</v>
      </c>
      <c r="R43745">
        <v>18</v>
      </c>
      <c r="S43745">
        <v>19</v>
      </c>
      <c r="T43745">
        <v>19</v>
      </c>
      <c r="U43745">
        <v>19</v>
      </c>
      <c r="V43745">
        <v>19</v>
      </c>
      <c r="W43745">
        <v>19</v>
      </c>
      <c r="X43745">
        <v>20</v>
      </c>
      <c r="Y43745">
        <v>20</v>
      </c>
      <c r="Z43745">
        <v>20</v>
      </c>
      <c r="AA43745">
        <v>20</v>
      </c>
      <c r="AB43745">
        <v>20</v>
      </c>
      <c r="AC43745">
        <v>20</v>
      </c>
      <c r="AD43745">
        <v>21</v>
      </c>
      <c r="AE43745">
        <v>21</v>
      </c>
      <c r="AF43745">
        <v>21</v>
      </c>
      <c r="AG43745">
        <v>21</v>
      </c>
      <c r="AH43745">
        <v>21</v>
      </c>
      <c r="AI43745">
        <v>21</v>
      </c>
      <c r="AJ43745">
        <v>22</v>
      </c>
      <c r="AK43745">
        <v>22</v>
      </c>
      <c r="AL43745">
        <v>22</v>
      </c>
      <c r="AM43745">
        <v>22</v>
      </c>
      <c r="AN43745">
        <v>22</v>
      </c>
      <c r="AO43745">
        <v>22</v>
      </c>
      <c r="AP43745">
        <v>22</v>
      </c>
      <c r="AQ43745">
        <v>22</v>
      </c>
    </row>
    <row r="43746" spans="1:43">
      <c r="A43746" t="s">
        <v>26695</v>
      </c>
      <c r="B43746" t="s">
        <v>26696</v>
      </c>
      <c r="C43746" t="s">
        <v>18099</v>
      </c>
      <c r="D43746" t="s">
        <v>18100</v>
      </c>
      <c r="E43746" t="s">
        <v>18039</v>
      </c>
      <c r="F43746" t="s">
        <v>18040</v>
      </c>
      <c r="G43746" t="s">
        <v>16559</v>
      </c>
      <c r="H43746" t="s">
        <v>16560</v>
      </c>
      <c r="I43746" s="2">
        <v>1</v>
      </c>
      <c r="J43746" s="2">
        <v>0</v>
      </c>
      <c r="K43746" s="2">
        <v>0</v>
      </c>
      <c r="L43746" t="s">
        <v>120</v>
      </c>
      <c r="M43746" t="s">
        <v>83</v>
      </c>
      <c r="N43746" t="s">
        <v>84</v>
      </c>
      <c r="O43746" t="s">
        <v>85</v>
      </c>
      <c r="P43746" t="s">
        <v>86</v>
      </c>
      <c r="Q43746">
        <v>56</v>
      </c>
      <c r="R43746">
        <v>56</v>
      </c>
      <c r="S43746">
        <v>57</v>
      </c>
      <c r="T43746">
        <v>58</v>
      </c>
      <c r="U43746">
        <v>58</v>
      </c>
      <c r="V43746">
        <v>59</v>
      </c>
      <c r="W43746">
        <v>60</v>
      </c>
      <c r="X43746">
        <v>60</v>
      </c>
      <c r="Y43746">
        <v>61</v>
      </c>
      <c r="Z43746">
        <v>61</v>
      </c>
      <c r="AA43746">
        <v>62</v>
      </c>
      <c r="AB43746">
        <v>63</v>
      </c>
      <c r="AC43746">
        <v>63</v>
      </c>
      <c r="AD43746">
        <v>64</v>
      </c>
      <c r="AE43746">
        <v>64</v>
      </c>
      <c r="AF43746">
        <v>65</v>
      </c>
      <c r="AG43746">
        <v>65</v>
      </c>
      <c r="AH43746">
        <v>66</v>
      </c>
      <c r="AI43746">
        <v>67</v>
      </c>
      <c r="AJ43746">
        <v>67</v>
      </c>
      <c r="AK43746">
        <v>68</v>
      </c>
      <c r="AL43746">
        <v>68</v>
      </c>
      <c r="AM43746">
        <v>68</v>
      </c>
      <c r="AN43746">
        <v>68</v>
      </c>
      <c r="AO43746">
        <v>68</v>
      </c>
      <c r="AP43746">
        <v>68</v>
      </c>
      <c r="AQ43746">
        <v>68</v>
      </c>
    </row>
    <row r="43747" spans="1:43">
      <c r="A43747" t="s">
        <v>26695</v>
      </c>
      <c r="B43747" t="s">
        <v>26696</v>
      </c>
      <c r="C43747" t="s">
        <v>18099</v>
      </c>
      <c r="D43747" t="s">
        <v>18100</v>
      </c>
      <c r="E43747" t="s">
        <v>18039</v>
      </c>
      <c r="F43747" t="s">
        <v>18040</v>
      </c>
      <c r="G43747" t="s">
        <v>16559</v>
      </c>
      <c r="H43747" t="s">
        <v>16560</v>
      </c>
      <c r="I43747" s="2">
        <v>1</v>
      </c>
      <c r="J43747" s="2">
        <v>0</v>
      </c>
      <c r="K43747" s="2">
        <v>0</v>
      </c>
      <c r="L43747" t="s">
        <v>120</v>
      </c>
      <c r="M43747" t="s">
        <v>87</v>
      </c>
      <c r="N43747" t="s">
        <v>88</v>
      </c>
      <c r="O43747" t="s">
        <v>85</v>
      </c>
      <c r="P43747" t="s">
        <v>86</v>
      </c>
      <c r="Q43747">
        <v>56</v>
      </c>
      <c r="R43747">
        <v>56</v>
      </c>
      <c r="S43747">
        <v>57</v>
      </c>
      <c r="T43747">
        <v>57</v>
      </c>
      <c r="U43747">
        <v>57</v>
      </c>
      <c r="V43747">
        <v>57</v>
      </c>
      <c r="W43747">
        <v>57</v>
      </c>
      <c r="X43747">
        <v>57</v>
      </c>
      <c r="Y43747">
        <v>57</v>
      </c>
      <c r="Z43747">
        <v>57</v>
      </c>
      <c r="AA43747">
        <v>57</v>
      </c>
      <c r="AB43747">
        <v>58</v>
      </c>
      <c r="AC43747">
        <v>58</v>
      </c>
      <c r="AD43747">
        <v>58</v>
      </c>
      <c r="AE43747">
        <v>58</v>
      </c>
      <c r="AF43747">
        <v>58</v>
      </c>
      <c r="AG43747">
        <v>58</v>
      </c>
      <c r="AH43747">
        <v>58</v>
      </c>
      <c r="AI43747">
        <v>58</v>
      </c>
      <c r="AJ43747">
        <v>59</v>
      </c>
      <c r="AK43747">
        <v>59</v>
      </c>
      <c r="AL43747">
        <v>59</v>
      </c>
      <c r="AM43747">
        <v>59</v>
      </c>
      <c r="AN43747">
        <v>59</v>
      </c>
      <c r="AO43747">
        <v>59</v>
      </c>
      <c r="AP43747">
        <v>59</v>
      </c>
      <c r="AQ43747">
        <v>60</v>
      </c>
    </row>
    <row r="43748" spans="1:43">
      <c r="A43748" t="s">
        <v>26695</v>
      </c>
      <c r="B43748" t="s">
        <v>26696</v>
      </c>
      <c r="C43748" t="s">
        <v>18099</v>
      </c>
      <c r="D43748" t="s">
        <v>18100</v>
      </c>
      <c r="E43748" t="s">
        <v>18039</v>
      </c>
      <c r="F43748" t="s">
        <v>18040</v>
      </c>
      <c r="G43748" t="s">
        <v>16559</v>
      </c>
      <c r="H43748" t="s">
        <v>16560</v>
      </c>
      <c r="I43748" s="2">
        <v>1</v>
      </c>
      <c r="J43748" s="2">
        <v>0</v>
      </c>
      <c r="K43748" s="2">
        <v>0</v>
      </c>
      <c r="L43748" t="s">
        <v>120</v>
      </c>
      <c r="M43748" t="s">
        <v>89</v>
      </c>
      <c r="N43748" t="s">
        <v>90</v>
      </c>
      <c r="O43748" t="s">
        <v>85</v>
      </c>
      <c r="P43748" t="s">
        <v>86</v>
      </c>
      <c r="Q43748">
        <v>56</v>
      </c>
      <c r="R43748">
        <v>57</v>
      </c>
      <c r="S43748">
        <v>59</v>
      </c>
      <c r="T43748">
        <v>60</v>
      </c>
      <c r="U43748">
        <v>61</v>
      </c>
      <c r="V43748">
        <v>62</v>
      </c>
      <c r="W43748">
        <v>63</v>
      </c>
      <c r="X43748">
        <v>63</v>
      </c>
      <c r="Y43748">
        <v>64</v>
      </c>
      <c r="Z43748">
        <v>65</v>
      </c>
      <c r="AA43748">
        <v>66</v>
      </c>
      <c r="AB43748">
        <v>67</v>
      </c>
      <c r="AC43748">
        <v>68</v>
      </c>
      <c r="AD43748">
        <v>68</v>
      </c>
      <c r="AE43748">
        <v>69</v>
      </c>
      <c r="AF43748">
        <v>69</v>
      </c>
      <c r="AG43748">
        <v>69</v>
      </c>
      <c r="AH43748">
        <v>69</v>
      </c>
      <c r="AI43748">
        <v>69</v>
      </c>
      <c r="AJ43748">
        <v>69</v>
      </c>
      <c r="AK43748">
        <v>69</v>
      </c>
      <c r="AL43748">
        <v>68</v>
      </c>
      <c r="AM43748">
        <v>68</v>
      </c>
      <c r="AN43748">
        <v>68</v>
      </c>
      <c r="AO43748">
        <v>68</v>
      </c>
      <c r="AP43748">
        <v>68</v>
      </c>
      <c r="AQ43748">
        <v>68</v>
      </c>
    </row>
    <row r="43749" spans="1:43">
      <c r="A43749" t="s">
        <v>26695</v>
      </c>
      <c r="B43749" t="s">
        <v>26696</v>
      </c>
      <c r="C43749" t="s">
        <v>18099</v>
      </c>
      <c r="D43749" t="s">
        <v>18100</v>
      </c>
      <c r="E43749" t="s">
        <v>18039</v>
      </c>
      <c r="F43749" t="s">
        <v>18040</v>
      </c>
      <c r="G43749" t="s">
        <v>16559</v>
      </c>
      <c r="H43749" t="s">
        <v>16560</v>
      </c>
      <c r="I43749" s="2">
        <v>1</v>
      </c>
      <c r="J43749" s="2">
        <v>0</v>
      </c>
      <c r="K43749" s="2">
        <v>0</v>
      </c>
      <c r="L43749" t="s">
        <v>120</v>
      </c>
      <c r="M43749" t="s">
        <v>83</v>
      </c>
      <c r="N43749" t="s">
        <v>91</v>
      </c>
      <c r="O43749" t="s">
        <v>85</v>
      </c>
      <c r="P43749" t="s">
        <v>86</v>
      </c>
      <c r="Q43749">
        <v>56</v>
      </c>
      <c r="R43749">
        <v>56</v>
      </c>
      <c r="S43749">
        <v>57</v>
      </c>
      <c r="T43749">
        <v>58</v>
      </c>
      <c r="U43749">
        <v>58</v>
      </c>
      <c r="V43749">
        <v>59</v>
      </c>
      <c r="W43749">
        <v>60</v>
      </c>
      <c r="X43749">
        <v>60</v>
      </c>
      <c r="Y43749">
        <v>61</v>
      </c>
      <c r="Z43749">
        <v>61</v>
      </c>
      <c r="AA43749">
        <v>62</v>
      </c>
      <c r="AB43749">
        <v>63</v>
      </c>
      <c r="AC43749">
        <v>63</v>
      </c>
      <c r="AD43749">
        <v>64</v>
      </c>
      <c r="AE43749">
        <v>64</v>
      </c>
      <c r="AF43749">
        <v>65</v>
      </c>
      <c r="AG43749">
        <v>65</v>
      </c>
      <c r="AH43749">
        <v>66</v>
      </c>
      <c r="AI43749">
        <v>67</v>
      </c>
      <c r="AJ43749">
        <v>67</v>
      </c>
      <c r="AK43749">
        <v>68</v>
      </c>
      <c r="AL43749">
        <v>68</v>
      </c>
      <c r="AM43749">
        <v>68</v>
      </c>
      <c r="AN43749">
        <v>68</v>
      </c>
      <c r="AO43749">
        <v>68</v>
      </c>
      <c r="AP43749">
        <v>68</v>
      </c>
      <c r="AQ43749">
        <v>68</v>
      </c>
    </row>
    <row r="43750" spans="1:43">
      <c r="A43750" t="s">
        <v>26697</v>
      </c>
      <c r="B43750" t="s">
        <v>26698</v>
      </c>
      <c r="C43750" t="s">
        <v>16987</v>
      </c>
      <c r="D43750" t="s">
        <v>16988</v>
      </c>
      <c r="E43750" t="s">
        <v>16923</v>
      </c>
      <c r="F43750" t="s">
        <v>16924</v>
      </c>
      <c r="G43750" t="s">
        <v>16559</v>
      </c>
      <c r="H43750" t="s">
        <v>16560</v>
      </c>
      <c r="I43750" s="2">
        <v>1</v>
      </c>
      <c r="J43750" s="2">
        <v>0</v>
      </c>
      <c r="K43750" s="2">
        <v>0</v>
      </c>
      <c r="L43750" t="s">
        <v>120</v>
      </c>
      <c r="M43750" t="s">
        <v>83</v>
      </c>
      <c r="N43750" t="s">
        <v>84</v>
      </c>
      <c r="O43750" t="s">
        <v>85</v>
      </c>
      <c r="P43750" t="s">
        <v>86</v>
      </c>
      <c r="Q43750">
        <v>35</v>
      </c>
      <c r="R43750">
        <v>35</v>
      </c>
      <c r="S43750">
        <v>36</v>
      </c>
      <c r="T43750">
        <v>36</v>
      </c>
      <c r="U43750">
        <v>36</v>
      </c>
      <c r="V43750">
        <v>36</v>
      </c>
      <c r="W43750">
        <v>36</v>
      </c>
      <c r="X43750">
        <v>36</v>
      </c>
      <c r="Y43750">
        <v>37</v>
      </c>
      <c r="Z43750">
        <v>37</v>
      </c>
      <c r="AA43750">
        <v>37</v>
      </c>
      <c r="AB43750">
        <v>37</v>
      </c>
      <c r="AC43750">
        <v>37</v>
      </c>
      <c r="AD43750">
        <v>37</v>
      </c>
      <c r="AE43750">
        <v>37</v>
      </c>
      <c r="AF43750">
        <v>38</v>
      </c>
      <c r="AG43750">
        <v>38</v>
      </c>
      <c r="AH43750">
        <v>38</v>
      </c>
      <c r="AI43750">
        <v>38</v>
      </c>
      <c r="AJ43750">
        <v>38</v>
      </c>
      <c r="AK43750">
        <v>38</v>
      </c>
      <c r="AL43750">
        <v>38</v>
      </c>
      <c r="AM43750">
        <v>38</v>
      </c>
      <c r="AN43750">
        <v>38</v>
      </c>
      <c r="AO43750">
        <v>37</v>
      </c>
      <c r="AP43750">
        <v>37</v>
      </c>
      <c r="AQ43750">
        <v>37</v>
      </c>
    </row>
    <row r="43751" spans="1:43">
      <c r="A43751" t="s">
        <v>26697</v>
      </c>
      <c r="B43751" t="s">
        <v>26698</v>
      </c>
      <c r="C43751" t="s">
        <v>16987</v>
      </c>
      <c r="D43751" t="s">
        <v>16988</v>
      </c>
      <c r="E43751" t="s">
        <v>16923</v>
      </c>
      <c r="F43751" t="s">
        <v>16924</v>
      </c>
      <c r="G43751" t="s">
        <v>16559</v>
      </c>
      <c r="H43751" t="s">
        <v>16560</v>
      </c>
      <c r="I43751" s="2">
        <v>1</v>
      </c>
      <c r="J43751" s="2">
        <v>0</v>
      </c>
      <c r="K43751" s="2">
        <v>0</v>
      </c>
      <c r="L43751" t="s">
        <v>120</v>
      </c>
      <c r="M43751" t="s">
        <v>87</v>
      </c>
      <c r="N43751" t="s">
        <v>88</v>
      </c>
      <c r="O43751" t="s">
        <v>85</v>
      </c>
      <c r="P43751" t="s">
        <v>86</v>
      </c>
      <c r="Q43751">
        <v>35</v>
      </c>
      <c r="R43751">
        <v>35</v>
      </c>
      <c r="S43751">
        <v>35</v>
      </c>
      <c r="T43751">
        <v>34</v>
      </c>
      <c r="U43751">
        <v>34</v>
      </c>
      <c r="V43751">
        <v>34</v>
      </c>
      <c r="W43751">
        <v>34</v>
      </c>
      <c r="X43751">
        <v>34</v>
      </c>
      <c r="Y43751">
        <v>34</v>
      </c>
      <c r="Z43751">
        <v>34</v>
      </c>
      <c r="AA43751">
        <v>34</v>
      </c>
      <c r="AB43751">
        <v>34</v>
      </c>
      <c r="AC43751">
        <v>33</v>
      </c>
      <c r="AD43751">
        <v>33</v>
      </c>
      <c r="AE43751">
        <v>33</v>
      </c>
      <c r="AF43751">
        <v>33</v>
      </c>
      <c r="AG43751">
        <v>33</v>
      </c>
      <c r="AH43751">
        <v>33</v>
      </c>
      <c r="AI43751">
        <v>33</v>
      </c>
      <c r="AJ43751">
        <v>33</v>
      </c>
      <c r="AK43751">
        <v>33</v>
      </c>
      <c r="AL43751">
        <v>33</v>
      </c>
      <c r="AM43751">
        <v>32</v>
      </c>
      <c r="AN43751">
        <v>32</v>
      </c>
      <c r="AO43751">
        <v>32</v>
      </c>
      <c r="AP43751">
        <v>32</v>
      </c>
      <c r="AQ43751">
        <v>32</v>
      </c>
    </row>
    <row r="43752" spans="1:43">
      <c r="A43752" t="s">
        <v>26697</v>
      </c>
      <c r="B43752" t="s">
        <v>26698</v>
      </c>
      <c r="C43752" t="s">
        <v>16987</v>
      </c>
      <c r="D43752" t="s">
        <v>16988</v>
      </c>
      <c r="E43752" t="s">
        <v>16923</v>
      </c>
      <c r="F43752" t="s">
        <v>16924</v>
      </c>
      <c r="G43752" t="s">
        <v>16559</v>
      </c>
      <c r="H43752" t="s">
        <v>16560</v>
      </c>
      <c r="I43752" s="2">
        <v>1</v>
      </c>
      <c r="J43752" s="2">
        <v>0</v>
      </c>
      <c r="K43752" s="2">
        <v>0</v>
      </c>
      <c r="L43752" t="s">
        <v>120</v>
      </c>
      <c r="M43752" t="s">
        <v>89</v>
      </c>
      <c r="N43752" t="s">
        <v>90</v>
      </c>
      <c r="O43752" t="s">
        <v>85</v>
      </c>
      <c r="P43752" t="s">
        <v>86</v>
      </c>
      <c r="Q43752">
        <v>35</v>
      </c>
      <c r="R43752">
        <v>35</v>
      </c>
      <c r="S43752">
        <v>35</v>
      </c>
      <c r="T43752">
        <v>36</v>
      </c>
      <c r="U43752">
        <v>36</v>
      </c>
      <c r="V43752">
        <v>37</v>
      </c>
      <c r="W43752">
        <v>37</v>
      </c>
      <c r="X43752">
        <v>37</v>
      </c>
      <c r="Y43752">
        <v>38</v>
      </c>
      <c r="Z43752">
        <v>38</v>
      </c>
      <c r="AA43752">
        <v>38</v>
      </c>
      <c r="AB43752">
        <v>39</v>
      </c>
      <c r="AC43752">
        <v>39</v>
      </c>
      <c r="AD43752">
        <v>39</v>
      </c>
      <c r="AE43752">
        <v>39</v>
      </c>
      <c r="AF43752">
        <v>39</v>
      </c>
      <c r="AG43752">
        <v>39</v>
      </c>
      <c r="AH43752">
        <v>38</v>
      </c>
      <c r="AI43752">
        <v>38</v>
      </c>
      <c r="AJ43752">
        <v>38</v>
      </c>
      <c r="AK43752">
        <v>38</v>
      </c>
      <c r="AL43752">
        <v>38</v>
      </c>
      <c r="AM43752">
        <v>37</v>
      </c>
      <c r="AN43752">
        <v>37</v>
      </c>
      <c r="AO43752">
        <v>37</v>
      </c>
      <c r="AP43752">
        <v>37</v>
      </c>
      <c r="AQ43752">
        <v>36</v>
      </c>
    </row>
    <row r="43753" spans="1:43">
      <c r="A43753" t="s">
        <v>26697</v>
      </c>
      <c r="B43753" t="s">
        <v>26698</v>
      </c>
      <c r="C43753" t="s">
        <v>16987</v>
      </c>
      <c r="D43753" t="s">
        <v>16988</v>
      </c>
      <c r="E43753" t="s">
        <v>16923</v>
      </c>
      <c r="F43753" t="s">
        <v>16924</v>
      </c>
      <c r="G43753" t="s">
        <v>16559</v>
      </c>
      <c r="H43753" t="s">
        <v>16560</v>
      </c>
      <c r="I43753" s="2">
        <v>1</v>
      </c>
      <c r="J43753" s="2">
        <v>0</v>
      </c>
      <c r="K43753" s="2">
        <v>0</v>
      </c>
      <c r="L43753" t="s">
        <v>120</v>
      </c>
      <c r="M43753" t="s">
        <v>83</v>
      </c>
      <c r="N43753" t="s">
        <v>91</v>
      </c>
      <c r="O43753" t="s">
        <v>85</v>
      </c>
      <c r="P43753" t="s">
        <v>86</v>
      </c>
      <c r="Q43753">
        <v>35</v>
      </c>
      <c r="R43753">
        <v>35</v>
      </c>
      <c r="S43753">
        <v>36</v>
      </c>
      <c r="T43753">
        <v>36</v>
      </c>
      <c r="U43753">
        <v>36</v>
      </c>
      <c r="V43753">
        <v>36</v>
      </c>
      <c r="W43753">
        <v>36</v>
      </c>
      <c r="X43753">
        <v>36</v>
      </c>
      <c r="Y43753">
        <v>37</v>
      </c>
      <c r="Z43753">
        <v>37</v>
      </c>
      <c r="AA43753">
        <v>37</v>
      </c>
      <c r="AB43753">
        <v>37</v>
      </c>
      <c r="AC43753">
        <v>37</v>
      </c>
      <c r="AD43753">
        <v>37</v>
      </c>
      <c r="AE43753">
        <v>37</v>
      </c>
      <c r="AF43753">
        <v>38</v>
      </c>
      <c r="AG43753">
        <v>38</v>
      </c>
      <c r="AH43753">
        <v>38</v>
      </c>
      <c r="AI43753">
        <v>38</v>
      </c>
      <c r="AJ43753">
        <v>38</v>
      </c>
      <c r="AK43753">
        <v>38</v>
      </c>
      <c r="AL43753">
        <v>38</v>
      </c>
      <c r="AM43753">
        <v>38</v>
      </c>
      <c r="AN43753">
        <v>38</v>
      </c>
      <c r="AO43753">
        <v>37</v>
      </c>
      <c r="AP43753">
        <v>37</v>
      </c>
      <c r="AQ43753">
        <v>37</v>
      </c>
    </row>
    <row r="43754" spans="1:43">
      <c r="A43754" t="s">
        <v>26699</v>
      </c>
      <c r="B43754" t="s">
        <v>26700</v>
      </c>
      <c r="C43754" t="s">
        <v>3658</v>
      </c>
      <c r="D43754" t="s">
        <v>3659</v>
      </c>
      <c r="E43754" t="s">
        <v>3660</v>
      </c>
      <c r="F43754" t="s">
        <v>3661</v>
      </c>
      <c r="G43754" t="s">
        <v>80</v>
      </c>
      <c r="H43754" t="s">
        <v>81</v>
      </c>
      <c r="I43754" s="2">
        <v>0</v>
      </c>
      <c r="J43754" s="2">
        <v>1</v>
      </c>
      <c r="K43754" s="2">
        <v>0</v>
      </c>
      <c r="L43754" t="s">
        <v>82</v>
      </c>
      <c r="M43754" t="s">
        <v>83</v>
      </c>
      <c r="N43754" t="s">
        <v>84</v>
      </c>
      <c r="O43754" t="s">
        <v>85</v>
      </c>
      <c r="P43754" t="s">
        <v>86</v>
      </c>
      <c r="Q43754">
        <v>0</v>
      </c>
      <c r="R43754">
        <v>0</v>
      </c>
      <c r="S43754">
        <v>0</v>
      </c>
      <c r="T43754">
        <v>0</v>
      </c>
      <c r="U43754">
        <v>0</v>
      </c>
      <c r="V43754">
        <v>0</v>
      </c>
      <c r="W43754">
        <v>0</v>
      </c>
      <c r="X43754">
        <v>0</v>
      </c>
      <c r="Y43754">
        <v>0</v>
      </c>
      <c r="Z43754">
        <v>0</v>
      </c>
      <c r="AA43754">
        <v>0</v>
      </c>
      <c r="AB43754">
        <v>0</v>
      </c>
      <c r="AC43754">
        <v>0</v>
      </c>
      <c r="AD43754">
        <v>0</v>
      </c>
      <c r="AE43754">
        <v>0</v>
      </c>
      <c r="AF43754">
        <v>0</v>
      </c>
      <c r="AG43754">
        <v>0</v>
      </c>
      <c r="AH43754">
        <v>0</v>
      </c>
      <c r="AI43754">
        <v>0</v>
      </c>
      <c r="AJ43754">
        <v>0</v>
      </c>
      <c r="AK43754">
        <v>0</v>
      </c>
      <c r="AL43754">
        <v>0</v>
      </c>
      <c r="AM43754">
        <v>0</v>
      </c>
      <c r="AN43754">
        <v>0</v>
      </c>
      <c r="AO43754">
        <v>0</v>
      </c>
      <c r="AP43754">
        <v>0</v>
      </c>
      <c r="AQ43754">
        <v>0</v>
      </c>
    </row>
    <row r="43755" spans="1:43">
      <c r="A43755" t="s">
        <v>26699</v>
      </c>
      <c r="B43755" t="s">
        <v>26700</v>
      </c>
      <c r="C43755" t="s">
        <v>3658</v>
      </c>
      <c r="D43755" t="s">
        <v>3659</v>
      </c>
      <c r="E43755" t="s">
        <v>3660</v>
      </c>
      <c r="F43755" t="s">
        <v>3661</v>
      </c>
      <c r="G43755" t="s">
        <v>80</v>
      </c>
      <c r="H43755" t="s">
        <v>81</v>
      </c>
      <c r="I43755" s="2">
        <v>0</v>
      </c>
      <c r="J43755" s="2">
        <v>1</v>
      </c>
      <c r="K43755" s="2">
        <v>0</v>
      </c>
      <c r="L43755" t="s">
        <v>82</v>
      </c>
      <c r="M43755" t="s">
        <v>87</v>
      </c>
      <c r="N43755" t="s">
        <v>88</v>
      </c>
      <c r="O43755" t="s">
        <v>85</v>
      </c>
      <c r="P43755" t="s">
        <v>86</v>
      </c>
      <c r="Q43755">
        <v>0</v>
      </c>
      <c r="R43755">
        <v>0</v>
      </c>
      <c r="S43755">
        <v>0</v>
      </c>
      <c r="T43755">
        <v>0</v>
      </c>
      <c r="U43755">
        <v>0</v>
      </c>
      <c r="V43755">
        <v>0</v>
      </c>
      <c r="W43755">
        <v>0</v>
      </c>
      <c r="X43755">
        <v>0</v>
      </c>
      <c r="Y43755">
        <v>0</v>
      </c>
      <c r="Z43755">
        <v>0</v>
      </c>
      <c r="AA43755">
        <v>0</v>
      </c>
      <c r="AB43755">
        <v>0</v>
      </c>
      <c r="AC43755">
        <v>0</v>
      </c>
      <c r="AD43755">
        <v>0</v>
      </c>
      <c r="AE43755">
        <v>0</v>
      </c>
      <c r="AF43755">
        <v>0</v>
      </c>
      <c r="AG43755">
        <v>0</v>
      </c>
      <c r="AH43755">
        <v>0</v>
      </c>
      <c r="AI43755">
        <v>0</v>
      </c>
      <c r="AJ43755">
        <v>0</v>
      </c>
      <c r="AK43755">
        <v>0</v>
      </c>
      <c r="AL43755">
        <v>0</v>
      </c>
      <c r="AM43755">
        <v>0</v>
      </c>
      <c r="AN43755">
        <v>0</v>
      </c>
      <c r="AO43755">
        <v>0</v>
      </c>
      <c r="AP43755">
        <v>0</v>
      </c>
      <c r="AQ43755">
        <v>0</v>
      </c>
    </row>
    <row r="43756" spans="1:43">
      <c r="A43756" t="s">
        <v>26699</v>
      </c>
      <c r="B43756" t="s">
        <v>26700</v>
      </c>
      <c r="C43756" t="s">
        <v>3658</v>
      </c>
      <c r="D43756" t="s">
        <v>3659</v>
      </c>
      <c r="E43756" t="s">
        <v>3660</v>
      </c>
      <c r="F43756" t="s">
        <v>3661</v>
      </c>
      <c r="G43756" t="s">
        <v>80</v>
      </c>
      <c r="H43756" t="s">
        <v>81</v>
      </c>
      <c r="I43756" s="2">
        <v>0</v>
      </c>
      <c r="J43756" s="2">
        <v>1</v>
      </c>
      <c r="K43756" s="2">
        <v>0</v>
      </c>
      <c r="L43756" t="s">
        <v>82</v>
      </c>
      <c r="M43756" t="s">
        <v>89</v>
      </c>
      <c r="N43756" t="s">
        <v>90</v>
      </c>
      <c r="O43756" t="s">
        <v>85</v>
      </c>
      <c r="P43756" t="s">
        <v>86</v>
      </c>
      <c r="Q43756">
        <v>0</v>
      </c>
      <c r="R43756">
        <v>0</v>
      </c>
      <c r="S43756">
        <v>0</v>
      </c>
      <c r="T43756">
        <v>0</v>
      </c>
      <c r="U43756">
        <v>0</v>
      </c>
      <c r="V43756">
        <v>0</v>
      </c>
      <c r="W43756">
        <v>0</v>
      </c>
      <c r="X43756">
        <v>0</v>
      </c>
      <c r="Y43756">
        <v>0</v>
      </c>
      <c r="Z43756">
        <v>0</v>
      </c>
      <c r="AA43756">
        <v>0</v>
      </c>
      <c r="AB43756">
        <v>0</v>
      </c>
      <c r="AC43756">
        <v>0</v>
      </c>
      <c r="AD43756">
        <v>0</v>
      </c>
      <c r="AE43756">
        <v>0</v>
      </c>
      <c r="AF43756">
        <v>0</v>
      </c>
      <c r="AG43756">
        <v>0</v>
      </c>
      <c r="AH43756">
        <v>0</v>
      </c>
      <c r="AI43756">
        <v>0</v>
      </c>
      <c r="AJ43756">
        <v>0</v>
      </c>
      <c r="AK43756">
        <v>0</v>
      </c>
      <c r="AL43756">
        <v>0</v>
      </c>
      <c r="AM43756">
        <v>0</v>
      </c>
      <c r="AN43756">
        <v>0</v>
      </c>
      <c r="AO43756">
        <v>0</v>
      </c>
      <c r="AP43756">
        <v>0</v>
      </c>
      <c r="AQ43756">
        <v>0</v>
      </c>
    </row>
    <row r="43757" spans="1:43">
      <c r="A43757" t="s">
        <v>26699</v>
      </c>
      <c r="B43757" t="s">
        <v>26700</v>
      </c>
      <c r="C43757" t="s">
        <v>3658</v>
      </c>
      <c r="D43757" t="s">
        <v>3659</v>
      </c>
      <c r="E43757" t="s">
        <v>3660</v>
      </c>
      <c r="F43757" t="s">
        <v>3661</v>
      </c>
      <c r="G43757" t="s">
        <v>80</v>
      </c>
      <c r="H43757" t="s">
        <v>81</v>
      </c>
      <c r="I43757" s="2">
        <v>0</v>
      </c>
      <c r="J43757" s="2">
        <v>1</v>
      </c>
      <c r="K43757" s="2">
        <v>0</v>
      </c>
      <c r="L43757" t="s">
        <v>82</v>
      </c>
      <c r="M43757" t="s">
        <v>83</v>
      </c>
      <c r="N43757" t="s">
        <v>91</v>
      </c>
      <c r="O43757" t="s">
        <v>85</v>
      </c>
      <c r="P43757" t="s">
        <v>86</v>
      </c>
      <c r="Q43757">
        <v>0</v>
      </c>
      <c r="R43757">
        <v>0</v>
      </c>
      <c r="S43757">
        <v>0</v>
      </c>
      <c r="T43757">
        <v>0</v>
      </c>
      <c r="U43757">
        <v>0</v>
      </c>
      <c r="V43757">
        <v>0</v>
      </c>
      <c r="W43757">
        <v>0</v>
      </c>
      <c r="X43757">
        <v>0</v>
      </c>
      <c r="Y43757">
        <v>0</v>
      </c>
      <c r="Z43757">
        <v>0</v>
      </c>
      <c r="AA43757">
        <v>0</v>
      </c>
      <c r="AB43757">
        <v>0</v>
      </c>
      <c r="AC43757">
        <v>0</v>
      </c>
      <c r="AD43757">
        <v>0</v>
      </c>
      <c r="AE43757">
        <v>0</v>
      </c>
      <c r="AF43757">
        <v>0</v>
      </c>
      <c r="AG43757">
        <v>0</v>
      </c>
      <c r="AH43757">
        <v>0</v>
      </c>
      <c r="AI43757">
        <v>0</v>
      </c>
      <c r="AJ43757">
        <v>0</v>
      </c>
      <c r="AK43757">
        <v>0</v>
      </c>
      <c r="AL43757">
        <v>0</v>
      </c>
      <c r="AM43757">
        <v>0</v>
      </c>
      <c r="AN43757">
        <v>0</v>
      </c>
      <c r="AO43757">
        <v>0</v>
      </c>
      <c r="AP43757">
        <v>0</v>
      </c>
      <c r="AQ43757">
        <v>0</v>
      </c>
    </row>
    <row r="43758" spans="1:43">
      <c r="A43758" t="s">
        <v>26701</v>
      </c>
      <c r="B43758" t="s">
        <v>26702</v>
      </c>
      <c r="C43758" t="s">
        <v>3658</v>
      </c>
      <c r="D43758" t="s">
        <v>3659</v>
      </c>
      <c r="E43758" t="s">
        <v>3660</v>
      </c>
      <c r="F43758" t="s">
        <v>3661</v>
      </c>
      <c r="G43758" t="s">
        <v>80</v>
      </c>
      <c r="H43758" t="s">
        <v>81</v>
      </c>
      <c r="I43758" s="2">
        <v>0</v>
      </c>
      <c r="J43758" s="2">
        <v>1</v>
      </c>
      <c r="K43758" s="2">
        <v>0</v>
      </c>
      <c r="L43758" t="s">
        <v>82</v>
      </c>
      <c r="M43758" t="s">
        <v>83</v>
      </c>
      <c r="N43758" t="s">
        <v>84</v>
      </c>
      <c r="O43758" t="s">
        <v>85</v>
      </c>
      <c r="P43758" t="s">
        <v>86</v>
      </c>
      <c r="Q43758">
        <v>31</v>
      </c>
      <c r="R43758">
        <v>32</v>
      </c>
      <c r="S43758">
        <v>32</v>
      </c>
      <c r="T43758">
        <v>33</v>
      </c>
      <c r="U43758">
        <v>33</v>
      </c>
      <c r="V43758">
        <v>34</v>
      </c>
      <c r="W43758">
        <v>35</v>
      </c>
      <c r="X43758">
        <v>35</v>
      </c>
      <c r="Y43758">
        <v>36</v>
      </c>
      <c r="Z43758">
        <v>36</v>
      </c>
      <c r="AA43758">
        <v>37</v>
      </c>
      <c r="AB43758">
        <v>37</v>
      </c>
      <c r="AC43758">
        <v>38</v>
      </c>
      <c r="AD43758">
        <v>39</v>
      </c>
      <c r="AE43758">
        <v>39</v>
      </c>
      <c r="AF43758">
        <v>40</v>
      </c>
      <c r="AG43758">
        <v>40</v>
      </c>
      <c r="AH43758">
        <v>41</v>
      </c>
      <c r="AI43758">
        <v>41</v>
      </c>
      <c r="AJ43758">
        <v>42</v>
      </c>
      <c r="AK43758">
        <v>42</v>
      </c>
      <c r="AL43758">
        <v>43</v>
      </c>
      <c r="AM43758">
        <v>43</v>
      </c>
      <c r="AN43758">
        <v>43</v>
      </c>
      <c r="AO43758">
        <v>43</v>
      </c>
      <c r="AP43758">
        <v>43</v>
      </c>
      <c r="AQ43758">
        <v>43</v>
      </c>
    </row>
    <row r="43759" spans="1:43">
      <c r="A43759" t="s">
        <v>26701</v>
      </c>
      <c r="B43759" t="s">
        <v>26702</v>
      </c>
      <c r="C43759" t="s">
        <v>3658</v>
      </c>
      <c r="D43759" t="s">
        <v>3659</v>
      </c>
      <c r="E43759" t="s">
        <v>3660</v>
      </c>
      <c r="F43759" t="s">
        <v>3661</v>
      </c>
      <c r="G43759" t="s">
        <v>80</v>
      </c>
      <c r="H43759" t="s">
        <v>81</v>
      </c>
      <c r="I43759" s="2">
        <v>0</v>
      </c>
      <c r="J43759" s="2">
        <v>1</v>
      </c>
      <c r="K43759" s="2">
        <v>0</v>
      </c>
      <c r="L43759" t="s">
        <v>82</v>
      </c>
      <c r="M43759" t="s">
        <v>87</v>
      </c>
      <c r="N43759" t="s">
        <v>88</v>
      </c>
      <c r="O43759" t="s">
        <v>85</v>
      </c>
      <c r="P43759" t="s">
        <v>86</v>
      </c>
      <c r="Q43759">
        <v>31</v>
      </c>
      <c r="R43759">
        <v>31</v>
      </c>
      <c r="S43759">
        <v>31</v>
      </c>
      <c r="T43759">
        <v>32</v>
      </c>
      <c r="U43759">
        <v>32</v>
      </c>
      <c r="V43759">
        <v>32</v>
      </c>
      <c r="W43759">
        <v>33</v>
      </c>
      <c r="X43759">
        <v>33</v>
      </c>
      <c r="Y43759">
        <v>33</v>
      </c>
      <c r="Z43759">
        <v>33</v>
      </c>
      <c r="AA43759">
        <v>34</v>
      </c>
      <c r="AB43759">
        <v>34</v>
      </c>
      <c r="AC43759">
        <v>34</v>
      </c>
      <c r="AD43759">
        <v>34</v>
      </c>
      <c r="AE43759">
        <v>35</v>
      </c>
      <c r="AF43759">
        <v>35</v>
      </c>
      <c r="AG43759">
        <v>35</v>
      </c>
      <c r="AH43759">
        <v>35</v>
      </c>
      <c r="AI43759">
        <v>36</v>
      </c>
      <c r="AJ43759">
        <v>36</v>
      </c>
      <c r="AK43759">
        <v>36</v>
      </c>
      <c r="AL43759">
        <v>36</v>
      </c>
      <c r="AM43759">
        <v>37</v>
      </c>
      <c r="AN43759">
        <v>37</v>
      </c>
      <c r="AO43759">
        <v>37</v>
      </c>
      <c r="AP43759">
        <v>37</v>
      </c>
      <c r="AQ43759">
        <v>37</v>
      </c>
    </row>
    <row r="43760" spans="1:43">
      <c r="A43760" t="s">
        <v>26701</v>
      </c>
      <c r="B43760" t="s">
        <v>26702</v>
      </c>
      <c r="C43760" t="s">
        <v>3658</v>
      </c>
      <c r="D43760" t="s">
        <v>3659</v>
      </c>
      <c r="E43760" t="s">
        <v>3660</v>
      </c>
      <c r="F43760" t="s">
        <v>3661</v>
      </c>
      <c r="G43760" t="s">
        <v>80</v>
      </c>
      <c r="H43760" t="s">
        <v>81</v>
      </c>
      <c r="I43760" s="2">
        <v>0</v>
      </c>
      <c r="J43760" s="2">
        <v>1</v>
      </c>
      <c r="K43760" s="2">
        <v>0</v>
      </c>
      <c r="L43760" t="s">
        <v>82</v>
      </c>
      <c r="M43760" t="s">
        <v>89</v>
      </c>
      <c r="N43760" t="s">
        <v>90</v>
      </c>
      <c r="O43760" t="s">
        <v>85</v>
      </c>
      <c r="P43760" t="s">
        <v>86</v>
      </c>
      <c r="Q43760">
        <v>31</v>
      </c>
      <c r="R43760">
        <v>32</v>
      </c>
      <c r="S43760">
        <v>33</v>
      </c>
      <c r="T43760">
        <v>34</v>
      </c>
      <c r="U43760">
        <v>35</v>
      </c>
      <c r="V43760">
        <v>36</v>
      </c>
      <c r="W43760">
        <v>36</v>
      </c>
      <c r="X43760">
        <v>37</v>
      </c>
      <c r="Y43760">
        <v>38</v>
      </c>
      <c r="Z43760">
        <v>39</v>
      </c>
      <c r="AA43760">
        <v>39</v>
      </c>
      <c r="AB43760">
        <v>40</v>
      </c>
      <c r="AC43760">
        <v>41</v>
      </c>
      <c r="AD43760">
        <v>41</v>
      </c>
      <c r="AE43760">
        <v>42</v>
      </c>
      <c r="AF43760">
        <v>42</v>
      </c>
      <c r="AG43760">
        <v>42</v>
      </c>
      <c r="AH43760">
        <v>42</v>
      </c>
      <c r="AI43760">
        <v>43</v>
      </c>
      <c r="AJ43760">
        <v>43</v>
      </c>
      <c r="AK43760">
        <v>43</v>
      </c>
      <c r="AL43760">
        <v>43</v>
      </c>
      <c r="AM43760">
        <v>43</v>
      </c>
      <c r="AN43760">
        <v>43</v>
      </c>
      <c r="AO43760">
        <v>43</v>
      </c>
      <c r="AP43760">
        <v>43</v>
      </c>
      <c r="AQ43760">
        <v>43</v>
      </c>
    </row>
    <row r="43761" spans="1:43">
      <c r="A43761" t="s">
        <v>26701</v>
      </c>
      <c r="B43761" t="s">
        <v>26702</v>
      </c>
      <c r="C43761" t="s">
        <v>3658</v>
      </c>
      <c r="D43761" t="s">
        <v>3659</v>
      </c>
      <c r="E43761" t="s">
        <v>3660</v>
      </c>
      <c r="F43761" t="s">
        <v>3661</v>
      </c>
      <c r="G43761" t="s">
        <v>80</v>
      </c>
      <c r="H43761" t="s">
        <v>81</v>
      </c>
      <c r="I43761" s="2">
        <v>0</v>
      </c>
      <c r="J43761" s="2">
        <v>1</v>
      </c>
      <c r="K43761" s="2">
        <v>0</v>
      </c>
      <c r="L43761" t="s">
        <v>82</v>
      </c>
      <c r="M43761" t="s">
        <v>83</v>
      </c>
      <c r="N43761" t="s">
        <v>91</v>
      </c>
      <c r="O43761" t="s">
        <v>85</v>
      </c>
      <c r="P43761" t="s">
        <v>86</v>
      </c>
      <c r="Q43761">
        <v>31</v>
      </c>
      <c r="R43761">
        <v>32</v>
      </c>
      <c r="S43761">
        <v>32</v>
      </c>
      <c r="T43761">
        <v>33</v>
      </c>
      <c r="U43761">
        <v>33</v>
      </c>
      <c r="V43761">
        <v>34</v>
      </c>
      <c r="W43761">
        <v>35</v>
      </c>
      <c r="X43761">
        <v>35</v>
      </c>
      <c r="Y43761">
        <v>36</v>
      </c>
      <c r="Z43761">
        <v>36</v>
      </c>
      <c r="AA43761">
        <v>37</v>
      </c>
      <c r="AB43761">
        <v>37</v>
      </c>
      <c r="AC43761">
        <v>38</v>
      </c>
      <c r="AD43761">
        <v>39</v>
      </c>
      <c r="AE43761">
        <v>39</v>
      </c>
      <c r="AF43761">
        <v>40</v>
      </c>
      <c r="AG43761">
        <v>40</v>
      </c>
      <c r="AH43761">
        <v>41</v>
      </c>
      <c r="AI43761">
        <v>41</v>
      </c>
      <c r="AJ43761">
        <v>42</v>
      </c>
      <c r="AK43761">
        <v>42</v>
      </c>
      <c r="AL43761">
        <v>43</v>
      </c>
      <c r="AM43761">
        <v>43</v>
      </c>
      <c r="AN43761">
        <v>43</v>
      </c>
      <c r="AO43761">
        <v>43</v>
      </c>
      <c r="AP43761">
        <v>43</v>
      </c>
      <c r="AQ43761">
        <v>43</v>
      </c>
    </row>
    <row r="43762" spans="1:43">
      <c r="A43762" t="s">
        <v>26703</v>
      </c>
      <c r="B43762" t="s">
        <v>26704</v>
      </c>
      <c r="C43762" t="s">
        <v>3752</v>
      </c>
      <c r="D43762" t="s">
        <v>3753</v>
      </c>
      <c r="E43762" t="s">
        <v>3660</v>
      </c>
      <c r="F43762" t="s">
        <v>3661</v>
      </c>
      <c r="G43762" t="s">
        <v>80</v>
      </c>
      <c r="H43762" t="s">
        <v>81</v>
      </c>
      <c r="I43762" s="2">
        <v>0</v>
      </c>
      <c r="J43762" s="2">
        <v>1</v>
      </c>
      <c r="K43762" s="2">
        <v>0</v>
      </c>
      <c r="L43762" t="s">
        <v>82</v>
      </c>
      <c r="M43762" t="s">
        <v>83</v>
      </c>
      <c r="N43762" t="s">
        <v>84</v>
      </c>
      <c r="O43762" t="s">
        <v>85</v>
      </c>
      <c r="P43762" t="s">
        <v>86</v>
      </c>
      <c r="Q43762">
        <v>16</v>
      </c>
      <c r="R43762">
        <v>16</v>
      </c>
      <c r="S43762">
        <v>16</v>
      </c>
      <c r="T43762">
        <v>17</v>
      </c>
      <c r="U43762">
        <v>17</v>
      </c>
      <c r="V43762">
        <v>17</v>
      </c>
      <c r="W43762">
        <v>18</v>
      </c>
      <c r="X43762">
        <v>18</v>
      </c>
      <c r="Y43762">
        <v>18</v>
      </c>
      <c r="Z43762">
        <v>18</v>
      </c>
      <c r="AA43762">
        <v>19</v>
      </c>
      <c r="AB43762">
        <v>19</v>
      </c>
      <c r="AC43762">
        <v>19</v>
      </c>
      <c r="AD43762">
        <v>20</v>
      </c>
      <c r="AE43762">
        <v>20</v>
      </c>
      <c r="AF43762">
        <v>20</v>
      </c>
      <c r="AG43762">
        <v>20</v>
      </c>
      <c r="AH43762">
        <v>21</v>
      </c>
      <c r="AI43762">
        <v>21</v>
      </c>
      <c r="AJ43762">
        <v>21</v>
      </c>
      <c r="AK43762">
        <v>21</v>
      </c>
      <c r="AL43762">
        <v>22</v>
      </c>
      <c r="AM43762">
        <v>22</v>
      </c>
      <c r="AN43762">
        <v>22</v>
      </c>
      <c r="AO43762">
        <v>22</v>
      </c>
      <c r="AP43762">
        <v>22</v>
      </c>
      <c r="AQ43762">
        <v>22</v>
      </c>
    </row>
    <row r="43763" spans="1:43">
      <c r="A43763" t="s">
        <v>26703</v>
      </c>
      <c r="B43763" t="s">
        <v>26704</v>
      </c>
      <c r="C43763" t="s">
        <v>3752</v>
      </c>
      <c r="D43763" t="s">
        <v>3753</v>
      </c>
      <c r="E43763" t="s">
        <v>3660</v>
      </c>
      <c r="F43763" t="s">
        <v>3661</v>
      </c>
      <c r="G43763" t="s">
        <v>80</v>
      </c>
      <c r="H43763" t="s">
        <v>81</v>
      </c>
      <c r="I43763" s="2">
        <v>0</v>
      </c>
      <c r="J43763" s="2">
        <v>1</v>
      </c>
      <c r="K43763" s="2">
        <v>0</v>
      </c>
      <c r="L43763" t="s">
        <v>82</v>
      </c>
      <c r="M43763" t="s">
        <v>87</v>
      </c>
      <c r="N43763" t="s">
        <v>88</v>
      </c>
      <c r="O43763" t="s">
        <v>85</v>
      </c>
      <c r="P43763" t="s">
        <v>86</v>
      </c>
      <c r="Q43763">
        <v>16</v>
      </c>
      <c r="R43763">
        <v>16</v>
      </c>
      <c r="S43763">
        <v>16</v>
      </c>
      <c r="T43763">
        <v>16</v>
      </c>
      <c r="U43763">
        <v>16</v>
      </c>
      <c r="V43763">
        <v>16</v>
      </c>
      <c r="W43763">
        <v>17</v>
      </c>
      <c r="X43763">
        <v>17</v>
      </c>
      <c r="Y43763">
        <v>17</v>
      </c>
      <c r="Z43763">
        <v>17</v>
      </c>
      <c r="AA43763">
        <v>17</v>
      </c>
      <c r="AB43763">
        <v>17</v>
      </c>
      <c r="AC43763">
        <v>17</v>
      </c>
      <c r="AD43763">
        <v>17</v>
      </c>
      <c r="AE43763">
        <v>18</v>
      </c>
      <c r="AF43763">
        <v>18</v>
      </c>
      <c r="AG43763">
        <v>18</v>
      </c>
      <c r="AH43763">
        <v>18</v>
      </c>
      <c r="AI43763">
        <v>18</v>
      </c>
      <c r="AJ43763">
        <v>18</v>
      </c>
      <c r="AK43763">
        <v>18</v>
      </c>
      <c r="AL43763">
        <v>18</v>
      </c>
      <c r="AM43763">
        <v>18</v>
      </c>
      <c r="AN43763">
        <v>19</v>
      </c>
      <c r="AO43763">
        <v>19</v>
      </c>
      <c r="AP43763">
        <v>19</v>
      </c>
      <c r="AQ43763">
        <v>19</v>
      </c>
    </row>
    <row r="43764" spans="1:43">
      <c r="A43764" t="s">
        <v>26703</v>
      </c>
      <c r="B43764" t="s">
        <v>26704</v>
      </c>
      <c r="C43764" t="s">
        <v>3752</v>
      </c>
      <c r="D43764" t="s">
        <v>3753</v>
      </c>
      <c r="E43764" t="s">
        <v>3660</v>
      </c>
      <c r="F43764" t="s">
        <v>3661</v>
      </c>
      <c r="G43764" t="s">
        <v>80</v>
      </c>
      <c r="H43764" t="s">
        <v>81</v>
      </c>
      <c r="I43764" s="2">
        <v>0</v>
      </c>
      <c r="J43764" s="2">
        <v>1</v>
      </c>
      <c r="K43764" s="2">
        <v>0</v>
      </c>
      <c r="L43764" t="s">
        <v>82</v>
      </c>
      <c r="M43764" t="s">
        <v>89</v>
      </c>
      <c r="N43764" t="s">
        <v>90</v>
      </c>
      <c r="O43764" t="s">
        <v>85</v>
      </c>
      <c r="P43764" t="s">
        <v>86</v>
      </c>
      <c r="Q43764">
        <v>16</v>
      </c>
      <c r="R43764">
        <v>16</v>
      </c>
      <c r="S43764">
        <v>17</v>
      </c>
      <c r="T43764">
        <v>17</v>
      </c>
      <c r="U43764">
        <v>18</v>
      </c>
      <c r="V43764">
        <v>18</v>
      </c>
      <c r="W43764">
        <v>19</v>
      </c>
      <c r="X43764">
        <v>19</v>
      </c>
      <c r="Y43764">
        <v>19</v>
      </c>
      <c r="Z43764">
        <v>20</v>
      </c>
      <c r="AA43764">
        <v>20</v>
      </c>
      <c r="AB43764">
        <v>20</v>
      </c>
      <c r="AC43764">
        <v>21</v>
      </c>
      <c r="AD43764">
        <v>21</v>
      </c>
      <c r="AE43764">
        <v>21</v>
      </c>
      <c r="AF43764">
        <v>21</v>
      </c>
      <c r="AG43764">
        <v>22</v>
      </c>
      <c r="AH43764">
        <v>22</v>
      </c>
      <c r="AI43764">
        <v>22</v>
      </c>
      <c r="AJ43764">
        <v>22</v>
      </c>
      <c r="AK43764">
        <v>22</v>
      </c>
      <c r="AL43764">
        <v>22</v>
      </c>
      <c r="AM43764">
        <v>22</v>
      </c>
      <c r="AN43764">
        <v>22</v>
      </c>
      <c r="AO43764">
        <v>22</v>
      </c>
      <c r="AP43764">
        <v>22</v>
      </c>
      <c r="AQ43764">
        <v>22</v>
      </c>
    </row>
    <row r="43765" spans="1:43">
      <c r="A43765" t="s">
        <v>26703</v>
      </c>
      <c r="B43765" t="s">
        <v>26704</v>
      </c>
      <c r="C43765" t="s">
        <v>3752</v>
      </c>
      <c r="D43765" t="s">
        <v>3753</v>
      </c>
      <c r="E43765" t="s">
        <v>3660</v>
      </c>
      <c r="F43765" t="s">
        <v>3661</v>
      </c>
      <c r="G43765" t="s">
        <v>80</v>
      </c>
      <c r="H43765" t="s">
        <v>81</v>
      </c>
      <c r="I43765" s="2">
        <v>0</v>
      </c>
      <c r="J43765" s="2">
        <v>1</v>
      </c>
      <c r="K43765" s="2">
        <v>0</v>
      </c>
      <c r="L43765" t="s">
        <v>82</v>
      </c>
      <c r="M43765" t="s">
        <v>83</v>
      </c>
      <c r="N43765" t="s">
        <v>91</v>
      </c>
      <c r="O43765" t="s">
        <v>85</v>
      </c>
      <c r="P43765" t="s">
        <v>86</v>
      </c>
      <c r="Q43765">
        <v>16</v>
      </c>
      <c r="R43765">
        <v>16</v>
      </c>
      <c r="S43765">
        <v>16</v>
      </c>
      <c r="T43765">
        <v>17</v>
      </c>
      <c r="U43765">
        <v>17</v>
      </c>
      <c r="V43765">
        <v>17</v>
      </c>
      <c r="W43765">
        <v>18</v>
      </c>
      <c r="X43765">
        <v>18</v>
      </c>
      <c r="Y43765">
        <v>18</v>
      </c>
      <c r="Z43765">
        <v>18</v>
      </c>
      <c r="AA43765">
        <v>19</v>
      </c>
      <c r="AB43765">
        <v>19</v>
      </c>
      <c r="AC43765">
        <v>19</v>
      </c>
      <c r="AD43765">
        <v>20</v>
      </c>
      <c r="AE43765">
        <v>20</v>
      </c>
      <c r="AF43765">
        <v>20</v>
      </c>
      <c r="AG43765">
        <v>20</v>
      </c>
      <c r="AH43765">
        <v>21</v>
      </c>
      <c r="AI43765">
        <v>21</v>
      </c>
      <c r="AJ43765">
        <v>21</v>
      </c>
      <c r="AK43765">
        <v>21</v>
      </c>
      <c r="AL43765">
        <v>22</v>
      </c>
      <c r="AM43765">
        <v>22</v>
      </c>
      <c r="AN43765">
        <v>22</v>
      </c>
      <c r="AO43765">
        <v>22</v>
      </c>
      <c r="AP43765">
        <v>22</v>
      </c>
      <c r="AQ43765">
        <v>22</v>
      </c>
    </row>
    <row r="43766" spans="1:43">
      <c r="A43766" t="s">
        <v>26705</v>
      </c>
      <c r="B43766" t="s">
        <v>26706</v>
      </c>
      <c r="C43766" t="s">
        <v>3752</v>
      </c>
      <c r="D43766" t="s">
        <v>3753</v>
      </c>
      <c r="E43766" t="s">
        <v>3660</v>
      </c>
      <c r="F43766" t="s">
        <v>3661</v>
      </c>
      <c r="G43766" t="s">
        <v>80</v>
      </c>
      <c r="H43766" t="s">
        <v>81</v>
      </c>
      <c r="I43766" s="2">
        <v>0</v>
      </c>
      <c r="J43766" s="2">
        <v>1</v>
      </c>
      <c r="K43766" s="2">
        <v>0</v>
      </c>
      <c r="L43766" t="s">
        <v>82</v>
      </c>
      <c r="M43766" t="s">
        <v>83</v>
      </c>
      <c r="N43766" t="s">
        <v>84</v>
      </c>
      <c r="O43766" t="s">
        <v>85</v>
      </c>
      <c r="P43766" t="s">
        <v>86</v>
      </c>
      <c r="Q43766">
        <v>133</v>
      </c>
      <c r="R43766">
        <v>136</v>
      </c>
      <c r="S43766">
        <v>138</v>
      </c>
      <c r="T43766">
        <v>141</v>
      </c>
      <c r="U43766">
        <v>143</v>
      </c>
      <c r="V43766">
        <v>146</v>
      </c>
      <c r="W43766">
        <v>148</v>
      </c>
      <c r="X43766">
        <v>150</v>
      </c>
      <c r="Y43766">
        <v>153</v>
      </c>
      <c r="Z43766">
        <v>155</v>
      </c>
      <c r="AA43766">
        <v>158</v>
      </c>
      <c r="AB43766">
        <v>160</v>
      </c>
      <c r="AC43766">
        <v>162</v>
      </c>
      <c r="AD43766">
        <v>165</v>
      </c>
      <c r="AE43766">
        <v>167</v>
      </c>
      <c r="AF43766">
        <v>169</v>
      </c>
      <c r="AG43766">
        <v>172</v>
      </c>
      <c r="AH43766">
        <v>174</v>
      </c>
      <c r="AI43766">
        <v>176</v>
      </c>
      <c r="AJ43766">
        <v>178</v>
      </c>
      <c r="AK43766">
        <v>181</v>
      </c>
      <c r="AL43766">
        <v>182</v>
      </c>
      <c r="AM43766">
        <v>182</v>
      </c>
      <c r="AN43766">
        <v>183</v>
      </c>
      <c r="AO43766">
        <v>183</v>
      </c>
      <c r="AP43766">
        <v>184</v>
      </c>
      <c r="AQ43766">
        <v>184</v>
      </c>
    </row>
    <row r="43767" spans="1:43">
      <c r="A43767" t="s">
        <v>26705</v>
      </c>
      <c r="B43767" t="s">
        <v>26706</v>
      </c>
      <c r="C43767" t="s">
        <v>3752</v>
      </c>
      <c r="D43767" t="s">
        <v>3753</v>
      </c>
      <c r="E43767" t="s">
        <v>3660</v>
      </c>
      <c r="F43767" t="s">
        <v>3661</v>
      </c>
      <c r="G43767" t="s">
        <v>80</v>
      </c>
      <c r="H43767" t="s">
        <v>81</v>
      </c>
      <c r="I43767" s="2">
        <v>0</v>
      </c>
      <c r="J43767" s="2">
        <v>1</v>
      </c>
      <c r="K43767" s="2">
        <v>0</v>
      </c>
      <c r="L43767" t="s">
        <v>82</v>
      </c>
      <c r="M43767" t="s">
        <v>87</v>
      </c>
      <c r="N43767" t="s">
        <v>88</v>
      </c>
      <c r="O43767" t="s">
        <v>85</v>
      </c>
      <c r="P43767" t="s">
        <v>86</v>
      </c>
      <c r="Q43767">
        <v>133</v>
      </c>
      <c r="R43767">
        <v>134</v>
      </c>
      <c r="S43767">
        <v>135</v>
      </c>
      <c r="T43767">
        <v>137</v>
      </c>
      <c r="U43767">
        <v>138</v>
      </c>
      <c r="V43767">
        <v>139</v>
      </c>
      <c r="W43767">
        <v>140</v>
      </c>
      <c r="X43767">
        <v>141</v>
      </c>
      <c r="Y43767">
        <v>142</v>
      </c>
      <c r="Z43767">
        <v>143</v>
      </c>
      <c r="AA43767">
        <v>145</v>
      </c>
      <c r="AB43767">
        <v>146</v>
      </c>
      <c r="AC43767">
        <v>147</v>
      </c>
      <c r="AD43767">
        <v>148</v>
      </c>
      <c r="AE43767">
        <v>149</v>
      </c>
      <c r="AF43767">
        <v>150</v>
      </c>
      <c r="AG43767">
        <v>151</v>
      </c>
      <c r="AH43767">
        <v>152</v>
      </c>
      <c r="AI43767">
        <v>153</v>
      </c>
      <c r="AJ43767">
        <v>154</v>
      </c>
      <c r="AK43767">
        <v>154</v>
      </c>
      <c r="AL43767">
        <v>155</v>
      </c>
      <c r="AM43767">
        <v>156</v>
      </c>
      <c r="AN43767">
        <v>157</v>
      </c>
      <c r="AO43767">
        <v>158</v>
      </c>
      <c r="AP43767">
        <v>159</v>
      </c>
      <c r="AQ43767">
        <v>160</v>
      </c>
    </row>
    <row r="43768" spans="1:43">
      <c r="A43768" t="s">
        <v>26705</v>
      </c>
      <c r="B43768" t="s">
        <v>26706</v>
      </c>
      <c r="C43768" t="s">
        <v>3752</v>
      </c>
      <c r="D43768" t="s">
        <v>3753</v>
      </c>
      <c r="E43768" t="s">
        <v>3660</v>
      </c>
      <c r="F43768" t="s">
        <v>3661</v>
      </c>
      <c r="G43768" t="s">
        <v>80</v>
      </c>
      <c r="H43768" t="s">
        <v>81</v>
      </c>
      <c r="I43768" s="2">
        <v>0</v>
      </c>
      <c r="J43768" s="2">
        <v>1</v>
      </c>
      <c r="K43768" s="2">
        <v>0</v>
      </c>
      <c r="L43768" t="s">
        <v>82</v>
      </c>
      <c r="M43768" t="s">
        <v>89</v>
      </c>
      <c r="N43768" t="s">
        <v>90</v>
      </c>
      <c r="O43768" t="s">
        <v>85</v>
      </c>
      <c r="P43768" t="s">
        <v>86</v>
      </c>
      <c r="Q43768">
        <v>133</v>
      </c>
      <c r="R43768">
        <v>137</v>
      </c>
      <c r="S43768">
        <v>141</v>
      </c>
      <c r="T43768">
        <v>144</v>
      </c>
      <c r="U43768">
        <v>148</v>
      </c>
      <c r="V43768">
        <v>151</v>
      </c>
      <c r="W43768">
        <v>155</v>
      </c>
      <c r="X43768">
        <v>158</v>
      </c>
      <c r="Y43768">
        <v>161</v>
      </c>
      <c r="Z43768">
        <v>164</v>
      </c>
      <c r="AA43768">
        <v>167</v>
      </c>
      <c r="AB43768">
        <v>170</v>
      </c>
      <c r="AC43768">
        <v>173</v>
      </c>
      <c r="AD43768">
        <v>176</v>
      </c>
      <c r="AE43768">
        <v>179</v>
      </c>
      <c r="AF43768">
        <v>179</v>
      </c>
      <c r="AG43768">
        <v>180</v>
      </c>
      <c r="AH43768">
        <v>181</v>
      </c>
      <c r="AI43768">
        <v>181</v>
      </c>
      <c r="AJ43768">
        <v>182</v>
      </c>
      <c r="AK43768">
        <v>182</v>
      </c>
      <c r="AL43768">
        <v>183</v>
      </c>
      <c r="AM43768">
        <v>183</v>
      </c>
      <c r="AN43768">
        <v>184</v>
      </c>
      <c r="AO43768">
        <v>184</v>
      </c>
      <c r="AP43768">
        <v>185</v>
      </c>
      <c r="AQ43768">
        <v>185</v>
      </c>
    </row>
    <row r="43769" spans="1:43">
      <c r="A43769" t="s">
        <v>26705</v>
      </c>
      <c r="B43769" t="s">
        <v>26706</v>
      </c>
      <c r="C43769" t="s">
        <v>3752</v>
      </c>
      <c r="D43769" t="s">
        <v>3753</v>
      </c>
      <c r="E43769" t="s">
        <v>3660</v>
      </c>
      <c r="F43769" t="s">
        <v>3661</v>
      </c>
      <c r="G43769" t="s">
        <v>80</v>
      </c>
      <c r="H43769" t="s">
        <v>81</v>
      </c>
      <c r="I43769" s="2">
        <v>0</v>
      </c>
      <c r="J43769" s="2">
        <v>1</v>
      </c>
      <c r="K43769" s="2">
        <v>0</v>
      </c>
      <c r="L43769" t="s">
        <v>82</v>
      </c>
      <c r="M43769" t="s">
        <v>83</v>
      </c>
      <c r="N43769" t="s">
        <v>91</v>
      </c>
      <c r="O43769" t="s">
        <v>85</v>
      </c>
      <c r="P43769" t="s">
        <v>86</v>
      </c>
      <c r="Q43769">
        <v>133</v>
      </c>
      <c r="R43769">
        <v>136</v>
      </c>
      <c r="S43769">
        <v>138</v>
      </c>
      <c r="T43769">
        <v>141</v>
      </c>
      <c r="U43769">
        <v>143</v>
      </c>
      <c r="V43769">
        <v>146</v>
      </c>
      <c r="W43769">
        <v>148</v>
      </c>
      <c r="X43769">
        <v>150</v>
      </c>
      <c r="Y43769">
        <v>153</v>
      </c>
      <c r="Z43769">
        <v>155</v>
      </c>
      <c r="AA43769">
        <v>158</v>
      </c>
      <c r="AB43769">
        <v>160</v>
      </c>
      <c r="AC43769">
        <v>162</v>
      </c>
      <c r="AD43769">
        <v>165</v>
      </c>
      <c r="AE43769">
        <v>167</v>
      </c>
      <c r="AF43769">
        <v>169</v>
      </c>
      <c r="AG43769">
        <v>172</v>
      </c>
      <c r="AH43769">
        <v>174</v>
      </c>
      <c r="AI43769">
        <v>176</v>
      </c>
      <c r="AJ43769">
        <v>178</v>
      </c>
      <c r="AK43769">
        <v>181</v>
      </c>
      <c r="AL43769">
        <v>182</v>
      </c>
      <c r="AM43769">
        <v>182</v>
      </c>
      <c r="AN43769">
        <v>183</v>
      </c>
      <c r="AO43769">
        <v>183</v>
      </c>
      <c r="AP43769">
        <v>184</v>
      </c>
      <c r="AQ43769">
        <v>184</v>
      </c>
    </row>
    <row r="43770" spans="1:43">
      <c r="A43770" t="s">
        <v>26707</v>
      </c>
      <c r="B43770" t="s">
        <v>26708</v>
      </c>
      <c r="C43770" t="s">
        <v>3760</v>
      </c>
      <c r="D43770" t="s">
        <v>3761</v>
      </c>
      <c r="E43770" t="s">
        <v>3660</v>
      </c>
      <c r="F43770" t="s">
        <v>3661</v>
      </c>
      <c r="G43770" t="s">
        <v>80</v>
      </c>
      <c r="H43770" t="s">
        <v>81</v>
      </c>
      <c r="I43770" s="2">
        <v>0</v>
      </c>
      <c r="J43770" s="2">
        <v>1</v>
      </c>
      <c r="K43770" s="2">
        <v>0</v>
      </c>
      <c r="L43770" t="s">
        <v>82</v>
      </c>
      <c r="M43770" t="s">
        <v>83</v>
      </c>
      <c r="N43770" t="s">
        <v>84</v>
      </c>
      <c r="O43770" t="s">
        <v>85</v>
      </c>
      <c r="P43770" t="s">
        <v>86</v>
      </c>
      <c r="Q43770">
        <v>28</v>
      </c>
      <c r="R43770">
        <v>29</v>
      </c>
      <c r="S43770">
        <v>29</v>
      </c>
      <c r="T43770">
        <v>30</v>
      </c>
      <c r="U43770">
        <v>30</v>
      </c>
      <c r="V43770">
        <v>31</v>
      </c>
      <c r="W43770">
        <v>31</v>
      </c>
      <c r="X43770">
        <v>32</v>
      </c>
      <c r="Y43770">
        <v>33</v>
      </c>
      <c r="Z43770">
        <v>33</v>
      </c>
      <c r="AA43770">
        <v>34</v>
      </c>
      <c r="AB43770">
        <v>34</v>
      </c>
      <c r="AC43770">
        <v>35</v>
      </c>
      <c r="AD43770">
        <v>35</v>
      </c>
      <c r="AE43770">
        <v>36</v>
      </c>
      <c r="AF43770">
        <v>36</v>
      </c>
      <c r="AG43770">
        <v>37</v>
      </c>
      <c r="AH43770">
        <v>37</v>
      </c>
      <c r="AI43770">
        <v>38</v>
      </c>
      <c r="AJ43770">
        <v>38</v>
      </c>
      <c r="AK43770">
        <v>39</v>
      </c>
      <c r="AL43770">
        <v>39</v>
      </c>
      <c r="AM43770">
        <v>39</v>
      </c>
      <c r="AN43770">
        <v>39</v>
      </c>
      <c r="AO43770">
        <v>39</v>
      </c>
      <c r="AP43770">
        <v>39</v>
      </c>
      <c r="AQ43770">
        <v>39</v>
      </c>
    </row>
    <row r="43771" spans="1:43">
      <c r="A43771" t="s">
        <v>26707</v>
      </c>
      <c r="B43771" t="s">
        <v>26708</v>
      </c>
      <c r="C43771" t="s">
        <v>3760</v>
      </c>
      <c r="D43771" t="s">
        <v>3761</v>
      </c>
      <c r="E43771" t="s">
        <v>3660</v>
      </c>
      <c r="F43771" t="s">
        <v>3661</v>
      </c>
      <c r="G43771" t="s">
        <v>80</v>
      </c>
      <c r="H43771" t="s">
        <v>81</v>
      </c>
      <c r="I43771" s="2">
        <v>0</v>
      </c>
      <c r="J43771" s="2">
        <v>1</v>
      </c>
      <c r="K43771" s="2">
        <v>0</v>
      </c>
      <c r="L43771" t="s">
        <v>82</v>
      </c>
      <c r="M43771" t="s">
        <v>87</v>
      </c>
      <c r="N43771" t="s">
        <v>88</v>
      </c>
      <c r="O43771" t="s">
        <v>85</v>
      </c>
      <c r="P43771" t="s">
        <v>86</v>
      </c>
      <c r="Q43771">
        <v>28</v>
      </c>
      <c r="R43771">
        <v>28</v>
      </c>
      <c r="S43771">
        <v>29</v>
      </c>
      <c r="T43771">
        <v>29</v>
      </c>
      <c r="U43771">
        <v>29</v>
      </c>
      <c r="V43771">
        <v>29</v>
      </c>
      <c r="W43771">
        <v>30</v>
      </c>
      <c r="X43771">
        <v>30</v>
      </c>
      <c r="Y43771">
        <v>30</v>
      </c>
      <c r="Z43771">
        <v>30</v>
      </c>
      <c r="AA43771">
        <v>31</v>
      </c>
      <c r="AB43771">
        <v>31</v>
      </c>
      <c r="AC43771">
        <v>31</v>
      </c>
      <c r="AD43771">
        <v>31</v>
      </c>
      <c r="AE43771">
        <v>32</v>
      </c>
      <c r="AF43771">
        <v>32</v>
      </c>
      <c r="AG43771">
        <v>32</v>
      </c>
      <c r="AH43771">
        <v>32</v>
      </c>
      <c r="AI43771">
        <v>32</v>
      </c>
      <c r="AJ43771">
        <v>33</v>
      </c>
      <c r="AK43771">
        <v>33</v>
      </c>
      <c r="AL43771">
        <v>33</v>
      </c>
      <c r="AM43771">
        <v>33</v>
      </c>
      <c r="AN43771">
        <v>33</v>
      </c>
      <c r="AO43771">
        <v>34</v>
      </c>
      <c r="AP43771">
        <v>34</v>
      </c>
      <c r="AQ43771">
        <v>34</v>
      </c>
    </row>
    <row r="43772" spans="1:43">
      <c r="A43772" t="s">
        <v>26707</v>
      </c>
      <c r="B43772" t="s">
        <v>26708</v>
      </c>
      <c r="C43772" t="s">
        <v>3760</v>
      </c>
      <c r="D43772" t="s">
        <v>3761</v>
      </c>
      <c r="E43772" t="s">
        <v>3660</v>
      </c>
      <c r="F43772" t="s">
        <v>3661</v>
      </c>
      <c r="G43772" t="s">
        <v>80</v>
      </c>
      <c r="H43772" t="s">
        <v>81</v>
      </c>
      <c r="I43772" s="2">
        <v>0</v>
      </c>
      <c r="J43772" s="2">
        <v>1</v>
      </c>
      <c r="K43772" s="2">
        <v>0</v>
      </c>
      <c r="L43772" t="s">
        <v>82</v>
      </c>
      <c r="M43772" t="s">
        <v>89</v>
      </c>
      <c r="N43772" t="s">
        <v>90</v>
      </c>
      <c r="O43772" t="s">
        <v>85</v>
      </c>
      <c r="P43772" t="s">
        <v>86</v>
      </c>
      <c r="Q43772">
        <v>28</v>
      </c>
      <c r="R43772">
        <v>28</v>
      </c>
      <c r="S43772">
        <v>29</v>
      </c>
      <c r="T43772">
        <v>30</v>
      </c>
      <c r="U43772">
        <v>31</v>
      </c>
      <c r="V43772">
        <v>31</v>
      </c>
      <c r="W43772">
        <v>32</v>
      </c>
      <c r="X43772">
        <v>33</v>
      </c>
      <c r="Y43772">
        <v>34</v>
      </c>
      <c r="Z43772">
        <v>34</v>
      </c>
      <c r="AA43772">
        <v>35</v>
      </c>
      <c r="AB43772">
        <v>35</v>
      </c>
      <c r="AC43772">
        <v>36</v>
      </c>
      <c r="AD43772">
        <v>37</v>
      </c>
      <c r="AE43772">
        <v>37</v>
      </c>
      <c r="AF43772">
        <v>37</v>
      </c>
      <c r="AG43772">
        <v>37</v>
      </c>
      <c r="AH43772">
        <v>38</v>
      </c>
      <c r="AI43772">
        <v>38</v>
      </c>
      <c r="AJ43772">
        <v>38</v>
      </c>
      <c r="AK43772">
        <v>38</v>
      </c>
      <c r="AL43772">
        <v>38</v>
      </c>
      <c r="AM43772">
        <v>38</v>
      </c>
      <c r="AN43772">
        <v>38</v>
      </c>
      <c r="AO43772">
        <v>38</v>
      </c>
      <c r="AP43772">
        <v>38</v>
      </c>
      <c r="AQ43772">
        <v>38</v>
      </c>
    </row>
    <row r="43773" spans="1:43">
      <c r="A43773" t="s">
        <v>26707</v>
      </c>
      <c r="B43773" t="s">
        <v>26708</v>
      </c>
      <c r="C43773" t="s">
        <v>3760</v>
      </c>
      <c r="D43773" t="s">
        <v>3761</v>
      </c>
      <c r="E43773" t="s">
        <v>3660</v>
      </c>
      <c r="F43773" t="s">
        <v>3661</v>
      </c>
      <c r="G43773" t="s">
        <v>80</v>
      </c>
      <c r="H43773" t="s">
        <v>81</v>
      </c>
      <c r="I43773" s="2">
        <v>0</v>
      </c>
      <c r="J43773" s="2">
        <v>1</v>
      </c>
      <c r="K43773" s="2">
        <v>0</v>
      </c>
      <c r="L43773" t="s">
        <v>82</v>
      </c>
      <c r="M43773" t="s">
        <v>83</v>
      </c>
      <c r="N43773" t="s">
        <v>91</v>
      </c>
      <c r="O43773" t="s">
        <v>85</v>
      </c>
      <c r="P43773" t="s">
        <v>86</v>
      </c>
      <c r="Q43773">
        <v>28</v>
      </c>
      <c r="R43773">
        <v>29</v>
      </c>
      <c r="S43773">
        <v>29</v>
      </c>
      <c r="T43773">
        <v>30</v>
      </c>
      <c r="U43773">
        <v>30</v>
      </c>
      <c r="V43773">
        <v>31</v>
      </c>
      <c r="W43773">
        <v>31</v>
      </c>
      <c r="X43773">
        <v>32</v>
      </c>
      <c r="Y43773">
        <v>33</v>
      </c>
      <c r="Z43773">
        <v>33</v>
      </c>
      <c r="AA43773">
        <v>34</v>
      </c>
      <c r="AB43773">
        <v>34</v>
      </c>
      <c r="AC43773">
        <v>35</v>
      </c>
      <c r="AD43773">
        <v>35</v>
      </c>
      <c r="AE43773">
        <v>36</v>
      </c>
      <c r="AF43773">
        <v>36</v>
      </c>
      <c r="AG43773">
        <v>37</v>
      </c>
      <c r="AH43773">
        <v>37</v>
      </c>
      <c r="AI43773">
        <v>38</v>
      </c>
      <c r="AJ43773">
        <v>38</v>
      </c>
      <c r="AK43773">
        <v>39</v>
      </c>
      <c r="AL43773">
        <v>39</v>
      </c>
      <c r="AM43773">
        <v>39</v>
      </c>
      <c r="AN43773">
        <v>39</v>
      </c>
      <c r="AO43773">
        <v>39</v>
      </c>
      <c r="AP43773">
        <v>39</v>
      </c>
      <c r="AQ43773">
        <v>39</v>
      </c>
    </row>
    <row r="43774" spans="1:43">
      <c r="A43774" t="s">
        <v>26709</v>
      </c>
      <c r="B43774" t="s">
        <v>26710</v>
      </c>
      <c r="C43774" t="s">
        <v>3760</v>
      </c>
      <c r="D43774" t="s">
        <v>3761</v>
      </c>
      <c r="E43774" t="s">
        <v>3660</v>
      </c>
      <c r="F43774" t="s">
        <v>3661</v>
      </c>
      <c r="G43774" t="s">
        <v>80</v>
      </c>
      <c r="H43774" t="s">
        <v>81</v>
      </c>
      <c r="I43774" s="2">
        <v>0</v>
      </c>
      <c r="J43774" s="2">
        <v>1</v>
      </c>
      <c r="K43774" s="2">
        <v>0</v>
      </c>
      <c r="L43774" t="s">
        <v>82</v>
      </c>
      <c r="M43774" t="s">
        <v>83</v>
      </c>
      <c r="N43774" t="s">
        <v>84</v>
      </c>
      <c r="O43774" t="s">
        <v>85</v>
      </c>
      <c r="P43774" t="s">
        <v>86</v>
      </c>
      <c r="Q43774">
        <v>93</v>
      </c>
      <c r="R43774">
        <v>94</v>
      </c>
      <c r="S43774">
        <v>96</v>
      </c>
      <c r="T43774">
        <v>98</v>
      </c>
      <c r="U43774">
        <v>100</v>
      </c>
      <c r="V43774">
        <v>101</v>
      </c>
      <c r="W43774">
        <v>103</v>
      </c>
      <c r="X43774">
        <v>105</v>
      </c>
      <c r="Y43774">
        <v>107</v>
      </c>
      <c r="Z43774">
        <v>108</v>
      </c>
      <c r="AA43774">
        <v>110</v>
      </c>
      <c r="AB43774">
        <v>112</v>
      </c>
      <c r="AC43774">
        <v>113</v>
      </c>
      <c r="AD43774">
        <v>115</v>
      </c>
      <c r="AE43774">
        <v>117</v>
      </c>
      <c r="AF43774">
        <v>118</v>
      </c>
      <c r="AG43774">
        <v>120</v>
      </c>
      <c r="AH43774">
        <v>121</v>
      </c>
      <c r="AI43774">
        <v>123</v>
      </c>
      <c r="AJ43774">
        <v>125</v>
      </c>
      <c r="AK43774">
        <v>126</v>
      </c>
      <c r="AL43774">
        <v>127</v>
      </c>
      <c r="AM43774">
        <v>127</v>
      </c>
      <c r="AN43774">
        <v>128</v>
      </c>
      <c r="AO43774">
        <v>128</v>
      </c>
      <c r="AP43774">
        <v>128</v>
      </c>
      <c r="AQ43774">
        <v>129</v>
      </c>
    </row>
    <row r="43775" spans="1:43">
      <c r="A43775" t="s">
        <v>26709</v>
      </c>
      <c r="B43775" t="s">
        <v>26710</v>
      </c>
      <c r="C43775" t="s">
        <v>3760</v>
      </c>
      <c r="D43775" t="s">
        <v>3761</v>
      </c>
      <c r="E43775" t="s">
        <v>3660</v>
      </c>
      <c r="F43775" t="s">
        <v>3661</v>
      </c>
      <c r="G43775" t="s">
        <v>80</v>
      </c>
      <c r="H43775" t="s">
        <v>81</v>
      </c>
      <c r="I43775" s="2">
        <v>0</v>
      </c>
      <c r="J43775" s="2">
        <v>1</v>
      </c>
      <c r="K43775" s="2">
        <v>0</v>
      </c>
      <c r="L43775" t="s">
        <v>82</v>
      </c>
      <c r="M43775" t="s">
        <v>87</v>
      </c>
      <c r="N43775" t="s">
        <v>88</v>
      </c>
      <c r="O43775" t="s">
        <v>85</v>
      </c>
      <c r="P43775" t="s">
        <v>86</v>
      </c>
      <c r="Q43775">
        <v>93</v>
      </c>
      <c r="R43775">
        <v>94</v>
      </c>
      <c r="S43775">
        <v>94</v>
      </c>
      <c r="T43775">
        <v>95</v>
      </c>
      <c r="U43775">
        <v>96</v>
      </c>
      <c r="V43775">
        <v>97</v>
      </c>
      <c r="W43775">
        <v>98</v>
      </c>
      <c r="X43775">
        <v>99</v>
      </c>
      <c r="Y43775">
        <v>100</v>
      </c>
      <c r="Z43775">
        <v>100</v>
      </c>
      <c r="AA43775">
        <v>101</v>
      </c>
      <c r="AB43775">
        <v>102</v>
      </c>
      <c r="AC43775">
        <v>103</v>
      </c>
      <c r="AD43775">
        <v>104</v>
      </c>
      <c r="AE43775">
        <v>104</v>
      </c>
      <c r="AF43775">
        <v>105</v>
      </c>
      <c r="AG43775">
        <v>106</v>
      </c>
      <c r="AH43775">
        <v>106</v>
      </c>
      <c r="AI43775">
        <v>107</v>
      </c>
      <c r="AJ43775">
        <v>108</v>
      </c>
      <c r="AK43775">
        <v>109</v>
      </c>
      <c r="AL43775">
        <v>109</v>
      </c>
      <c r="AM43775">
        <v>110</v>
      </c>
      <c r="AN43775">
        <v>111</v>
      </c>
      <c r="AO43775">
        <v>111</v>
      </c>
      <c r="AP43775">
        <v>112</v>
      </c>
      <c r="AQ43775">
        <v>113</v>
      </c>
    </row>
    <row r="43776" spans="1:43">
      <c r="A43776" t="s">
        <v>26709</v>
      </c>
      <c r="B43776" t="s">
        <v>26710</v>
      </c>
      <c r="C43776" t="s">
        <v>3760</v>
      </c>
      <c r="D43776" t="s">
        <v>3761</v>
      </c>
      <c r="E43776" t="s">
        <v>3660</v>
      </c>
      <c r="F43776" t="s">
        <v>3661</v>
      </c>
      <c r="G43776" t="s">
        <v>80</v>
      </c>
      <c r="H43776" t="s">
        <v>81</v>
      </c>
      <c r="I43776" s="2">
        <v>0</v>
      </c>
      <c r="J43776" s="2">
        <v>1</v>
      </c>
      <c r="K43776" s="2">
        <v>0</v>
      </c>
      <c r="L43776" t="s">
        <v>82</v>
      </c>
      <c r="M43776" t="s">
        <v>89</v>
      </c>
      <c r="N43776" t="s">
        <v>90</v>
      </c>
      <c r="O43776" t="s">
        <v>85</v>
      </c>
      <c r="P43776" t="s">
        <v>86</v>
      </c>
      <c r="Q43776">
        <v>93</v>
      </c>
      <c r="R43776">
        <v>96</v>
      </c>
      <c r="S43776">
        <v>99</v>
      </c>
      <c r="T43776">
        <v>101</v>
      </c>
      <c r="U43776">
        <v>104</v>
      </c>
      <c r="V43776">
        <v>106</v>
      </c>
      <c r="W43776">
        <v>108</v>
      </c>
      <c r="X43776">
        <v>111</v>
      </c>
      <c r="Y43776">
        <v>113</v>
      </c>
      <c r="Z43776">
        <v>115</v>
      </c>
      <c r="AA43776">
        <v>117</v>
      </c>
      <c r="AB43776">
        <v>119</v>
      </c>
      <c r="AC43776">
        <v>122</v>
      </c>
      <c r="AD43776">
        <v>124</v>
      </c>
      <c r="AE43776">
        <v>125</v>
      </c>
      <c r="AF43776">
        <v>126</v>
      </c>
      <c r="AG43776">
        <v>126</v>
      </c>
      <c r="AH43776">
        <v>126</v>
      </c>
      <c r="AI43776">
        <v>127</v>
      </c>
      <c r="AJ43776">
        <v>127</v>
      </c>
      <c r="AK43776">
        <v>127</v>
      </c>
      <c r="AL43776">
        <v>128</v>
      </c>
      <c r="AM43776">
        <v>128</v>
      </c>
      <c r="AN43776">
        <v>128</v>
      </c>
      <c r="AO43776">
        <v>129</v>
      </c>
      <c r="AP43776">
        <v>129</v>
      </c>
      <c r="AQ43776">
        <v>129</v>
      </c>
    </row>
    <row r="43777" spans="1:43">
      <c r="A43777" t="s">
        <v>26709</v>
      </c>
      <c r="B43777" t="s">
        <v>26710</v>
      </c>
      <c r="C43777" t="s">
        <v>3760</v>
      </c>
      <c r="D43777" t="s">
        <v>3761</v>
      </c>
      <c r="E43777" t="s">
        <v>3660</v>
      </c>
      <c r="F43777" t="s">
        <v>3661</v>
      </c>
      <c r="G43777" t="s">
        <v>80</v>
      </c>
      <c r="H43777" t="s">
        <v>81</v>
      </c>
      <c r="I43777" s="2">
        <v>0</v>
      </c>
      <c r="J43777" s="2">
        <v>1</v>
      </c>
      <c r="K43777" s="2">
        <v>0</v>
      </c>
      <c r="L43777" t="s">
        <v>82</v>
      </c>
      <c r="M43777" t="s">
        <v>83</v>
      </c>
      <c r="N43777" t="s">
        <v>91</v>
      </c>
      <c r="O43777" t="s">
        <v>85</v>
      </c>
      <c r="P43777" t="s">
        <v>86</v>
      </c>
      <c r="Q43777">
        <v>93</v>
      </c>
      <c r="R43777">
        <v>94</v>
      </c>
      <c r="S43777">
        <v>96</v>
      </c>
      <c r="T43777">
        <v>98</v>
      </c>
      <c r="U43777">
        <v>100</v>
      </c>
      <c r="V43777">
        <v>101</v>
      </c>
      <c r="W43777">
        <v>103</v>
      </c>
      <c r="X43777">
        <v>105</v>
      </c>
      <c r="Y43777">
        <v>107</v>
      </c>
      <c r="Z43777">
        <v>108</v>
      </c>
      <c r="AA43777">
        <v>110</v>
      </c>
      <c r="AB43777">
        <v>112</v>
      </c>
      <c r="AC43777">
        <v>113</v>
      </c>
      <c r="AD43777">
        <v>115</v>
      </c>
      <c r="AE43777">
        <v>117</v>
      </c>
      <c r="AF43777">
        <v>118</v>
      </c>
      <c r="AG43777">
        <v>120</v>
      </c>
      <c r="AH43777">
        <v>121</v>
      </c>
      <c r="AI43777">
        <v>123</v>
      </c>
      <c r="AJ43777">
        <v>125</v>
      </c>
      <c r="AK43777">
        <v>126</v>
      </c>
      <c r="AL43777">
        <v>127</v>
      </c>
      <c r="AM43777">
        <v>127</v>
      </c>
      <c r="AN43777">
        <v>128</v>
      </c>
      <c r="AO43777">
        <v>128</v>
      </c>
      <c r="AP43777">
        <v>128</v>
      </c>
      <c r="AQ43777">
        <v>129</v>
      </c>
    </row>
    <row r="43778" spans="1:43">
      <c r="A43778" t="s">
        <v>26711</v>
      </c>
      <c r="B43778" t="s">
        <v>26712</v>
      </c>
      <c r="C43778" t="s">
        <v>3760</v>
      </c>
      <c r="D43778" t="s">
        <v>3761</v>
      </c>
      <c r="E43778" t="s">
        <v>3660</v>
      </c>
      <c r="F43778" t="s">
        <v>3661</v>
      </c>
      <c r="G43778" t="s">
        <v>80</v>
      </c>
      <c r="H43778" t="s">
        <v>81</v>
      </c>
      <c r="I43778" s="2">
        <v>0</v>
      </c>
      <c r="J43778" s="2">
        <v>1</v>
      </c>
      <c r="K43778" s="2">
        <v>0</v>
      </c>
      <c r="L43778" t="s">
        <v>82</v>
      </c>
      <c r="M43778" t="s">
        <v>83</v>
      </c>
      <c r="N43778" t="s">
        <v>84</v>
      </c>
      <c r="O43778" t="s">
        <v>85</v>
      </c>
      <c r="P43778" t="s">
        <v>86</v>
      </c>
      <c r="Q43778">
        <v>12</v>
      </c>
      <c r="R43778">
        <v>12</v>
      </c>
      <c r="S43778">
        <v>12</v>
      </c>
      <c r="T43778">
        <v>12</v>
      </c>
      <c r="U43778">
        <v>13</v>
      </c>
      <c r="V43778">
        <v>13</v>
      </c>
      <c r="W43778">
        <v>13</v>
      </c>
      <c r="X43778">
        <v>13</v>
      </c>
      <c r="Y43778">
        <v>14</v>
      </c>
      <c r="Z43778">
        <v>14</v>
      </c>
      <c r="AA43778">
        <v>14</v>
      </c>
      <c r="AB43778">
        <v>14</v>
      </c>
      <c r="AC43778">
        <v>14</v>
      </c>
      <c r="AD43778">
        <v>15</v>
      </c>
      <c r="AE43778">
        <v>15</v>
      </c>
      <c r="AF43778">
        <v>15</v>
      </c>
      <c r="AG43778">
        <v>15</v>
      </c>
      <c r="AH43778">
        <v>16</v>
      </c>
      <c r="AI43778">
        <v>16</v>
      </c>
      <c r="AJ43778">
        <v>16</v>
      </c>
      <c r="AK43778">
        <v>16</v>
      </c>
      <c r="AL43778">
        <v>16</v>
      </c>
      <c r="AM43778">
        <v>16</v>
      </c>
      <c r="AN43778">
        <v>16</v>
      </c>
      <c r="AO43778">
        <v>16</v>
      </c>
      <c r="AP43778">
        <v>16</v>
      </c>
      <c r="AQ43778">
        <v>16</v>
      </c>
    </row>
    <row r="43779" spans="1:43">
      <c r="A43779" t="s">
        <v>26711</v>
      </c>
      <c r="B43779" t="s">
        <v>26712</v>
      </c>
      <c r="C43779" t="s">
        <v>3760</v>
      </c>
      <c r="D43779" t="s">
        <v>3761</v>
      </c>
      <c r="E43779" t="s">
        <v>3660</v>
      </c>
      <c r="F43779" t="s">
        <v>3661</v>
      </c>
      <c r="G43779" t="s">
        <v>80</v>
      </c>
      <c r="H43779" t="s">
        <v>81</v>
      </c>
      <c r="I43779" s="2">
        <v>0</v>
      </c>
      <c r="J43779" s="2">
        <v>1</v>
      </c>
      <c r="K43779" s="2">
        <v>0</v>
      </c>
      <c r="L43779" t="s">
        <v>82</v>
      </c>
      <c r="M43779" t="s">
        <v>87</v>
      </c>
      <c r="N43779" t="s">
        <v>88</v>
      </c>
      <c r="O43779" t="s">
        <v>85</v>
      </c>
      <c r="P43779" t="s">
        <v>86</v>
      </c>
      <c r="Q43779">
        <v>12</v>
      </c>
      <c r="R43779">
        <v>12</v>
      </c>
      <c r="S43779">
        <v>12</v>
      </c>
      <c r="T43779">
        <v>12</v>
      </c>
      <c r="U43779">
        <v>12</v>
      </c>
      <c r="V43779">
        <v>12</v>
      </c>
      <c r="W43779">
        <v>12</v>
      </c>
      <c r="X43779">
        <v>12</v>
      </c>
      <c r="Y43779">
        <v>13</v>
      </c>
      <c r="Z43779">
        <v>13</v>
      </c>
      <c r="AA43779">
        <v>13</v>
      </c>
      <c r="AB43779">
        <v>13</v>
      </c>
      <c r="AC43779">
        <v>13</v>
      </c>
      <c r="AD43779">
        <v>13</v>
      </c>
      <c r="AE43779">
        <v>13</v>
      </c>
      <c r="AF43779">
        <v>13</v>
      </c>
      <c r="AG43779">
        <v>13</v>
      </c>
      <c r="AH43779">
        <v>13</v>
      </c>
      <c r="AI43779">
        <v>14</v>
      </c>
      <c r="AJ43779">
        <v>14</v>
      </c>
      <c r="AK43779">
        <v>14</v>
      </c>
      <c r="AL43779">
        <v>14</v>
      </c>
      <c r="AM43779">
        <v>14</v>
      </c>
      <c r="AN43779">
        <v>14</v>
      </c>
      <c r="AO43779">
        <v>14</v>
      </c>
      <c r="AP43779">
        <v>14</v>
      </c>
      <c r="AQ43779">
        <v>14</v>
      </c>
    </row>
    <row r="43780" spans="1:43">
      <c r="A43780" t="s">
        <v>26711</v>
      </c>
      <c r="B43780" t="s">
        <v>26712</v>
      </c>
      <c r="C43780" t="s">
        <v>3760</v>
      </c>
      <c r="D43780" t="s">
        <v>3761</v>
      </c>
      <c r="E43780" t="s">
        <v>3660</v>
      </c>
      <c r="F43780" t="s">
        <v>3661</v>
      </c>
      <c r="G43780" t="s">
        <v>80</v>
      </c>
      <c r="H43780" t="s">
        <v>81</v>
      </c>
      <c r="I43780" s="2">
        <v>0</v>
      </c>
      <c r="J43780" s="2">
        <v>1</v>
      </c>
      <c r="K43780" s="2">
        <v>0</v>
      </c>
      <c r="L43780" t="s">
        <v>82</v>
      </c>
      <c r="M43780" t="s">
        <v>89</v>
      </c>
      <c r="N43780" t="s">
        <v>90</v>
      </c>
      <c r="O43780" t="s">
        <v>85</v>
      </c>
      <c r="P43780" t="s">
        <v>86</v>
      </c>
      <c r="Q43780">
        <v>12</v>
      </c>
      <c r="R43780">
        <v>12</v>
      </c>
      <c r="S43780">
        <v>13</v>
      </c>
      <c r="T43780">
        <v>13</v>
      </c>
      <c r="U43780">
        <v>13</v>
      </c>
      <c r="V43780">
        <v>14</v>
      </c>
      <c r="W43780">
        <v>14</v>
      </c>
      <c r="X43780">
        <v>14</v>
      </c>
      <c r="Y43780">
        <v>14</v>
      </c>
      <c r="Z43780">
        <v>15</v>
      </c>
      <c r="AA43780">
        <v>15</v>
      </c>
      <c r="AB43780">
        <v>15</v>
      </c>
      <c r="AC43780">
        <v>16</v>
      </c>
      <c r="AD43780">
        <v>16</v>
      </c>
      <c r="AE43780">
        <v>16</v>
      </c>
      <c r="AF43780">
        <v>16</v>
      </c>
      <c r="AG43780">
        <v>16</v>
      </c>
      <c r="AH43780">
        <v>16</v>
      </c>
      <c r="AI43780">
        <v>16</v>
      </c>
      <c r="AJ43780">
        <v>16</v>
      </c>
      <c r="AK43780">
        <v>16</v>
      </c>
      <c r="AL43780">
        <v>16</v>
      </c>
      <c r="AM43780">
        <v>16</v>
      </c>
      <c r="AN43780">
        <v>16</v>
      </c>
      <c r="AO43780">
        <v>16</v>
      </c>
      <c r="AP43780">
        <v>16</v>
      </c>
      <c r="AQ43780">
        <v>16</v>
      </c>
    </row>
    <row r="43781" spans="1:43">
      <c r="A43781" t="s">
        <v>26711</v>
      </c>
      <c r="B43781" t="s">
        <v>26712</v>
      </c>
      <c r="C43781" t="s">
        <v>3760</v>
      </c>
      <c r="D43781" t="s">
        <v>3761</v>
      </c>
      <c r="E43781" t="s">
        <v>3660</v>
      </c>
      <c r="F43781" t="s">
        <v>3661</v>
      </c>
      <c r="G43781" t="s">
        <v>80</v>
      </c>
      <c r="H43781" t="s">
        <v>81</v>
      </c>
      <c r="I43781" s="2">
        <v>0</v>
      </c>
      <c r="J43781" s="2">
        <v>1</v>
      </c>
      <c r="K43781" s="2">
        <v>0</v>
      </c>
      <c r="L43781" t="s">
        <v>82</v>
      </c>
      <c r="M43781" t="s">
        <v>83</v>
      </c>
      <c r="N43781" t="s">
        <v>91</v>
      </c>
      <c r="O43781" t="s">
        <v>85</v>
      </c>
      <c r="P43781" t="s">
        <v>86</v>
      </c>
      <c r="Q43781">
        <v>12</v>
      </c>
      <c r="R43781">
        <v>12</v>
      </c>
      <c r="S43781">
        <v>12</v>
      </c>
      <c r="T43781">
        <v>12</v>
      </c>
      <c r="U43781">
        <v>13</v>
      </c>
      <c r="V43781">
        <v>13</v>
      </c>
      <c r="W43781">
        <v>13</v>
      </c>
      <c r="X43781">
        <v>13</v>
      </c>
      <c r="Y43781">
        <v>14</v>
      </c>
      <c r="Z43781">
        <v>14</v>
      </c>
      <c r="AA43781">
        <v>14</v>
      </c>
      <c r="AB43781">
        <v>14</v>
      </c>
      <c r="AC43781">
        <v>14</v>
      </c>
      <c r="AD43781">
        <v>15</v>
      </c>
      <c r="AE43781">
        <v>15</v>
      </c>
      <c r="AF43781">
        <v>15</v>
      </c>
      <c r="AG43781">
        <v>15</v>
      </c>
      <c r="AH43781">
        <v>16</v>
      </c>
      <c r="AI43781">
        <v>16</v>
      </c>
      <c r="AJ43781">
        <v>16</v>
      </c>
      <c r="AK43781">
        <v>16</v>
      </c>
      <c r="AL43781">
        <v>16</v>
      </c>
      <c r="AM43781">
        <v>16</v>
      </c>
      <c r="AN43781">
        <v>16</v>
      </c>
      <c r="AO43781">
        <v>16</v>
      </c>
      <c r="AP43781">
        <v>16</v>
      </c>
      <c r="AQ43781">
        <v>16</v>
      </c>
    </row>
    <row r="43782" spans="1:43">
      <c r="A43782" t="s">
        <v>26713</v>
      </c>
      <c r="B43782" t="s">
        <v>26714</v>
      </c>
      <c r="C43782" t="s">
        <v>3760</v>
      </c>
      <c r="D43782" t="s">
        <v>3761</v>
      </c>
      <c r="E43782" t="s">
        <v>3660</v>
      </c>
      <c r="F43782" t="s">
        <v>3661</v>
      </c>
      <c r="G43782" t="s">
        <v>80</v>
      </c>
      <c r="H43782" t="s">
        <v>81</v>
      </c>
      <c r="I43782" s="2">
        <v>0</v>
      </c>
      <c r="J43782" s="2">
        <v>1</v>
      </c>
      <c r="K43782" s="2">
        <v>0</v>
      </c>
      <c r="L43782" t="s">
        <v>82</v>
      </c>
      <c r="M43782" t="s">
        <v>83</v>
      </c>
      <c r="N43782" t="s">
        <v>84</v>
      </c>
      <c r="O43782" t="s">
        <v>85</v>
      </c>
      <c r="P43782" t="s">
        <v>86</v>
      </c>
      <c r="Q43782">
        <v>59</v>
      </c>
      <c r="R43782">
        <v>60</v>
      </c>
      <c r="S43782">
        <v>61</v>
      </c>
      <c r="T43782">
        <v>62</v>
      </c>
      <c r="U43782">
        <v>63</v>
      </c>
      <c r="V43782">
        <v>64</v>
      </c>
      <c r="W43782">
        <v>65</v>
      </c>
      <c r="X43782">
        <v>66</v>
      </c>
      <c r="Y43782">
        <v>67</v>
      </c>
      <c r="Z43782">
        <v>69</v>
      </c>
      <c r="AA43782">
        <v>70</v>
      </c>
      <c r="AB43782">
        <v>71</v>
      </c>
      <c r="AC43782">
        <v>72</v>
      </c>
      <c r="AD43782">
        <v>73</v>
      </c>
      <c r="AE43782">
        <v>74</v>
      </c>
      <c r="AF43782">
        <v>75</v>
      </c>
      <c r="AG43782">
        <v>76</v>
      </c>
      <c r="AH43782">
        <v>77</v>
      </c>
      <c r="AI43782">
        <v>78</v>
      </c>
      <c r="AJ43782">
        <v>79</v>
      </c>
      <c r="AK43782">
        <v>80</v>
      </c>
      <c r="AL43782">
        <v>80</v>
      </c>
      <c r="AM43782">
        <v>81</v>
      </c>
      <c r="AN43782">
        <v>81</v>
      </c>
      <c r="AO43782">
        <v>81</v>
      </c>
      <c r="AP43782">
        <v>81</v>
      </c>
      <c r="AQ43782">
        <v>81</v>
      </c>
    </row>
    <row r="43783" spans="1:43">
      <c r="A43783" t="s">
        <v>26713</v>
      </c>
      <c r="B43783" t="s">
        <v>26714</v>
      </c>
      <c r="C43783" t="s">
        <v>3760</v>
      </c>
      <c r="D43783" t="s">
        <v>3761</v>
      </c>
      <c r="E43783" t="s">
        <v>3660</v>
      </c>
      <c r="F43783" t="s">
        <v>3661</v>
      </c>
      <c r="G43783" t="s">
        <v>80</v>
      </c>
      <c r="H43783" t="s">
        <v>81</v>
      </c>
      <c r="I43783" s="2">
        <v>0</v>
      </c>
      <c r="J43783" s="2">
        <v>1</v>
      </c>
      <c r="K43783" s="2">
        <v>0</v>
      </c>
      <c r="L43783" t="s">
        <v>82</v>
      </c>
      <c r="M43783" t="s">
        <v>87</v>
      </c>
      <c r="N43783" t="s">
        <v>88</v>
      </c>
      <c r="O43783" t="s">
        <v>85</v>
      </c>
      <c r="P43783" t="s">
        <v>86</v>
      </c>
      <c r="Q43783">
        <v>59</v>
      </c>
      <c r="R43783">
        <v>60</v>
      </c>
      <c r="S43783">
        <v>60</v>
      </c>
      <c r="T43783">
        <v>61</v>
      </c>
      <c r="U43783">
        <v>61</v>
      </c>
      <c r="V43783">
        <v>62</v>
      </c>
      <c r="W43783">
        <v>62</v>
      </c>
      <c r="X43783">
        <v>63</v>
      </c>
      <c r="Y43783">
        <v>63</v>
      </c>
      <c r="Z43783">
        <v>64</v>
      </c>
      <c r="AA43783">
        <v>64</v>
      </c>
      <c r="AB43783">
        <v>65</v>
      </c>
      <c r="AC43783">
        <v>65</v>
      </c>
      <c r="AD43783">
        <v>66</v>
      </c>
      <c r="AE43783">
        <v>66</v>
      </c>
      <c r="AF43783">
        <v>67</v>
      </c>
      <c r="AG43783">
        <v>67</v>
      </c>
      <c r="AH43783">
        <v>68</v>
      </c>
      <c r="AI43783">
        <v>68</v>
      </c>
      <c r="AJ43783">
        <v>69</v>
      </c>
      <c r="AK43783">
        <v>69</v>
      </c>
      <c r="AL43783">
        <v>69</v>
      </c>
      <c r="AM43783">
        <v>70</v>
      </c>
      <c r="AN43783">
        <v>70</v>
      </c>
      <c r="AO43783">
        <v>71</v>
      </c>
      <c r="AP43783">
        <v>71</v>
      </c>
      <c r="AQ43783">
        <v>72</v>
      </c>
    </row>
    <row r="43784" spans="1:43">
      <c r="A43784" t="s">
        <v>26713</v>
      </c>
      <c r="B43784" t="s">
        <v>26714</v>
      </c>
      <c r="C43784" t="s">
        <v>3760</v>
      </c>
      <c r="D43784" t="s">
        <v>3761</v>
      </c>
      <c r="E43784" t="s">
        <v>3660</v>
      </c>
      <c r="F43784" t="s">
        <v>3661</v>
      </c>
      <c r="G43784" t="s">
        <v>80</v>
      </c>
      <c r="H43784" t="s">
        <v>81</v>
      </c>
      <c r="I43784" s="2">
        <v>0</v>
      </c>
      <c r="J43784" s="2">
        <v>1</v>
      </c>
      <c r="K43784" s="2">
        <v>0</v>
      </c>
      <c r="L43784" t="s">
        <v>82</v>
      </c>
      <c r="M43784" t="s">
        <v>89</v>
      </c>
      <c r="N43784" t="s">
        <v>90</v>
      </c>
      <c r="O43784" t="s">
        <v>85</v>
      </c>
      <c r="P43784" t="s">
        <v>86</v>
      </c>
      <c r="Q43784">
        <v>59</v>
      </c>
      <c r="R43784">
        <v>61</v>
      </c>
      <c r="S43784">
        <v>62</v>
      </c>
      <c r="T43784">
        <v>64</v>
      </c>
      <c r="U43784">
        <v>66</v>
      </c>
      <c r="V43784">
        <v>67</v>
      </c>
      <c r="W43784">
        <v>69</v>
      </c>
      <c r="X43784">
        <v>70</v>
      </c>
      <c r="Y43784">
        <v>71</v>
      </c>
      <c r="Z43784">
        <v>73</v>
      </c>
      <c r="AA43784">
        <v>74</v>
      </c>
      <c r="AB43784">
        <v>76</v>
      </c>
      <c r="AC43784">
        <v>77</v>
      </c>
      <c r="AD43784">
        <v>78</v>
      </c>
      <c r="AE43784">
        <v>79</v>
      </c>
      <c r="AF43784">
        <v>79</v>
      </c>
      <c r="AG43784">
        <v>80</v>
      </c>
      <c r="AH43784">
        <v>80</v>
      </c>
      <c r="AI43784">
        <v>80</v>
      </c>
      <c r="AJ43784">
        <v>80</v>
      </c>
      <c r="AK43784">
        <v>81</v>
      </c>
      <c r="AL43784">
        <v>81</v>
      </c>
      <c r="AM43784">
        <v>81</v>
      </c>
      <c r="AN43784">
        <v>81</v>
      </c>
      <c r="AO43784">
        <v>81</v>
      </c>
      <c r="AP43784">
        <v>82</v>
      </c>
      <c r="AQ43784">
        <v>82</v>
      </c>
    </row>
    <row r="43785" spans="1:43">
      <c r="A43785" t="s">
        <v>26713</v>
      </c>
      <c r="B43785" t="s">
        <v>26714</v>
      </c>
      <c r="C43785" t="s">
        <v>3760</v>
      </c>
      <c r="D43785" t="s">
        <v>3761</v>
      </c>
      <c r="E43785" t="s">
        <v>3660</v>
      </c>
      <c r="F43785" t="s">
        <v>3661</v>
      </c>
      <c r="G43785" t="s">
        <v>80</v>
      </c>
      <c r="H43785" t="s">
        <v>81</v>
      </c>
      <c r="I43785" s="2">
        <v>0</v>
      </c>
      <c r="J43785" s="2">
        <v>1</v>
      </c>
      <c r="K43785" s="2">
        <v>0</v>
      </c>
      <c r="L43785" t="s">
        <v>82</v>
      </c>
      <c r="M43785" t="s">
        <v>83</v>
      </c>
      <c r="N43785" t="s">
        <v>91</v>
      </c>
      <c r="O43785" t="s">
        <v>85</v>
      </c>
      <c r="P43785" t="s">
        <v>86</v>
      </c>
      <c r="Q43785">
        <v>59</v>
      </c>
      <c r="R43785">
        <v>60</v>
      </c>
      <c r="S43785">
        <v>61</v>
      </c>
      <c r="T43785">
        <v>62</v>
      </c>
      <c r="U43785">
        <v>63</v>
      </c>
      <c r="V43785">
        <v>64</v>
      </c>
      <c r="W43785">
        <v>65</v>
      </c>
      <c r="X43785">
        <v>66</v>
      </c>
      <c r="Y43785">
        <v>67</v>
      </c>
      <c r="Z43785">
        <v>69</v>
      </c>
      <c r="AA43785">
        <v>70</v>
      </c>
      <c r="AB43785">
        <v>71</v>
      </c>
      <c r="AC43785">
        <v>72</v>
      </c>
      <c r="AD43785">
        <v>73</v>
      </c>
      <c r="AE43785">
        <v>74</v>
      </c>
      <c r="AF43785">
        <v>75</v>
      </c>
      <c r="AG43785">
        <v>76</v>
      </c>
      <c r="AH43785">
        <v>77</v>
      </c>
      <c r="AI43785">
        <v>78</v>
      </c>
      <c r="AJ43785">
        <v>79</v>
      </c>
      <c r="AK43785">
        <v>80</v>
      </c>
      <c r="AL43785">
        <v>80</v>
      </c>
      <c r="AM43785">
        <v>81</v>
      </c>
      <c r="AN43785">
        <v>81</v>
      </c>
      <c r="AO43785">
        <v>81</v>
      </c>
      <c r="AP43785">
        <v>81</v>
      </c>
      <c r="AQ43785">
        <v>81</v>
      </c>
    </row>
    <row r="43786" spans="1:43">
      <c r="A43786" t="s">
        <v>26715</v>
      </c>
      <c r="B43786" t="s">
        <v>26716</v>
      </c>
      <c r="C43786" t="s">
        <v>3818</v>
      </c>
      <c r="D43786" t="s">
        <v>3819</v>
      </c>
      <c r="E43786" t="s">
        <v>3660</v>
      </c>
      <c r="F43786" t="s">
        <v>3661</v>
      </c>
      <c r="G43786" t="s">
        <v>80</v>
      </c>
      <c r="H43786" t="s">
        <v>81</v>
      </c>
      <c r="I43786" s="2">
        <v>0</v>
      </c>
      <c r="J43786" s="2">
        <v>1</v>
      </c>
      <c r="K43786" s="2">
        <v>0</v>
      </c>
      <c r="L43786" t="s">
        <v>82</v>
      </c>
      <c r="M43786" t="s">
        <v>83</v>
      </c>
      <c r="N43786" t="s">
        <v>84</v>
      </c>
      <c r="O43786" t="s">
        <v>85</v>
      </c>
      <c r="P43786" t="s">
        <v>86</v>
      </c>
      <c r="Q43786">
        <v>74</v>
      </c>
      <c r="R43786">
        <v>75</v>
      </c>
      <c r="S43786">
        <v>77</v>
      </c>
      <c r="T43786">
        <v>78</v>
      </c>
      <c r="U43786">
        <v>79</v>
      </c>
      <c r="V43786">
        <v>81</v>
      </c>
      <c r="W43786">
        <v>82</v>
      </c>
      <c r="X43786">
        <v>83</v>
      </c>
      <c r="Y43786">
        <v>85</v>
      </c>
      <c r="Z43786">
        <v>86</v>
      </c>
      <c r="AA43786">
        <v>88</v>
      </c>
      <c r="AB43786">
        <v>89</v>
      </c>
      <c r="AC43786">
        <v>90</v>
      </c>
      <c r="AD43786">
        <v>92</v>
      </c>
      <c r="AE43786">
        <v>93</v>
      </c>
      <c r="AF43786">
        <v>94</v>
      </c>
      <c r="AG43786">
        <v>95</v>
      </c>
      <c r="AH43786">
        <v>97</v>
      </c>
      <c r="AI43786">
        <v>98</v>
      </c>
      <c r="AJ43786">
        <v>99</v>
      </c>
      <c r="AK43786">
        <v>101</v>
      </c>
      <c r="AL43786">
        <v>101</v>
      </c>
      <c r="AM43786">
        <v>101</v>
      </c>
      <c r="AN43786">
        <v>102</v>
      </c>
      <c r="AO43786">
        <v>102</v>
      </c>
      <c r="AP43786">
        <v>102</v>
      </c>
      <c r="AQ43786">
        <v>102</v>
      </c>
    </row>
    <row r="43787" spans="1:43">
      <c r="A43787" t="s">
        <v>26715</v>
      </c>
      <c r="B43787" t="s">
        <v>26716</v>
      </c>
      <c r="C43787" t="s">
        <v>3818</v>
      </c>
      <c r="D43787" t="s">
        <v>3819</v>
      </c>
      <c r="E43787" t="s">
        <v>3660</v>
      </c>
      <c r="F43787" t="s">
        <v>3661</v>
      </c>
      <c r="G43787" t="s">
        <v>80</v>
      </c>
      <c r="H43787" t="s">
        <v>81</v>
      </c>
      <c r="I43787" s="2">
        <v>0</v>
      </c>
      <c r="J43787" s="2">
        <v>1</v>
      </c>
      <c r="K43787" s="2">
        <v>0</v>
      </c>
      <c r="L43787" t="s">
        <v>82</v>
      </c>
      <c r="M43787" t="s">
        <v>87</v>
      </c>
      <c r="N43787" t="s">
        <v>88</v>
      </c>
      <c r="O43787" t="s">
        <v>85</v>
      </c>
      <c r="P43787" t="s">
        <v>86</v>
      </c>
      <c r="Q43787">
        <v>74</v>
      </c>
      <c r="R43787">
        <v>75</v>
      </c>
      <c r="S43787">
        <v>75</v>
      </c>
      <c r="T43787">
        <v>76</v>
      </c>
      <c r="U43787">
        <v>77</v>
      </c>
      <c r="V43787">
        <v>78</v>
      </c>
      <c r="W43787">
        <v>78</v>
      </c>
      <c r="X43787">
        <v>79</v>
      </c>
      <c r="Y43787">
        <v>79</v>
      </c>
      <c r="Z43787">
        <v>80</v>
      </c>
      <c r="AA43787">
        <v>81</v>
      </c>
      <c r="AB43787">
        <v>81</v>
      </c>
      <c r="AC43787">
        <v>82</v>
      </c>
      <c r="AD43787">
        <v>82</v>
      </c>
      <c r="AE43787">
        <v>83</v>
      </c>
      <c r="AF43787">
        <v>84</v>
      </c>
      <c r="AG43787">
        <v>84</v>
      </c>
      <c r="AH43787">
        <v>85</v>
      </c>
      <c r="AI43787">
        <v>85</v>
      </c>
      <c r="AJ43787">
        <v>86</v>
      </c>
      <c r="AK43787">
        <v>86</v>
      </c>
      <c r="AL43787">
        <v>87</v>
      </c>
      <c r="AM43787">
        <v>87</v>
      </c>
      <c r="AN43787">
        <v>88</v>
      </c>
      <c r="AO43787">
        <v>88</v>
      </c>
      <c r="AP43787">
        <v>89</v>
      </c>
      <c r="AQ43787">
        <v>90</v>
      </c>
    </row>
    <row r="43788" spans="1:43">
      <c r="A43788" t="s">
        <v>26715</v>
      </c>
      <c r="B43788" t="s">
        <v>26716</v>
      </c>
      <c r="C43788" t="s">
        <v>3818</v>
      </c>
      <c r="D43788" t="s">
        <v>3819</v>
      </c>
      <c r="E43788" t="s">
        <v>3660</v>
      </c>
      <c r="F43788" t="s">
        <v>3661</v>
      </c>
      <c r="G43788" t="s">
        <v>80</v>
      </c>
      <c r="H43788" t="s">
        <v>81</v>
      </c>
      <c r="I43788" s="2">
        <v>0</v>
      </c>
      <c r="J43788" s="2">
        <v>1</v>
      </c>
      <c r="K43788" s="2">
        <v>0</v>
      </c>
      <c r="L43788" t="s">
        <v>82</v>
      </c>
      <c r="M43788" t="s">
        <v>89</v>
      </c>
      <c r="N43788" t="s">
        <v>90</v>
      </c>
      <c r="O43788" t="s">
        <v>85</v>
      </c>
      <c r="P43788" t="s">
        <v>86</v>
      </c>
      <c r="Q43788">
        <v>74</v>
      </c>
      <c r="R43788">
        <v>76</v>
      </c>
      <c r="S43788">
        <v>79</v>
      </c>
      <c r="T43788">
        <v>81</v>
      </c>
      <c r="U43788">
        <v>82</v>
      </c>
      <c r="V43788">
        <v>84</v>
      </c>
      <c r="W43788">
        <v>86</v>
      </c>
      <c r="X43788">
        <v>88</v>
      </c>
      <c r="Y43788">
        <v>90</v>
      </c>
      <c r="Z43788">
        <v>92</v>
      </c>
      <c r="AA43788">
        <v>93</v>
      </c>
      <c r="AB43788">
        <v>95</v>
      </c>
      <c r="AC43788">
        <v>97</v>
      </c>
      <c r="AD43788">
        <v>99</v>
      </c>
      <c r="AE43788">
        <v>100</v>
      </c>
      <c r="AF43788">
        <v>100</v>
      </c>
      <c r="AG43788">
        <v>100</v>
      </c>
      <c r="AH43788">
        <v>101</v>
      </c>
      <c r="AI43788">
        <v>101</v>
      </c>
      <c r="AJ43788">
        <v>101</v>
      </c>
      <c r="AK43788">
        <v>101</v>
      </c>
      <c r="AL43788">
        <v>102</v>
      </c>
      <c r="AM43788">
        <v>102</v>
      </c>
      <c r="AN43788">
        <v>102</v>
      </c>
      <c r="AO43788">
        <v>102</v>
      </c>
      <c r="AP43788">
        <v>102</v>
      </c>
      <c r="AQ43788">
        <v>103</v>
      </c>
    </row>
    <row r="43789" spans="1:43">
      <c r="A43789" t="s">
        <v>26715</v>
      </c>
      <c r="B43789" t="s">
        <v>26716</v>
      </c>
      <c r="C43789" t="s">
        <v>3818</v>
      </c>
      <c r="D43789" t="s">
        <v>3819</v>
      </c>
      <c r="E43789" t="s">
        <v>3660</v>
      </c>
      <c r="F43789" t="s">
        <v>3661</v>
      </c>
      <c r="G43789" t="s">
        <v>80</v>
      </c>
      <c r="H43789" t="s">
        <v>81</v>
      </c>
      <c r="I43789" s="2">
        <v>0</v>
      </c>
      <c r="J43789" s="2">
        <v>1</v>
      </c>
      <c r="K43789" s="2">
        <v>0</v>
      </c>
      <c r="L43789" t="s">
        <v>82</v>
      </c>
      <c r="M43789" t="s">
        <v>83</v>
      </c>
      <c r="N43789" t="s">
        <v>91</v>
      </c>
      <c r="O43789" t="s">
        <v>85</v>
      </c>
      <c r="P43789" t="s">
        <v>86</v>
      </c>
      <c r="Q43789">
        <v>74</v>
      </c>
      <c r="R43789">
        <v>75</v>
      </c>
      <c r="S43789">
        <v>77</v>
      </c>
      <c r="T43789">
        <v>78</v>
      </c>
      <c r="U43789">
        <v>79</v>
      </c>
      <c r="V43789">
        <v>81</v>
      </c>
      <c r="W43789">
        <v>82</v>
      </c>
      <c r="X43789">
        <v>83</v>
      </c>
      <c r="Y43789">
        <v>85</v>
      </c>
      <c r="Z43789">
        <v>86</v>
      </c>
      <c r="AA43789">
        <v>88</v>
      </c>
      <c r="AB43789">
        <v>89</v>
      </c>
      <c r="AC43789">
        <v>90</v>
      </c>
      <c r="AD43789">
        <v>92</v>
      </c>
      <c r="AE43789">
        <v>93</v>
      </c>
      <c r="AF43789">
        <v>94</v>
      </c>
      <c r="AG43789">
        <v>95</v>
      </c>
      <c r="AH43789">
        <v>97</v>
      </c>
      <c r="AI43789">
        <v>98</v>
      </c>
      <c r="AJ43789">
        <v>99</v>
      </c>
      <c r="AK43789">
        <v>101</v>
      </c>
      <c r="AL43789">
        <v>101</v>
      </c>
      <c r="AM43789">
        <v>101</v>
      </c>
      <c r="AN43789">
        <v>102</v>
      </c>
      <c r="AO43789">
        <v>102</v>
      </c>
      <c r="AP43789">
        <v>102</v>
      </c>
      <c r="AQ43789">
        <v>102</v>
      </c>
    </row>
    <row r="43790" spans="1:43">
      <c r="A43790" t="s">
        <v>26717</v>
      </c>
      <c r="B43790" t="s">
        <v>26718</v>
      </c>
      <c r="C43790" t="s">
        <v>3818</v>
      </c>
      <c r="D43790" t="s">
        <v>3819</v>
      </c>
      <c r="E43790" t="s">
        <v>3660</v>
      </c>
      <c r="F43790" t="s">
        <v>3661</v>
      </c>
      <c r="G43790" t="s">
        <v>80</v>
      </c>
      <c r="H43790" t="s">
        <v>81</v>
      </c>
      <c r="I43790" s="2">
        <v>0</v>
      </c>
      <c r="J43790" s="2">
        <v>1</v>
      </c>
      <c r="K43790" s="2">
        <v>0</v>
      </c>
      <c r="L43790" t="s">
        <v>82</v>
      </c>
      <c r="M43790" t="s">
        <v>83</v>
      </c>
      <c r="N43790" t="s">
        <v>84</v>
      </c>
      <c r="O43790" t="s">
        <v>85</v>
      </c>
      <c r="P43790" t="s">
        <v>86</v>
      </c>
      <c r="Q43790">
        <v>108</v>
      </c>
      <c r="R43790">
        <v>110</v>
      </c>
      <c r="S43790">
        <v>112</v>
      </c>
      <c r="T43790">
        <v>114</v>
      </c>
      <c r="U43790">
        <v>116</v>
      </c>
      <c r="V43790">
        <v>118</v>
      </c>
      <c r="W43790">
        <v>120</v>
      </c>
      <c r="X43790">
        <v>122</v>
      </c>
      <c r="Y43790">
        <v>124</v>
      </c>
      <c r="Z43790">
        <v>126</v>
      </c>
      <c r="AA43790">
        <v>128</v>
      </c>
      <c r="AB43790">
        <v>130</v>
      </c>
      <c r="AC43790">
        <v>132</v>
      </c>
      <c r="AD43790">
        <v>134</v>
      </c>
      <c r="AE43790">
        <v>136</v>
      </c>
      <c r="AF43790">
        <v>138</v>
      </c>
      <c r="AG43790">
        <v>140</v>
      </c>
      <c r="AH43790">
        <v>142</v>
      </c>
      <c r="AI43790">
        <v>143</v>
      </c>
      <c r="AJ43790">
        <v>145</v>
      </c>
      <c r="AK43790">
        <v>147</v>
      </c>
      <c r="AL43790">
        <v>148</v>
      </c>
      <c r="AM43790">
        <v>148</v>
      </c>
      <c r="AN43790">
        <v>149</v>
      </c>
      <c r="AO43790">
        <v>149</v>
      </c>
      <c r="AP43790">
        <v>149</v>
      </c>
      <c r="AQ43790">
        <v>149</v>
      </c>
    </row>
    <row r="43791" spans="1:43">
      <c r="A43791" t="s">
        <v>26717</v>
      </c>
      <c r="B43791" t="s">
        <v>26718</v>
      </c>
      <c r="C43791" t="s">
        <v>3818</v>
      </c>
      <c r="D43791" t="s">
        <v>3819</v>
      </c>
      <c r="E43791" t="s">
        <v>3660</v>
      </c>
      <c r="F43791" t="s">
        <v>3661</v>
      </c>
      <c r="G43791" t="s">
        <v>80</v>
      </c>
      <c r="H43791" t="s">
        <v>81</v>
      </c>
      <c r="I43791" s="2">
        <v>0</v>
      </c>
      <c r="J43791" s="2">
        <v>1</v>
      </c>
      <c r="K43791" s="2">
        <v>0</v>
      </c>
      <c r="L43791" t="s">
        <v>82</v>
      </c>
      <c r="M43791" t="s">
        <v>87</v>
      </c>
      <c r="N43791" t="s">
        <v>88</v>
      </c>
      <c r="O43791" t="s">
        <v>85</v>
      </c>
      <c r="P43791" t="s">
        <v>86</v>
      </c>
      <c r="Q43791">
        <v>108</v>
      </c>
      <c r="R43791">
        <v>109</v>
      </c>
      <c r="S43791">
        <v>110</v>
      </c>
      <c r="T43791">
        <v>111</v>
      </c>
      <c r="U43791">
        <v>112</v>
      </c>
      <c r="V43791">
        <v>113</v>
      </c>
      <c r="W43791">
        <v>114</v>
      </c>
      <c r="X43791">
        <v>115</v>
      </c>
      <c r="Y43791">
        <v>116</v>
      </c>
      <c r="Z43791">
        <v>117</v>
      </c>
      <c r="AA43791">
        <v>118</v>
      </c>
      <c r="AB43791">
        <v>119</v>
      </c>
      <c r="AC43791">
        <v>119</v>
      </c>
      <c r="AD43791">
        <v>120</v>
      </c>
      <c r="AE43791">
        <v>121</v>
      </c>
      <c r="AF43791">
        <v>122</v>
      </c>
      <c r="AG43791">
        <v>123</v>
      </c>
      <c r="AH43791">
        <v>124</v>
      </c>
      <c r="AI43791">
        <v>124</v>
      </c>
      <c r="AJ43791">
        <v>125</v>
      </c>
      <c r="AK43791">
        <v>126</v>
      </c>
      <c r="AL43791">
        <v>127</v>
      </c>
      <c r="AM43791">
        <v>128</v>
      </c>
      <c r="AN43791">
        <v>128</v>
      </c>
      <c r="AO43791">
        <v>129</v>
      </c>
      <c r="AP43791">
        <v>130</v>
      </c>
      <c r="AQ43791">
        <v>131</v>
      </c>
    </row>
    <row r="43792" spans="1:43">
      <c r="A43792" t="s">
        <v>26717</v>
      </c>
      <c r="B43792" t="s">
        <v>26718</v>
      </c>
      <c r="C43792" t="s">
        <v>3818</v>
      </c>
      <c r="D43792" t="s">
        <v>3819</v>
      </c>
      <c r="E43792" t="s">
        <v>3660</v>
      </c>
      <c r="F43792" t="s">
        <v>3661</v>
      </c>
      <c r="G43792" t="s">
        <v>80</v>
      </c>
      <c r="H43792" t="s">
        <v>81</v>
      </c>
      <c r="I43792" s="2">
        <v>0</v>
      </c>
      <c r="J43792" s="2">
        <v>1</v>
      </c>
      <c r="K43792" s="2">
        <v>0</v>
      </c>
      <c r="L43792" t="s">
        <v>82</v>
      </c>
      <c r="M43792" t="s">
        <v>89</v>
      </c>
      <c r="N43792" t="s">
        <v>90</v>
      </c>
      <c r="O43792" t="s">
        <v>85</v>
      </c>
      <c r="P43792" t="s">
        <v>86</v>
      </c>
      <c r="Q43792">
        <v>108</v>
      </c>
      <c r="R43792">
        <v>111</v>
      </c>
      <c r="S43792">
        <v>114</v>
      </c>
      <c r="T43792">
        <v>117</v>
      </c>
      <c r="U43792">
        <v>120</v>
      </c>
      <c r="V43792">
        <v>123</v>
      </c>
      <c r="W43792">
        <v>125</v>
      </c>
      <c r="X43792">
        <v>128</v>
      </c>
      <c r="Y43792">
        <v>131</v>
      </c>
      <c r="Z43792">
        <v>133</v>
      </c>
      <c r="AA43792">
        <v>136</v>
      </c>
      <c r="AB43792">
        <v>138</v>
      </c>
      <c r="AC43792">
        <v>141</v>
      </c>
      <c r="AD43792">
        <v>143</v>
      </c>
      <c r="AE43792">
        <v>145</v>
      </c>
      <c r="AF43792">
        <v>146</v>
      </c>
      <c r="AG43792">
        <v>146</v>
      </c>
      <c r="AH43792">
        <v>146</v>
      </c>
      <c r="AI43792">
        <v>147</v>
      </c>
      <c r="AJ43792">
        <v>147</v>
      </c>
      <c r="AK43792">
        <v>147</v>
      </c>
      <c r="AL43792">
        <v>148</v>
      </c>
      <c r="AM43792">
        <v>148</v>
      </c>
      <c r="AN43792">
        <v>148</v>
      </c>
      <c r="AO43792">
        <v>149</v>
      </c>
      <c r="AP43792">
        <v>149</v>
      </c>
      <c r="AQ43792">
        <v>149</v>
      </c>
    </row>
    <row r="43793" spans="1:43">
      <c r="A43793" t="s">
        <v>26717</v>
      </c>
      <c r="B43793" t="s">
        <v>26718</v>
      </c>
      <c r="C43793" t="s">
        <v>3818</v>
      </c>
      <c r="D43793" t="s">
        <v>3819</v>
      </c>
      <c r="E43793" t="s">
        <v>3660</v>
      </c>
      <c r="F43793" t="s">
        <v>3661</v>
      </c>
      <c r="G43793" t="s">
        <v>80</v>
      </c>
      <c r="H43793" t="s">
        <v>81</v>
      </c>
      <c r="I43793" s="2">
        <v>0</v>
      </c>
      <c r="J43793" s="2">
        <v>1</v>
      </c>
      <c r="K43793" s="2">
        <v>0</v>
      </c>
      <c r="L43793" t="s">
        <v>82</v>
      </c>
      <c r="M43793" t="s">
        <v>83</v>
      </c>
      <c r="N43793" t="s">
        <v>91</v>
      </c>
      <c r="O43793" t="s">
        <v>85</v>
      </c>
      <c r="P43793" t="s">
        <v>86</v>
      </c>
      <c r="Q43793">
        <v>108</v>
      </c>
      <c r="R43793">
        <v>110</v>
      </c>
      <c r="S43793">
        <v>112</v>
      </c>
      <c r="T43793">
        <v>114</v>
      </c>
      <c r="U43793">
        <v>116</v>
      </c>
      <c r="V43793">
        <v>118</v>
      </c>
      <c r="W43793">
        <v>120</v>
      </c>
      <c r="X43793">
        <v>122</v>
      </c>
      <c r="Y43793">
        <v>124</v>
      </c>
      <c r="Z43793">
        <v>126</v>
      </c>
      <c r="AA43793">
        <v>128</v>
      </c>
      <c r="AB43793">
        <v>130</v>
      </c>
      <c r="AC43793">
        <v>132</v>
      </c>
      <c r="AD43793">
        <v>134</v>
      </c>
      <c r="AE43793">
        <v>136</v>
      </c>
      <c r="AF43793">
        <v>138</v>
      </c>
      <c r="AG43793">
        <v>140</v>
      </c>
      <c r="AH43793">
        <v>142</v>
      </c>
      <c r="AI43793">
        <v>143</v>
      </c>
      <c r="AJ43793">
        <v>145</v>
      </c>
      <c r="AK43793">
        <v>147</v>
      </c>
      <c r="AL43793">
        <v>148</v>
      </c>
      <c r="AM43793">
        <v>148</v>
      </c>
      <c r="AN43793">
        <v>149</v>
      </c>
      <c r="AO43793">
        <v>149</v>
      </c>
      <c r="AP43793">
        <v>149</v>
      </c>
      <c r="AQ43793">
        <v>149</v>
      </c>
    </row>
    <row r="43794" spans="1:43">
      <c r="A43794" t="s">
        <v>26719</v>
      </c>
      <c r="B43794" t="s">
        <v>26720</v>
      </c>
      <c r="C43794" t="s">
        <v>3818</v>
      </c>
      <c r="D43794" t="s">
        <v>3819</v>
      </c>
      <c r="E43794" t="s">
        <v>3660</v>
      </c>
      <c r="F43794" t="s">
        <v>3661</v>
      </c>
      <c r="G43794" t="s">
        <v>80</v>
      </c>
      <c r="H43794" t="s">
        <v>81</v>
      </c>
      <c r="I43794" s="2">
        <v>0</v>
      </c>
      <c r="J43794" s="2">
        <v>1</v>
      </c>
      <c r="K43794" s="2">
        <v>0</v>
      </c>
      <c r="L43794" t="s">
        <v>82</v>
      </c>
      <c r="M43794" t="s">
        <v>83</v>
      </c>
      <c r="N43794" t="s">
        <v>84</v>
      </c>
      <c r="O43794" t="s">
        <v>85</v>
      </c>
      <c r="P43794" t="s">
        <v>86</v>
      </c>
      <c r="Q43794">
        <v>58</v>
      </c>
      <c r="R43794">
        <v>59</v>
      </c>
      <c r="S43794">
        <v>60</v>
      </c>
      <c r="T43794">
        <v>61</v>
      </c>
      <c r="U43794">
        <v>62</v>
      </c>
      <c r="V43794">
        <v>63</v>
      </c>
      <c r="W43794">
        <v>64</v>
      </c>
      <c r="X43794">
        <v>65</v>
      </c>
      <c r="Y43794">
        <v>67</v>
      </c>
      <c r="Z43794">
        <v>68</v>
      </c>
      <c r="AA43794">
        <v>69</v>
      </c>
      <c r="AB43794">
        <v>70</v>
      </c>
      <c r="AC43794">
        <v>71</v>
      </c>
      <c r="AD43794">
        <v>72</v>
      </c>
      <c r="AE43794">
        <v>73</v>
      </c>
      <c r="AF43794">
        <v>74</v>
      </c>
      <c r="AG43794">
        <v>75</v>
      </c>
      <c r="AH43794">
        <v>76</v>
      </c>
      <c r="AI43794">
        <v>77</v>
      </c>
      <c r="AJ43794">
        <v>78</v>
      </c>
      <c r="AK43794">
        <v>79</v>
      </c>
      <c r="AL43794">
        <v>79</v>
      </c>
      <c r="AM43794">
        <v>79</v>
      </c>
      <c r="AN43794">
        <v>80</v>
      </c>
      <c r="AO43794">
        <v>80</v>
      </c>
      <c r="AP43794">
        <v>80</v>
      </c>
      <c r="AQ43794">
        <v>80</v>
      </c>
    </row>
    <row r="43795" spans="1:43">
      <c r="A43795" t="s">
        <v>26719</v>
      </c>
      <c r="B43795" t="s">
        <v>26720</v>
      </c>
      <c r="C43795" t="s">
        <v>3818</v>
      </c>
      <c r="D43795" t="s">
        <v>3819</v>
      </c>
      <c r="E43795" t="s">
        <v>3660</v>
      </c>
      <c r="F43795" t="s">
        <v>3661</v>
      </c>
      <c r="G43795" t="s">
        <v>80</v>
      </c>
      <c r="H43795" t="s">
        <v>81</v>
      </c>
      <c r="I43795" s="2">
        <v>0</v>
      </c>
      <c r="J43795" s="2">
        <v>1</v>
      </c>
      <c r="K43795" s="2">
        <v>0</v>
      </c>
      <c r="L43795" t="s">
        <v>82</v>
      </c>
      <c r="M43795" t="s">
        <v>87</v>
      </c>
      <c r="N43795" t="s">
        <v>88</v>
      </c>
      <c r="O43795" t="s">
        <v>85</v>
      </c>
      <c r="P43795" t="s">
        <v>86</v>
      </c>
      <c r="Q43795">
        <v>58</v>
      </c>
      <c r="R43795">
        <v>59</v>
      </c>
      <c r="S43795">
        <v>59</v>
      </c>
      <c r="T43795">
        <v>60</v>
      </c>
      <c r="U43795">
        <v>60</v>
      </c>
      <c r="V43795">
        <v>61</v>
      </c>
      <c r="W43795">
        <v>62</v>
      </c>
      <c r="X43795">
        <v>62</v>
      </c>
      <c r="Y43795">
        <v>63</v>
      </c>
      <c r="Z43795">
        <v>63</v>
      </c>
      <c r="AA43795">
        <v>64</v>
      </c>
      <c r="AB43795">
        <v>64</v>
      </c>
      <c r="AC43795">
        <v>64</v>
      </c>
      <c r="AD43795">
        <v>65</v>
      </c>
      <c r="AE43795">
        <v>65</v>
      </c>
      <c r="AF43795">
        <v>66</v>
      </c>
      <c r="AG43795">
        <v>66</v>
      </c>
      <c r="AH43795">
        <v>67</v>
      </c>
      <c r="AI43795">
        <v>67</v>
      </c>
      <c r="AJ43795">
        <v>68</v>
      </c>
      <c r="AK43795">
        <v>68</v>
      </c>
      <c r="AL43795">
        <v>68</v>
      </c>
      <c r="AM43795">
        <v>69</v>
      </c>
      <c r="AN43795">
        <v>69</v>
      </c>
      <c r="AO43795">
        <v>70</v>
      </c>
      <c r="AP43795">
        <v>70</v>
      </c>
      <c r="AQ43795">
        <v>70</v>
      </c>
    </row>
    <row r="43796" spans="1:43">
      <c r="A43796" t="s">
        <v>26719</v>
      </c>
      <c r="B43796" t="s">
        <v>26720</v>
      </c>
      <c r="C43796" t="s">
        <v>3818</v>
      </c>
      <c r="D43796" t="s">
        <v>3819</v>
      </c>
      <c r="E43796" t="s">
        <v>3660</v>
      </c>
      <c r="F43796" t="s">
        <v>3661</v>
      </c>
      <c r="G43796" t="s">
        <v>80</v>
      </c>
      <c r="H43796" t="s">
        <v>81</v>
      </c>
      <c r="I43796" s="2">
        <v>0</v>
      </c>
      <c r="J43796" s="2">
        <v>1</v>
      </c>
      <c r="K43796" s="2">
        <v>0</v>
      </c>
      <c r="L43796" t="s">
        <v>82</v>
      </c>
      <c r="M43796" t="s">
        <v>89</v>
      </c>
      <c r="N43796" t="s">
        <v>90</v>
      </c>
      <c r="O43796" t="s">
        <v>85</v>
      </c>
      <c r="P43796" t="s">
        <v>86</v>
      </c>
      <c r="Q43796">
        <v>58</v>
      </c>
      <c r="R43796">
        <v>60</v>
      </c>
      <c r="S43796">
        <v>62</v>
      </c>
      <c r="T43796">
        <v>63</v>
      </c>
      <c r="U43796">
        <v>65</v>
      </c>
      <c r="V43796">
        <v>66</v>
      </c>
      <c r="W43796">
        <v>68</v>
      </c>
      <c r="X43796">
        <v>69</v>
      </c>
      <c r="Y43796">
        <v>71</v>
      </c>
      <c r="Z43796">
        <v>72</v>
      </c>
      <c r="AA43796">
        <v>73</v>
      </c>
      <c r="AB43796">
        <v>75</v>
      </c>
      <c r="AC43796">
        <v>76</v>
      </c>
      <c r="AD43796">
        <v>77</v>
      </c>
      <c r="AE43796">
        <v>78</v>
      </c>
      <c r="AF43796">
        <v>79</v>
      </c>
      <c r="AG43796">
        <v>79</v>
      </c>
      <c r="AH43796">
        <v>79</v>
      </c>
      <c r="AI43796">
        <v>79</v>
      </c>
      <c r="AJ43796">
        <v>79</v>
      </c>
      <c r="AK43796">
        <v>80</v>
      </c>
      <c r="AL43796">
        <v>80</v>
      </c>
      <c r="AM43796">
        <v>80</v>
      </c>
      <c r="AN43796">
        <v>80</v>
      </c>
      <c r="AO43796">
        <v>80</v>
      </c>
      <c r="AP43796">
        <v>80</v>
      </c>
      <c r="AQ43796">
        <v>80</v>
      </c>
    </row>
    <row r="43797" spans="1:43">
      <c r="A43797" t="s">
        <v>26719</v>
      </c>
      <c r="B43797" t="s">
        <v>26720</v>
      </c>
      <c r="C43797" t="s">
        <v>3818</v>
      </c>
      <c r="D43797" t="s">
        <v>3819</v>
      </c>
      <c r="E43797" t="s">
        <v>3660</v>
      </c>
      <c r="F43797" t="s">
        <v>3661</v>
      </c>
      <c r="G43797" t="s">
        <v>80</v>
      </c>
      <c r="H43797" t="s">
        <v>81</v>
      </c>
      <c r="I43797" s="2">
        <v>0</v>
      </c>
      <c r="J43797" s="2">
        <v>1</v>
      </c>
      <c r="K43797" s="2">
        <v>0</v>
      </c>
      <c r="L43797" t="s">
        <v>82</v>
      </c>
      <c r="M43797" t="s">
        <v>83</v>
      </c>
      <c r="N43797" t="s">
        <v>91</v>
      </c>
      <c r="O43797" t="s">
        <v>85</v>
      </c>
      <c r="P43797" t="s">
        <v>86</v>
      </c>
      <c r="Q43797">
        <v>58</v>
      </c>
      <c r="R43797">
        <v>59</v>
      </c>
      <c r="S43797">
        <v>60</v>
      </c>
      <c r="T43797">
        <v>61</v>
      </c>
      <c r="U43797">
        <v>62</v>
      </c>
      <c r="V43797">
        <v>63</v>
      </c>
      <c r="W43797">
        <v>64</v>
      </c>
      <c r="X43797">
        <v>65</v>
      </c>
      <c r="Y43797">
        <v>67</v>
      </c>
      <c r="Z43797">
        <v>68</v>
      </c>
      <c r="AA43797">
        <v>69</v>
      </c>
      <c r="AB43797">
        <v>70</v>
      </c>
      <c r="AC43797">
        <v>71</v>
      </c>
      <c r="AD43797">
        <v>72</v>
      </c>
      <c r="AE43797">
        <v>73</v>
      </c>
      <c r="AF43797">
        <v>74</v>
      </c>
      <c r="AG43797">
        <v>75</v>
      </c>
      <c r="AH43797">
        <v>76</v>
      </c>
      <c r="AI43797">
        <v>77</v>
      </c>
      <c r="AJ43797">
        <v>78</v>
      </c>
      <c r="AK43797">
        <v>79</v>
      </c>
      <c r="AL43797">
        <v>79</v>
      </c>
      <c r="AM43797">
        <v>79</v>
      </c>
      <c r="AN43797">
        <v>80</v>
      </c>
      <c r="AO43797">
        <v>80</v>
      </c>
      <c r="AP43797">
        <v>80</v>
      </c>
      <c r="AQ43797">
        <v>80</v>
      </c>
    </row>
    <row r="43798" spans="1:43">
      <c r="A43798" t="s">
        <v>26721</v>
      </c>
      <c r="B43798" t="s">
        <v>26722</v>
      </c>
      <c r="C43798" t="s">
        <v>3818</v>
      </c>
      <c r="D43798" t="s">
        <v>3819</v>
      </c>
      <c r="E43798" t="s">
        <v>3660</v>
      </c>
      <c r="F43798" t="s">
        <v>3661</v>
      </c>
      <c r="G43798" t="s">
        <v>80</v>
      </c>
      <c r="H43798" t="s">
        <v>81</v>
      </c>
      <c r="I43798" s="2">
        <v>0</v>
      </c>
      <c r="J43798" s="2">
        <v>1</v>
      </c>
      <c r="K43798" s="2">
        <v>0</v>
      </c>
      <c r="L43798" t="s">
        <v>82</v>
      </c>
      <c r="M43798" t="s">
        <v>83</v>
      </c>
      <c r="N43798" t="s">
        <v>84</v>
      </c>
      <c r="O43798" t="s">
        <v>85</v>
      </c>
      <c r="P43798" t="s">
        <v>86</v>
      </c>
      <c r="Q43798">
        <v>80</v>
      </c>
      <c r="R43798">
        <v>81</v>
      </c>
      <c r="S43798">
        <v>83</v>
      </c>
      <c r="T43798">
        <v>84</v>
      </c>
      <c r="U43798">
        <v>86</v>
      </c>
      <c r="V43798">
        <v>87</v>
      </c>
      <c r="W43798">
        <v>89</v>
      </c>
      <c r="X43798">
        <v>90</v>
      </c>
      <c r="Y43798">
        <v>92</v>
      </c>
      <c r="Z43798">
        <v>93</v>
      </c>
      <c r="AA43798">
        <v>95</v>
      </c>
      <c r="AB43798">
        <v>96</v>
      </c>
      <c r="AC43798">
        <v>98</v>
      </c>
      <c r="AD43798">
        <v>99</v>
      </c>
      <c r="AE43798">
        <v>100</v>
      </c>
      <c r="AF43798">
        <v>102</v>
      </c>
      <c r="AG43798">
        <v>103</v>
      </c>
      <c r="AH43798">
        <v>105</v>
      </c>
      <c r="AI43798">
        <v>106</v>
      </c>
      <c r="AJ43798">
        <v>107</v>
      </c>
      <c r="AK43798">
        <v>109</v>
      </c>
      <c r="AL43798">
        <v>109</v>
      </c>
      <c r="AM43798">
        <v>110</v>
      </c>
      <c r="AN43798">
        <v>110</v>
      </c>
      <c r="AO43798">
        <v>110</v>
      </c>
      <c r="AP43798">
        <v>110</v>
      </c>
      <c r="AQ43798">
        <v>111</v>
      </c>
    </row>
    <row r="43799" spans="1:43">
      <c r="A43799" t="s">
        <v>26721</v>
      </c>
      <c r="B43799" t="s">
        <v>26722</v>
      </c>
      <c r="C43799" t="s">
        <v>3818</v>
      </c>
      <c r="D43799" t="s">
        <v>3819</v>
      </c>
      <c r="E43799" t="s">
        <v>3660</v>
      </c>
      <c r="F43799" t="s">
        <v>3661</v>
      </c>
      <c r="G43799" t="s">
        <v>80</v>
      </c>
      <c r="H43799" t="s">
        <v>81</v>
      </c>
      <c r="I43799" s="2">
        <v>0</v>
      </c>
      <c r="J43799" s="2">
        <v>1</v>
      </c>
      <c r="K43799" s="2">
        <v>0</v>
      </c>
      <c r="L43799" t="s">
        <v>82</v>
      </c>
      <c r="M43799" t="s">
        <v>87</v>
      </c>
      <c r="N43799" t="s">
        <v>88</v>
      </c>
      <c r="O43799" t="s">
        <v>85</v>
      </c>
      <c r="P43799" t="s">
        <v>86</v>
      </c>
      <c r="Q43799">
        <v>80</v>
      </c>
      <c r="R43799">
        <v>81</v>
      </c>
      <c r="S43799">
        <v>82</v>
      </c>
      <c r="T43799">
        <v>82</v>
      </c>
      <c r="U43799">
        <v>83</v>
      </c>
      <c r="V43799">
        <v>84</v>
      </c>
      <c r="W43799">
        <v>84</v>
      </c>
      <c r="X43799">
        <v>85</v>
      </c>
      <c r="Y43799">
        <v>86</v>
      </c>
      <c r="Z43799">
        <v>87</v>
      </c>
      <c r="AA43799">
        <v>87</v>
      </c>
      <c r="AB43799">
        <v>88</v>
      </c>
      <c r="AC43799">
        <v>89</v>
      </c>
      <c r="AD43799">
        <v>89</v>
      </c>
      <c r="AE43799">
        <v>90</v>
      </c>
      <c r="AF43799">
        <v>90</v>
      </c>
      <c r="AG43799">
        <v>91</v>
      </c>
      <c r="AH43799">
        <v>92</v>
      </c>
      <c r="AI43799">
        <v>92</v>
      </c>
      <c r="AJ43799">
        <v>93</v>
      </c>
      <c r="AK43799">
        <v>93</v>
      </c>
      <c r="AL43799">
        <v>94</v>
      </c>
      <c r="AM43799">
        <v>95</v>
      </c>
      <c r="AN43799">
        <v>95</v>
      </c>
      <c r="AO43799">
        <v>96</v>
      </c>
      <c r="AP43799">
        <v>96</v>
      </c>
      <c r="AQ43799">
        <v>97</v>
      </c>
    </row>
    <row r="43800" spans="1:43">
      <c r="A43800" t="s">
        <v>26721</v>
      </c>
      <c r="B43800" t="s">
        <v>26722</v>
      </c>
      <c r="C43800" t="s">
        <v>3818</v>
      </c>
      <c r="D43800" t="s">
        <v>3819</v>
      </c>
      <c r="E43800" t="s">
        <v>3660</v>
      </c>
      <c r="F43800" t="s">
        <v>3661</v>
      </c>
      <c r="G43800" t="s">
        <v>80</v>
      </c>
      <c r="H43800" t="s">
        <v>81</v>
      </c>
      <c r="I43800" s="2">
        <v>0</v>
      </c>
      <c r="J43800" s="2">
        <v>1</v>
      </c>
      <c r="K43800" s="2">
        <v>0</v>
      </c>
      <c r="L43800" t="s">
        <v>82</v>
      </c>
      <c r="M43800" t="s">
        <v>89</v>
      </c>
      <c r="N43800" t="s">
        <v>90</v>
      </c>
      <c r="O43800" t="s">
        <v>85</v>
      </c>
      <c r="P43800" t="s">
        <v>86</v>
      </c>
      <c r="Q43800">
        <v>80</v>
      </c>
      <c r="R43800">
        <v>83</v>
      </c>
      <c r="S43800">
        <v>85</v>
      </c>
      <c r="T43800">
        <v>87</v>
      </c>
      <c r="U43800">
        <v>89</v>
      </c>
      <c r="V43800">
        <v>91</v>
      </c>
      <c r="W43800">
        <v>93</v>
      </c>
      <c r="X43800">
        <v>95</v>
      </c>
      <c r="Y43800">
        <v>97</v>
      </c>
      <c r="Z43800">
        <v>99</v>
      </c>
      <c r="AA43800">
        <v>101</v>
      </c>
      <c r="AB43800">
        <v>103</v>
      </c>
      <c r="AC43800">
        <v>105</v>
      </c>
      <c r="AD43800">
        <v>107</v>
      </c>
      <c r="AE43800">
        <v>108</v>
      </c>
      <c r="AF43800">
        <v>108</v>
      </c>
      <c r="AG43800">
        <v>109</v>
      </c>
      <c r="AH43800">
        <v>109</v>
      </c>
      <c r="AI43800">
        <v>109</v>
      </c>
      <c r="AJ43800">
        <v>109</v>
      </c>
      <c r="AK43800">
        <v>110</v>
      </c>
      <c r="AL43800">
        <v>110</v>
      </c>
      <c r="AM43800">
        <v>110</v>
      </c>
      <c r="AN43800">
        <v>110</v>
      </c>
      <c r="AO43800">
        <v>111</v>
      </c>
      <c r="AP43800">
        <v>111</v>
      </c>
      <c r="AQ43800">
        <v>111</v>
      </c>
    </row>
    <row r="43801" spans="1:43">
      <c r="A43801" t="s">
        <v>26721</v>
      </c>
      <c r="B43801" t="s">
        <v>26722</v>
      </c>
      <c r="C43801" t="s">
        <v>3818</v>
      </c>
      <c r="D43801" t="s">
        <v>3819</v>
      </c>
      <c r="E43801" t="s">
        <v>3660</v>
      </c>
      <c r="F43801" t="s">
        <v>3661</v>
      </c>
      <c r="G43801" t="s">
        <v>80</v>
      </c>
      <c r="H43801" t="s">
        <v>81</v>
      </c>
      <c r="I43801" s="2">
        <v>0</v>
      </c>
      <c r="J43801" s="2">
        <v>1</v>
      </c>
      <c r="K43801" s="2">
        <v>0</v>
      </c>
      <c r="L43801" t="s">
        <v>82</v>
      </c>
      <c r="M43801" t="s">
        <v>83</v>
      </c>
      <c r="N43801" t="s">
        <v>91</v>
      </c>
      <c r="O43801" t="s">
        <v>85</v>
      </c>
      <c r="P43801" t="s">
        <v>86</v>
      </c>
      <c r="Q43801">
        <v>80</v>
      </c>
      <c r="R43801">
        <v>81</v>
      </c>
      <c r="S43801">
        <v>83</v>
      </c>
      <c r="T43801">
        <v>84</v>
      </c>
      <c r="U43801">
        <v>86</v>
      </c>
      <c r="V43801">
        <v>87</v>
      </c>
      <c r="W43801">
        <v>89</v>
      </c>
      <c r="X43801">
        <v>90</v>
      </c>
      <c r="Y43801">
        <v>92</v>
      </c>
      <c r="Z43801">
        <v>93</v>
      </c>
      <c r="AA43801">
        <v>95</v>
      </c>
      <c r="AB43801">
        <v>96</v>
      </c>
      <c r="AC43801">
        <v>98</v>
      </c>
      <c r="AD43801">
        <v>99</v>
      </c>
      <c r="AE43801">
        <v>100</v>
      </c>
      <c r="AF43801">
        <v>102</v>
      </c>
      <c r="AG43801">
        <v>103</v>
      </c>
      <c r="AH43801">
        <v>105</v>
      </c>
      <c r="AI43801">
        <v>106</v>
      </c>
      <c r="AJ43801">
        <v>107</v>
      </c>
      <c r="AK43801">
        <v>109</v>
      </c>
      <c r="AL43801">
        <v>109</v>
      </c>
      <c r="AM43801">
        <v>110</v>
      </c>
      <c r="AN43801">
        <v>110</v>
      </c>
      <c r="AO43801">
        <v>110</v>
      </c>
      <c r="AP43801">
        <v>110</v>
      </c>
      <c r="AQ43801">
        <v>111</v>
      </c>
    </row>
    <row r="43802" spans="1:43">
      <c r="A43802" t="s">
        <v>26723</v>
      </c>
      <c r="B43802" t="s">
        <v>26724</v>
      </c>
      <c r="C43802" t="s">
        <v>3740</v>
      </c>
      <c r="D43802" t="s">
        <v>3741</v>
      </c>
      <c r="E43802" t="s">
        <v>3660</v>
      </c>
      <c r="F43802" t="s">
        <v>3661</v>
      </c>
      <c r="G43802" t="s">
        <v>80</v>
      </c>
      <c r="H43802" t="s">
        <v>81</v>
      </c>
      <c r="I43802" s="2">
        <v>0</v>
      </c>
      <c r="J43802" s="2">
        <v>1</v>
      </c>
      <c r="K43802" s="2">
        <v>0</v>
      </c>
      <c r="L43802" t="s">
        <v>82</v>
      </c>
      <c r="M43802" t="s">
        <v>83</v>
      </c>
      <c r="N43802" t="s">
        <v>84</v>
      </c>
      <c r="O43802" t="s">
        <v>85</v>
      </c>
      <c r="P43802" t="s">
        <v>86</v>
      </c>
      <c r="Q43802">
        <v>41</v>
      </c>
      <c r="R43802">
        <v>41</v>
      </c>
      <c r="S43802">
        <v>42</v>
      </c>
      <c r="T43802">
        <v>43</v>
      </c>
      <c r="U43802">
        <v>44</v>
      </c>
      <c r="V43802">
        <v>44</v>
      </c>
      <c r="W43802">
        <v>45</v>
      </c>
      <c r="X43802">
        <v>46</v>
      </c>
      <c r="Y43802">
        <v>47</v>
      </c>
      <c r="Z43802">
        <v>47</v>
      </c>
      <c r="AA43802">
        <v>48</v>
      </c>
      <c r="AB43802">
        <v>49</v>
      </c>
      <c r="AC43802">
        <v>50</v>
      </c>
      <c r="AD43802">
        <v>50</v>
      </c>
      <c r="AE43802">
        <v>51</v>
      </c>
      <c r="AF43802">
        <v>52</v>
      </c>
      <c r="AG43802">
        <v>52</v>
      </c>
      <c r="AH43802">
        <v>53</v>
      </c>
      <c r="AI43802">
        <v>54</v>
      </c>
      <c r="AJ43802">
        <v>54</v>
      </c>
      <c r="AK43802">
        <v>55</v>
      </c>
      <c r="AL43802">
        <v>56</v>
      </c>
      <c r="AM43802">
        <v>56</v>
      </c>
      <c r="AN43802">
        <v>56</v>
      </c>
      <c r="AO43802">
        <v>56</v>
      </c>
      <c r="AP43802">
        <v>56</v>
      </c>
      <c r="AQ43802">
        <v>56</v>
      </c>
    </row>
    <row r="43803" spans="1:43">
      <c r="A43803" t="s">
        <v>26723</v>
      </c>
      <c r="B43803" t="s">
        <v>26724</v>
      </c>
      <c r="C43803" t="s">
        <v>3740</v>
      </c>
      <c r="D43803" t="s">
        <v>3741</v>
      </c>
      <c r="E43803" t="s">
        <v>3660</v>
      </c>
      <c r="F43803" t="s">
        <v>3661</v>
      </c>
      <c r="G43803" t="s">
        <v>80</v>
      </c>
      <c r="H43803" t="s">
        <v>81</v>
      </c>
      <c r="I43803" s="2">
        <v>0</v>
      </c>
      <c r="J43803" s="2">
        <v>1</v>
      </c>
      <c r="K43803" s="2">
        <v>0</v>
      </c>
      <c r="L43803" t="s">
        <v>82</v>
      </c>
      <c r="M43803" t="s">
        <v>87</v>
      </c>
      <c r="N43803" t="s">
        <v>88</v>
      </c>
      <c r="O43803" t="s">
        <v>85</v>
      </c>
      <c r="P43803" t="s">
        <v>86</v>
      </c>
      <c r="Q43803">
        <v>41</v>
      </c>
      <c r="R43803">
        <v>42</v>
      </c>
      <c r="S43803">
        <v>42</v>
      </c>
      <c r="T43803">
        <v>42</v>
      </c>
      <c r="U43803">
        <v>43</v>
      </c>
      <c r="V43803">
        <v>43</v>
      </c>
      <c r="W43803">
        <v>43</v>
      </c>
      <c r="X43803">
        <v>44</v>
      </c>
      <c r="Y43803">
        <v>44</v>
      </c>
      <c r="Z43803">
        <v>44</v>
      </c>
      <c r="AA43803">
        <v>45</v>
      </c>
      <c r="AB43803">
        <v>45</v>
      </c>
      <c r="AC43803">
        <v>45</v>
      </c>
      <c r="AD43803">
        <v>46</v>
      </c>
      <c r="AE43803">
        <v>46</v>
      </c>
      <c r="AF43803">
        <v>46</v>
      </c>
      <c r="AG43803">
        <v>47</v>
      </c>
      <c r="AH43803">
        <v>47</v>
      </c>
      <c r="AI43803">
        <v>47</v>
      </c>
      <c r="AJ43803">
        <v>48</v>
      </c>
      <c r="AK43803">
        <v>48</v>
      </c>
      <c r="AL43803">
        <v>48</v>
      </c>
      <c r="AM43803">
        <v>49</v>
      </c>
      <c r="AN43803">
        <v>49</v>
      </c>
      <c r="AO43803">
        <v>49</v>
      </c>
      <c r="AP43803">
        <v>49</v>
      </c>
      <c r="AQ43803">
        <v>50</v>
      </c>
    </row>
    <row r="43804" spans="1:43">
      <c r="A43804" t="s">
        <v>26723</v>
      </c>
      <c r="B43804" t="s">
        <v>26724</v>
      </c>
      <c r="C43804" t="s">
        <v>3740</v>
      </c>
      <c r="D43804" t="s">
        <v>3741</v>
      </c>
      <c r="E43804" t="s">
        <v>3660</v>
      </c>
      <c r="F43804" t="s">
        <v>3661</v>
      </c>
      <c r="G43804" t="s">
        <v>80</v>
      </c>
      <c r="H43804" t="s">
        <v>81</v>
      </c>
      <c r="I43804" s="2">
        <v>0</v>
      </c>
      <c r="J43804" s="2">
        <v>1</v>
      </c>
      <c r="K43804" s="2">
        <v>0</v>
      </c>
      <c r="L43804" t="s">
        <v>82</v>
      </c>
      <c r="M43804" t="s">
        <v>89</v>
      </c>
      <c r="N43804" t="s">
        <v>90</v>
      </c>
      <c r="O43804" t="s">
        <v>85</v>
      </c>
      <c r="P43804" t="s">
        <v>86</v>
      </c>
      <c r="Q43804">
        <v>41</v>
      </c>
      <c r="R43804">
        <v>42</v>
      </c>
      <c r="S43804">
        <v>43</v>
      </c>
      <c r="T43804">
        <v>44</v>
      </c>
      <c r="U43804">
        <v>45</v>
      </c>
      <c r="V43804">
        <v>46</v>
      </c>
      <c r="W43804">
        <v>47</v>
      </c>
      <c r="X43804">
        <v>48</v>
      </c>
      <c r="Y43804">
        <v>49</v>
      </c>
      <c r="Z43804">
        <v>50</v>
      </c>
      <c r="AA43804">
        <v>51</v>
      </c>
      <c r="AB43804">
        <v>52</v>
      </c>
      <c r="AC43804">
        <v>53</v>
      </c>
      <c r="AD43804">
        <v>54</v>
      </c>
      <c r="AE43804">
        <v>55</v>
      </c>
      <c r="AF43804">
        <v>55</v>
      </c>
      <c r="AG43804">
        <v>55</v>
      </c>
      <c r="AH43804">
        <v>55</v>
      </c>
      <c r="AI43804">
        <v>55</v>
      </c>
      <c r="AJ43804">
        <v>56</v>
      </c>
      <c r="AK43804">
        <v>56</v>
      </c>
      <c r="AL43804">
        <v>56</v>
      </c>
      <c r="AM43804">
        <v>56</v>
      </c>
      <c r="AN43804">
        <v>56</v>
      </c>
      <c r="AO43804">
        <v>56</v>
      </c>
      <c r="AP43804">
        <v>56</v>
      </c>
      <c r="AQ43804">
        <v>56</v>
      </c>
    </row>
    <row r="43805" spans="1:43">
      <c r="A43805" t="s">
        <v>26723</v>
      </c>
      <c r="B43805" t="s">
        <v>26724</v>
      </c>
      <c r="C43805" t="s">
        <v>3740</v>
      </c>
      <c r="D43805" t="s">
        <v>3741</v>
      </c>
      <c r="E43805" t="s">
        <v>3660</v>
      </c>
      <c r="F43805" t="s">
        <v>3661</v>
      </c>
      <c r="G43805" t="s">
        <v>80</v>
      </c>
      <c r="H43805" t="s">
        <v>81</v>
      </c>
      <c r="I43805" s="2">
        <v>0</v>
      </c>
      <c r="J43805" s="2">
        <v>1</v>
      </c>
      <c r="K43805" s="2">
        <v>0</v>
      </c>
      <c r="L43805" t="s">
        <v>82</v>
      </c>
      <c r="M43805" t="s">
        <v>83</v>
      </c>
      <c r="N43805" t="s">
        <v>91</v>
      </c>
      <c r="O43805" t="s">
        <v>85</v>
      </c>
      <c r="P43805" t="s">
        <v>86</v>
      </c>
      <c r="Q43805">
        <v>41</v>
      </c>
      <c r="R43805">
        <v>41</v>
      </c>
      <c r="S43805">
        <v>42</v>
      </c>
      <c r="T43805">
        <v>43</v>
      </c>
      <c r="U43805">
        <v>44</v>
      </c>
      <c r="V43805">
        <v>44</v>
      </c>
      <c r="W43805">
        <v>45</v>
      </c>
      <c r="X43805">
        <v>46</v>
      </c>
      <c r="Y43805">
        <v>47</v>
      </c>
      <c r="Z43805">
        <v>47</v>
      </c>
      <c r="AA43805">
        <v>48</v>
      </c>
      <c r="AB43805">
        <v>49</v>
      </c>
      <c r="AC43805">
        <v>50</v>
      </c>
      <c r="AD43805">
        <v>50</v>
      </c>
      <c r="AE43805">
        <v>51</v>
      </c>
      <c r="AF43805">
        <v>52</v>
      </c>
      <c r="AG43805">
        <v>52</v>
      </c>
      <c r="AH43805">
        <v>53</v>
      </c>
      <c r="AI43805">
        <v>54</v>
      </c>
      <c r="AJ43805">
        <v>54</v>
      </c>
      <c r="AK43805">
        <v>55</v>
      </c>
      <c r="AL43805">
        <v>56</v>
      </c>
      <c r="AM43805">
        <v>56</v>
      </c>
      <c r="AN43805">
        <v>56</v>
      </c>
      <c r="AO43805">
        <v>56</v>
      </c>
      <c r="AP43805">
        <v>56</v>
      </c>
      <c r="AQ43805">
        <v>56</v>
      </c>
    </row>
    <row r="43806" spans="1:43">
      <c r="A43806" t="s">
        <v>26725</v>
      </c>
      <c r="B43806" t="s">
        <v>26726</v>
      </c>
      <c r="C43806" t="s">
        <v>5516</v>
      </c>
      <c r="D43806" t="s">
        <v>5517</v>
      </c>
      <c r="E43806" t="s">
        <v>5426</v>
      </c>
      <c r="F43806" t="s">
        <v>5427</v>
      </c>
      <c r="G43806" t="s">
        <v>80</v>
      </c>
      <c r="H43806" t="s">
        <v>81</v>
      </c>
      <c r="I43806" s="2">
        <v>0</v>
      </c>
      <c r="J43806" s="2">
        <v>1</v>
      </c>
      <c r="K43806" s="2">
        <v>0</v>
      </c>
      <c r="L43806" t="s">
        <v>82</v>
      </c>
      <c r="M43806" t="s">
        <v>83</v>
      </c>
      <c r="N43806" t="s">
        <v>84</v>
      </c>
      <c r="O43806" t="s">
        <v>85</v>
      </c>
      <c r="P43806" t="s">
        <v>86</v>
      </c>
      <c r="Q43806">
        <v>84</v>
      </c>
      <c r="R43806">
        <v>86</v>
      </c>
      <c r="S43806">
        <v>89</v>
      </c>
      <c r="T43806">
        <v>91</v>
      </c>
      <c r="U43806">
        <v>93</v>
      </c>
      <c r="V43806">
        <v>95</v>
      </c>
      <c r="W43806">
        <v>97</v>
      </c>
      <c r="X43806">
        <v>100</v>
      </c>
      <c r="Y43806">
        <v>102</v>
      </c>
      <c r="Z43806">
        <v>104</v>
      </c>
      <c r="AA43806">
        <v>107</v>
      </c>
      <c r="AB43806">
        <v>109</v>
      </c>
      <c r="AC43806">
        <v>111</v>
      </c>
      <c r="AD43806">
        <v>114</v>
      </c>
      <c r="AE43806">
        <v>116</v>
      </c>
      <c r="AF43806">
        <v>119</v>
      </c>
      <c r="AG43806">
        <v>121</v>
      </c>
      <c r="AH43806">
        <v>124</v>
      </c>
      <c r="AI43806">
        <v>126</v>
      </c>
      <c r="AJ43806">
        <v>129</v>
      </c>
      <c r="AK43806">
        <v>132</v>
      </c>
      <c r="AL43806">
        <v>134</v>
      </c>
      <c r="AM43806">
        <v>135</v>
      </c>
      <c r="AN43806">
        <v>136</v>
      </c>
      <c r="AO43806">
        <v>138</v>
      </c>
      <c r="AP43806">
        <v>139</v>
      </c>
      <c r="AQ43806">
        <v>141</v>
      </c>
    </row>
    <row r="43807" spans="1:43">
      <c r="A43807" t="s">
        <v>26725</v>
      </c>
      <c r="B43807" t="s">
        <v>26726</v>
      </c>
      <c r="C43807" t="s">
        <v>5516</v>
      </c>
      <c r="D43807" t="s">
        <v>5517</v>
      </c>
      <c r="E43807" t="s">
        <v>5426</v>
      </c>
      <c r="F43807" t="s">
        <v>5427</v>
      </c>
      <c r="G43807" t="s">
        <v>80</v>
      </c>
      <c r="H43807" t="s">
        <v>81</v>
      </c>
      <c r="I43807" s="2">
        <v>0</v>
      </c>
      <c r="J43807" s="2">
        <v>1</v>
      </c>
      <c r="K43807" s="2">
        <v>0</v>
      </c>
      <c r="L43807" t="s">
        <v>82</v>
      </c>
      <c r="M43807" t="s">
        <v>87</v>
      </c>
      <c r="N43807" t="s">
        <v>88</v>
      </c>
      <c r="O43807" t="s">
        <v>85</v>
      </c>
      <c r="P43807" t="s">
        <v>86</v>
      </c>
      <c r="Q43807">
        <v>84</v>
      </c>
      <c r="R43807">
        <v>85</v>
      </c>
      <c r="S43807">
        <v>86</v>
      </c>
      <c r="T43807">
        <v>87</v>
      </c>
      <c r="U43807">
        <v>89</v>
      </c>
      <c r="V43807">
        <v>90</v>
      </c>
      <c r="W43807">
        <v>91</v>
      </c>
      <c r="X43807">
        <v>93</v>
      </c>
      <c r="Y43807">
        <v>94</v>
      </c>
      <c r="Z43807">
        <v>96</v>
      </c>
      <c r="AA43807">
        <v>97</v>
      </c>
      <c r="AB43807">
        <v>98</v>
      </c>
      <c r="AC43807">
        <v>100</v>
      </c>
      <c r="AD43807">
        <v>101</v>
      </c>
      <c r="AE43807">
        <v>103</v>
      </c>
      <c r="AF43807">
        <v>104</v>
      </c>
      <c r="AG43807">
        <v>106</v>
      </c>
      <c r="AH43807">
        <v>107</v>
      </c>
      <c r="AI43807">
        <v>109</v>
      </c>
      <c r="AJ43807">
        <v>110</v>
      </c>
      <c r="AK43807">
        <v>112</v>
      </c>
      <c r="AL43807">
        <v>113</v>
      </c>
      <c r="AM43807">
        <v>115</v>
      </c>
      <c r="AN43807">
        <v>117</v>
      </c>
      <c r="AO43807">
        <v>118</v>
      </c>
      <c r="AP43807">
        <v>120</v>
      </c>
      <c r="AQ43807">
        <v>122</v>
      </c>
    </row>
    <row r="43808" spans="1:43">
      <c r="A43808" t="s">
        <v>26725</v>
      </c>
      <c r="B43808" t="s">
        <v>26726</v>
      </c>
      <c r="C43808" t="s">
        <v>5516</v>
      </c>
      <c r="D43808" t="s">
        <v>5517</v>
      </c>
      <c r="E43808" t="s">
        <v>5426</v>
      </c>
      <c r="F43808" t="s">
        <v>5427</v>
      </c>
      <c r="G43808" t="s">
        <v>80</v>
      </c>
      <c r="H43808" t="s">
        <v>81</v>
      </c>
      <c r="I43808" s="2">
        <v>0</v>
      </c>
      <c r="J43808" s="2">
        <v>1</v>
      </c>
      <c r="K43808" s="2">
        <v>0</v>
      </c>
      <c r="L43808" t="s">
        <v>82</v>
      </c>
      <c r="M43808" t="s">
        <v>89</v>
      </c>
      <c r="N43808" t="s">
        <v>90</v>
      </c>
      <c r="O43808" t="s">
        <v>85</v>
      </c>
      <c r="P43808" t="s">
        <v>86</v>
      </c>
      <c r="Q43808">
        <v>84</v>
      </c>
      <c r="R43808">
        <v>87</v>
      </c>
      <c r="S43808">
        <v>90</v>
      </c>
      <c r="T43808">
        <v>93</v>
      </c>
      <c r="U43808">
        <v>96</v>
      </c>
      <c r="V43808">
        <v>98</v>
      </c>
      <c r="W43808">
        <v>101</v>
      </c>
      <c r="X43808">
        <v>104</v>
      </c>
      <c r="Y43808">
        <v>107</v>
      </c>
      <c r="Z43808">
        <v>110</v>
      </c>
      <c r="AA43808">
        <v>113</v>
      </c>
      <c r="AB43808">
        <v>116</v>
      </c>
      <c r="AC43808">
        <v>119</v>
      </c>
      <c r="AD43808">
        <v>122</v>
      </c>
      <c r="AE43808">
        <v>124</v>
      </c>
      <c r="AF43808">
        <v>125</v>
      </c>
      <c r="AG43808">
        <v>127</v>
      </c>
      <c r="AH43808">
        <v>128</v>
      </c>
      <c r="AI43808">
        <v>130</v>
      </c>
      <c r="AJ43808">
        <v>131</v>
      </c>
      <c r="AK43808">
        <v>133</v>
      </c>
      <c r="AL43808">
        <v>134</v>
      </c>
      <c r="AM43808">
        <v>135</v>
      </c>
      <c r="AN43808">
        <v>137</v>
      </c>
      <c r="AO43808">
        <v>138</v>
      </c>
      <c r="AP43808">
        <v>140</v>
      </c>
      <c r="AQ43808">
        <v>141</v>
      </c>
    </row>
    <row r="43809" spans="1:43">
      <c r="A43809" t="s">
        <v>26725</v>
      </c>
      <c r="B43809" t="s">
        <v>26726</v>
      </c>
      <c r="C43809" t="s">
        <v>5516</v>
      </c>
      <c r="D43809" t="s">
        <v>5517</v>
      </c>
      <c r="E43809" t="s">
        <v>5426</v>
      </c>
      <c r="F43809" t="s">
        <v>5427</v>
      </c>
      <c r="G43809" t="s">
        <v>80</v>
      </c>
      <c r="H43809" t="s">
        <v>81</v>
      </c>
      <c r="I43809" s="2">
        <v>0</v>
      </c>
      <c r="J43809" s="2">
        <v>1</v>
      </c>
      <c r="K43809" s="2">
        <v>0</v>
      </c>
      <c r="L43809" t="s">
        <v>82</v>
      </c>
      <c r="M43809" t="s">
        <v>83</v>
      </c>
      <c r="N43809" t="s">
        <v>91</v>
      </c>
      <c r="O43809" t="s">
        <v>85</v>
      </c>
      <c r="P43809" t="s">
        <v>86</v>
      </c>
      <c r="Q43809">
        <v>84</v>
      </c>
      <c r="R43809">
        <v>86</v>
      </c>
      <c r="S43809">
        <v>89</v>
      </c>
      <c r="T43809">
        <v>91</v>
      </c>
      <c r="U43809">
        <v>93</v>
      </c>
      <c r="V43809">
        <v>95</v>
      </c>
      <c r="W43809">
        <v>97</v>
      </c>
      <c r="X43809">
        <v>100</v>
      </c>
      <c r="Y43809">
        <v>102</v>
      </c>
      <c r="Z43809">
        <v>104</v>
      </c>
      <c r="AA43809">
        <v>107</v>
      </c>
      <c r="AB43809">
        <v>109</v>
      </c>
      <c r="AC43809">
        <v>111</v>
      </c>
      <c r="AD43809">
        <v>114</v>
      </c>
      <c r="AE43809">
        <v>116</v>
      </c>
      <c r="AF43809">
        <v>119</v>
      </c>
      <c r="AG43809">
        <v>121</v>
      </c>
      <c r="AH43809">
        <v>124</v>
      </c>
      <c r="AI43809">
        <v>126</v>
      </c>
      <c r="AJ43809">
        <v>129</v>
      </c>
      <c r="AK43809">
        <v>132</v>
      </c>
      <c r="AL43809">
        <v>134</v>
      </c>
      <c r="AM43809">
        <v>135</v>
      </c>
      <c r="AN43809">
        <v>136</v>
      </c>
      <c r="AO43809">
        <v>138</v>
      </c>
      <c r="AP43809">
        <v>139</v>
      </c>
      <c r="AQ43809">
        <v>141</v>
      </c>
    </row>
    <row r="43810" spans="1:43">
      <c r="A43810" t="s">
        <v>26727</v>
      </c>
      <c r="B43810" t="s">
        <v>26728</v>
      </c>
      <c r="C43810" t="s">
        <v>5516</v>
      </c>
      <c r="D43810" t="s">
        <v>5517</v>
      </c>
      <c r="E43810" t="s">
        <v>5426</v>
      </c>
      <c r="F43810" t="s">
        <v>5427</v>
      </c>
      <c r="G43810" t="s">
        <v>80</v>
      </c>
      <c r="H43810" t="s">
        <v>81</v>
      </c>
      <c r="I43810" s="2">
        <v>0</v>
      </c>
      <c r="J43810" s="2">
        <v>1</v>
      </c>
      <c r="K43810" s="2">
        <v>0</v>
      </c>
      <c r="L43810" t="s">
        <v>82</v>
      </c>
      <c r="M43810" t="s">
        <v>83</v>
      </c>
      <c r="N43810" t="s">
        <v>84</v>
      </c>
      <c r="O43810" t="s">
        <v>85</v>
      </c>
      <c r="P43810" t="s">
        <v>86</v>
      </c>
      <c r="Q43810">
        <v>113</v>
      </c>
      <c r="R43810">
        <v>116</v>
      </c>
      <c r="S43810">
        <v>119</v>
      </c>
      <c r="T43810">
        <v>122</v>
      </c>
      <c r="U43810">
        <v>125</v>
      </c>
      <c r="V43810">
        <v>128</v>
      </c>
      <c r="W43810">
        <v>131</v>
      </c>
      <c r="X43810">
        <v>134</v>
      </c>
      <c r="Y43810">
        <v>137</v>
      </c>
      <c r="Z43810">
        <v>140</v>
      </c>
      <c r="AA43810">
        <v>143</v>
      </c>
      <c r="AB43810">
        <v>147</v>
      </c>
      <c r="AC43810">
        <v>150</v>
      </c>
      <c r="AD43810">
        <v>153</v>
      </c>
      <c r="AE43810">
        <v>156</v>
      </c>
      <c r="AF43810">
        <v>160</v>
      </c>
      <c r="AG43810">
        <v>163</v>
      </c>
      <c r="AH43810">
        <v>167</v>
      </c>
      <c r="AI43810">
        <v>170</v>
      </c>
      <c r="AJ43810">
        <v>173</v>
      </c>
      <c r="AK43810">
        <v>177</v>
      </c>
      <c r="AL43810">
        <v>180</v>
      </c>
      <c r="AM43810">
        <v>181</v>
      </c>
      <c r="AN43810">
        <v>183</v>
      </c>
      <c r="AO43810">
        <v>185</v>
      </c>
      <c r="AP43810">
        <v>187</v>
      </c>
      <c r="AQ43810">
        <v>189</v>
      </c>
    </row>
    <row r="43811" spans="1:43">
      <c r="A43811" t="s">
        <v>26727</v>
      </c>
      <c r="B43811" t="s">
        <v>26728</v>
      </c>
      <c r="C43811" t="s">
        <v>5516</v>
      </c>
      <c r="D43811" t="s">
        <v>5517</v>
      </c>
      <c r="E43811" t="s">
        <v>5426</v>
      </c>
      <c r="F43811" t="s">
        <v>5427</v>
      </c>
      <c r="G43811" t="s">
        <v>80</v>
      </c>
      <c r="H43811" t="s">
        <v>81</v>
      </c>
      <c r="I43811" s="2">
        <v>0</v>
      </c>
      <c r="J43811" s="2">
        <v>1</v>
      </c>
      <c r="K43811" s="2">
        <v>0</v>
      </c>
      <c r="L43811" t="s">
        <v>82</v>
      </c>
      <c r="M43811" t="s">
        <v>87</v>
      </c>
      <c r="N43811" t="s">
        <v>88</v>
      </c>
      <c r="O43811" t="s">
        <v>85</v>
      </c>
      <c r="P43811" t="s">
        <v>86</v>
      </c>
      <c r="Q43811">
        <v>113</v>
      </c>
      <c r="R43811">
        <v>115</v>
      </c>
      <c r="S43811">
        <v>117</v>
      </c>
      <c r="T43811">
        <v>119</v>
      </c>
      <c r="U43811">
        <v>120</v>
      </c>
      <c r="V43811">
        <v>122</v>
      </c>
      <c r="W43811">
        <v>124</v>
      </c>
      <c r="X43811">
        <v>126</v>
      </c>
      <c r="Y43811">
        <v>128</v>
      </c>
      <c r="Z43811">
        <v>130</v>
      </c>
      <c r="AA43811">
        <v>131</v>
      </c>
      <c r="AB43811">
        <v>133</v>
      </c>
      <c r="AC43811">
        <v>135</v>
      </c>
      <c r="AD43811">
        <v>137</v>
      </c>
      <c r="AE43811">
        <v>139</v>
      </c>
      <c r="AF43811">
        <v>141</v>
      </c>
      <c r="AG43811">
        <v>143</v>
      </c>
      <c r="AH43811">
        <v>145</v>
      </c>
      <c r="AI43811">
        <v>147</v>
      </c>
      <c r="AJ43811">
        <v>149</v>
      </c>
      <c r="AK43811">
        <v>152</v>
      </c>
      <c r="AL43811">
        <v>154</v>
      </c>
      <c r="AM43811">
        <v>156</v>
      </c>
      <c r="AN43811">
        <v>158</v>
      </c>
      <c r="AO43811">
        <v>160</v>
      </c>
      <c r="AP43811">
        <v>162</v>
      </c>
      <c r="AQ43811">
        <v>164</v>
      </c>
    </row>
    <row r="43812" spans="1:43">
      <c r="A43812" t="s">
        <v>26727</v>
      </c>
      <c r="B43812" t="s">
        <v>26728</v>
      </c>
      <c r="C43812" t="s">
        <v>5516</v>
      </c>
      <c r="D43812" t="s">
        <v>5517</v>
      </c>
      <c r="E43812" t="s">
        <v>5426</v>
      </c>
      <c r="F43812" t="s">
        <v>5427</v>
      </c>
      <c r="G43812" t="s">
        <v>80</v>
      </c>
      <c r="H43812" t="s">
        <v>81</v>
      </c>
      <c r="I43812" s="2">
        <v>0</v>
      </c>
      <c r="J43812" s="2">
        <v>1</v>
      </c>
      <c r="K43812" s="2">
        <v>0</v>
      </c>
      <c r="L43812" t="s">
        <v>82</v>
      </c>
      <c r="M43812" t="s">
        <v>89</v>
      </c>
      <c r="N43812" t="s">
        <v>90</v>
      </c>
      <c r="O43812" t="s">
        <v>85</v>
      </c>
      <c r="P43812" t="s">
        <v>86</v>
      </c>
      <c r="Q43812">
        <v>113</v>
      </c>
      <c r="R43812">
        <v>117</v>
      </c>
      <c r="S43812">
        <v>121</v>
      </c>
      <c r="T43812">
        <v>125</v>
      </c>
      <c r="U43812">
        <v>129</v>
      </c>
      <c r="V43812">
        <v>133</v>
      </c>
      <c r="W43812">
        <v>137</v>
      </c>
      <c r="X43812">
        <v>140</v>
      </c>
      <c r="Y43812">
        <v>144</v>
      </c>
      <c r="Z43812">
        <v>148</v>
      </c>
      <c r="AA43812">
        <v>152</v>
      </c>
      <c r="AB43812">
        <v>156</v>
      </c>
      <c r="AC43812">
        <v>160</v>
      </c>
      <c r="AD43812">
        <v>164</v>
      </c>
      <c r="AE43812">
        <v>167</v>
      </c>
      <c r="AF43812">
        <v>169</v>
      </c>
      <c r="AG43812">
        <v>171</v>
      </c>
      <c r="AH43812">
        <v>173</v>
      </c>
      <c r="AI43812">
        <v>175</v>
      </c>
      <c r="AJ43812">
        <v>177</v>
      </c>
      <c r="AK43812">
        <v>179</v>
      </c>
      <c r="AL43812">
        <v>181</v>
      </c>
      <c r="AM43812">
        <v>182</v>
      </c>
      <c r="AN43812">
        <v>184</v>
      </c>
      <c r="AO43812">
        <v>186</v>
      </c>
      <c r="AP43812">
        <v>188</v>
      </c>
      <c r="AQ43812">
        <v>190</v>
      </c>
    </row>
    <row r="43813" spans="1:43">
      <c r="A43813" t="s">
        <v>26727</v>
      </c>
      <c r="B43813" t="s">
        <v>26728</v>
      </c>
      <c r="C43813" t="s">
        <v>5516</v>
      </c>
      <c r="D43813" t="s">
        <v>5517</v>
      </c>
      <c r="E43813" t="s">
        <v>5426</v>
      </c>
      <c r="F43813" t="s">
        <v>5427</v>
      </c>
      <c r="G43813" t="s">
        <v>80</v>
      </c>
      <c r="H43813" t="s">
        <v>81</v>
      </c>
      <c r="I43813" s="2">
        <v>0</v>
      </c>
      <c r="J43813" s="2">
        <v>1</v>
      </c>
      <c r="K43813" s="2">
        <v>0</v>
      </c>
      <c r="L43813" t="s">
        <v>82</v>
      </c>
      <c r="M43813" t="s">
        <v>83</v>
      </c>
      <c r="N43813" t="s">
        <v>91</v>
      </c>
      <c r="O43813" t="s">
        <v>85</v>
      </c>
      <c r="P43813" t="s">
        <v>86</v>
      </c>
      <c r="Q43813">
        <v>113</v>
      </c>
      <c r="R43813">
        <v>116</v>
      </c>
      <c r="S43813">
        <v>119</v>
      </c>
      <c r="T43813">
        <v>122</v>
      </c>
      <c r="U43813">
        <v>125</v>
      </c>
      <c r="V43813">
        <v>128</v>
      </c>
      <c r="W43813">
        <v>131</v>
      </c>
      <c r="X43813">
        <v>134</v>
      </c>
      <c r="Y43813">
        <v>137</v>
      </c>
      <c r="Z43813">
        <v>140</v>
      </c>
      <c r="AA43813">
        <v>143</v>
      </c>
      <c r="AB43813">
        <v>147</v>
      </c>
      <c r="AC43813">
        <v>150</v>
      </c>
      <c r="AD43813">
        <v>153</v>
      </c>
      <c r="AE43813">
        <v>156</v>
      </c>
      <c r="AF43813">
        <v>160</v>
      </c>
      <c r="AG43813">
        <v>163</v>
      </c>
      <c r="AH43813">
        <v>167</v>
      </c>
      <c r="AI43813">
        <v>170</v>
      </c>
      <c r="AJ43813">
        <v>173</v>
      </c>
      <c r="AK43813">
        <v>177</v>
      </c>
      <c r="AL43813">
        <v>180</v>
      </c>
      <c r="AM43813">
        <v>181</v>
      </c>
      <c r="AN43813">
        <v>183</v>
      </c>
      <c r="AO43813">
        <v>185</v>
      </c>
      <c r="AP43813">
        <v>187</v>
      </c>
      <c r="AQ43813">
        <v>189</v>
      </c>
    </row>
    <row r="43814" spans="1:43">
      <c r="A43814" t="s">
        <v>26729</v>
      </c>
      <c r="B43814" t="s">
        <v>26730</v>
      </c>
      <c r="C43814" t="s">
        <v>5588</v>
      </c>
      <c r="D43814" t="s">
        <v>5589</v>
      </c>
      <c r="E43814" t="s">
        <v>5426</v>
      </c>
      <c r="F43814" t="s">
        <v>5427</v>
      </c>
      <c r="G43814" t="s">
        <v>80</v>
      </c>
      <c r="H43814" t="s">
        <v>81</v>
      </c>
      <c r="I43814" s="2">
        <v>0</v>
      </c>
      <c r="J43814" s="2">
        <v>1</v>
      </c>
      <c r="K43814" s="2">
        <v>0</v>
      </c>
      <c r="L43814" t="s">
        <v>82</v>
      </c>
      <c r="M43814" t="s">
        <v>83</v>
      </c>
      <c r="N43814" t="s">
        <v>84</v>
      </c>
      <c r="O43814" t="s">
        <v>85</v>
      </c>
      <c r="P43814" t="s">
        <v>86</v>
      </c>
      <c r="Q43814">
        <v>11</v>
      </c>
      <c r="R43814">
        <v>11</v>
      </c>
      <c r="S43814">
        <v>11</v>
      </c>
      <c r="T43814">
        <v>11</v>
      </c>
      <c r="U43814">
        <v>12</v>
      </c>
      <c r="V43814">
        <v>12</v>
      </c>
      <c r="W43814">
        <v>12</v>
      </c>
      <c r="X43814">
        <v>13</v>
      </c>
      <c r="Y43814">
        <v>13</v>
      </c>
      <c r="Z43814">
        <v>13</v>
      </c>
      <c r="AA43814">
        <v>13</v>
      </c>
      <c r="AB43814">
        <v>14</v>
      </c>
      <c r="AC43814">
        <v>14</v>
      </c>
      <c r="AD43814">
        <v>14</v>
      </c>
      <c r="AE43814">
        <v>15</v>
      </c>
      <c r="AF43814">
        <v>15</v>
      </c>
      <c r="AG43814">
        <v>15</v>
      </c>
      <c r="AH43814">
        <v>16</v>
      </c>
      <c r="AI43814">
        <v>16</v>
      </c>
      <c r="AJ43814">
        <v>16</v>
      </c>
      <c r="AK43814">
        <v>17</v>
      </c>
      <c r="AL43814">
        <v>17</v>
      </c>
      <c r="AM43814">
        <v>17</v>
      </c>
      <c r="AN43814">
        <v>17</v>
      </c>
      <c r="AO43814">
        <v>18</v>
      </c>
      <c r="AP43814">
        <v>18</v>
      </c>
      <c r="AQ43814">
        <v>18</v>
      </c>
    </row>
    <row r="43815" spans="1:43">
      <c r="A43815" t="s">
        <v>26729</v>
      </c>
      <c r="B43815" t="s">
        <v>26730</v>
      </c>
      <c r="C43815" t="s">
        <v>5588</v>
      </c>
      <c r="D43815" t="s">
        <v>5589</v>
      </c>
      <c r="E43815" t="s">
        <v>5426</v>
      </c>
      <c r="F43815" t="s">
        <v>5427</v>
      </c>
      <c r="G43815" t="s">
        <v>80</v>
      </c>
      <c r="H43815" t="s">
        <v>81</v>
      </c>
      <c r="I43815" s="2">
        <v>0</v>
      </c>
      <c r="J43815" s="2">
        <v>1</v>
      </c>
      <c r="K43815" s="2">
        <v>0</v>
      </c>
      <c r="L43815" t="s">
        <v>82</v>
      </c>
      <c r="M43815" t="s">
        <v>87</v>
      </c>
      <c r="N43815" t="s">
        <v>88</v>
      </c>
      <c r="O43815" t="s">
        <v>85</v>
      </c>
      <c r="P43815" t="s">
        <v>86</v>
      </c>
      <c r="Q43815">
        <v>11</v>
      </c>
      <c r="R43815">
        <v>12</v>
      </c>
      <c r="S43815">
        <v>12</v>
      </c>
      <c r="T43815">
        <v>12</v>
      </c>
      <c r="U43815">
        <v>12</v>
      </c>
      <c r="V43815">
        <v>12</v>
      </c>
      <c r="W43815">
        <v>13</v>
      </c>
      <c r="X43815">
        <v>13</v>
      </c>
      <c r="Y43815">
        <v>13</v>
      </c>
      <c r="Z43815">
        <v>13</v>
      </c>
      <c r="AA43815">
        <v>13</v>
      </c>
      <c r="AB43815">
        <v>13</v>
      </c>
      <c r="AC43815">
        <v>14</v>
      </c>
      <c r="AD43815">
        <v>14</v>
      </c>
      <c r="AE43815">
        <v>14</v>
      </c>
      <c r="AF43815">
        <v>14</v>
      </c>
      <c r="AG43815">
        <v>14</v>
      </c>
      <c r="AH43815">
        <v>15</v>
      </c>
      <c r="AI43815">
        <v>15</v>
      </c>
      <c r="AJ43815">
        <v>15</v>
      </c>
      <c r="AK43815">
        <v>15</v>
      </c>
      <c r="AL43815">
        <v>15</v>
      </c>
      <c r="AM43815">
        <v>16</v>
      </c>
      <c r="AN43815">
        <v>16</v>
      </c>
      <c r="AO43815">
        <v>16</v>
      </c>
      <c r="AP43815">
        <v>16</v>
      </c>
      <c r="AQ43815">
        <v>17</v>
      </c>
    </row>
    <row r="43816" spans="1:43">
      <c r="A43816" t="s">
        <v>26729</v>
      </c>
      <c r="B43816" t="s">
        <v>26730</v>
      </c>
      <c r="C43816" t="s">
        <v>5588</v>
      </c>
      <c r="D43816" t="s">
        <v>5589</v>
      </c>
      <c r="E43816" t="s">
        <v>5426</v>
      </c>
      <c r="F43816" t="s">
        <v>5427</v>
      </c>
      <c r="G43816" t="s">
        <v>80</v>
      </c>
      <c r="H43816" t="s">
        <v>81</v>
      </c>
      <c r="I43816" s="2">
        <v>0</v>
      </c>
      <c r="J43816" s="2">
        <v>1</v>
      </c>
      <c r="K43816" s="2">
        <v>0</v>
      </c>
      <c r="L43816" t="s">
        <v>82</v>
      </c>
      <c r="M43816" t="s">
        <v>89</v>
      </c>
      <c r="N43816" t="s">
        <v>90</v>
      </c>
      <c r="O43816" t="s">
        <v>85</v>
      </c>
      <c r="P43816" t="s">
        <v>86</v>
      </c>
      <c r="Q43816">
        <v>11</v>
      </c>
      <c r="R43816">
        <v>11</v>
      </c>
      <c r="S43816">
        <v>11</v>
      </c>
      <c r="T43816">
        <v>12</v>
      </c>
      <c r="U43816">
        <v>12</v>
      </c>
      <c r="V43816">
        <v>13</v>
      </c>
      <c r="W43816">
        <v>13</v>
      </c>
      <c r="X43816">
        <v>13</v>
      </c>
      <c r="Y43816">
        <v>14</v>
      </c>
      <c r="Z43816">
        <v>14</v>
      </c>
      <c r="AA43816">
        <v>14</v>
      </c>
      <c r="AB43816">
        <v>15</v>
      </c>
      <c r="AC43816">
        <v>15</v>
      </c>
      <c r="AD43816">
        <v>16</v>
      </c>
      <c r="AE43816">
        <v>16</v>
      </c>
      <c r="AF43816">
        <v>16</v>
      </c>
      <c r="AG43816">
        <v>16</v>
      </c>
      <c r="AH43816">
        <v>16</v>
      </c>
      <c r="AI43816">
        <v>17</v>
      </c>
      <c r="AJ43816">
        <v>17</v>
      </c>
      <c r="AK43816">
        <v>17</v>
      </c>
      <c r="AL43816">
        <v>17</v>
      </c>
      <c r="AM43816">
        <v>17</v>
      </c>
      <c r="AN43816">
        <v>17</v>
      </c>
      <c r="AO43816">
        <v>18</v>
      </c>
      <c r="AP43816">
        <v>18</v>
      </c>
      <c r="AQ43816">
        <v>18</v>
      </c>
    </row>
    <row r="43817" spans="1:43">
      <c r="A43817" t="s">
        <v>26729</v>
      </c>
      <c r="B43817" t="s">
        <v>26730</v>
      </c>
      <c r="C43817" t="s">
        <v>5588</v>
      </c>
      <c r="D43817" t="s">
        <v>5589</v>
      </c>
      <c r="E43817" t="s">
        <v>5426</v>
      </c>
      <c r="F43817" t="s">
        <v>5427</v>
      </c>
      <c r="G43817" t="s">
        <v>80</v>
      </c>
      <c r="H43817" t="s">
        <v>81</v>
      </c>
      <c r="I43817" s="2">
        <v>0</v>
      </c>
      <c r="J43817" s="2">
        <v>1</v>
      </c>
      <c r="K43817" s="2">
        <v>0</v>
      </c>
      <c r="L43817" t="s">
        <v>82</v>
      </c>
      <c r="M43817" t="s">
        <v>83</v>
      </c>
      <c r="N43817" t="s">
        <v>91</v>
      </c>
      <c r="O43817" t="s">
        <v>85</v>
      </c>
      <c r="P43817" t="s">
        <v>86</v>
      </c>
      <c r="Q43817">
        <v>11</v>
      </c>
      <c r="R43817">
        <v>11</v>
      </c>
      <c r="S43817">
        <v>11</v>
      </c>
      <c r="T43817">
        <v>11</v>
      </c>
      <c r="U43817">
        <v>12</v>
      </c>
      <c r="V43817">
        <v>12</v>
      </c>
      <c r="W43817">
        <v>12</v>
      </c>
      <c r="X43817">
        <v>13</v>
      </c>
      <c r="Y43817">
        <v>13</v>
      </c>
      <c r="Z43817">
        <v>13</v>
      </c>
      <c r="AA43817">
        <v>13</v>
      </c>
      <c r="AB43817">
        <v>14</v>
      </c>
      <c r="AC43817">
        <v>14</v>
      </c>
      <c r="AD43817">
        <v>14</v>
      </c>
      <c r="AE43817">
        <v>15</v>
      </c>
      <c r="AF43817">
        <v>15</v>
      </c>
      <c r="AG43817">
        <v>15</v>
      </c>
      <c r="AH43817">
        <v>16</v>
      </c>
      <c r="AI43817">
        <v>16</v>
      </c>
      <c r="AJ43817">
        <v>16</v>
      </c>
      <c r="AK43817">
        <v>17</v>
      </c>
      <c r="AL43817">
        <v>17</v>
      </c>
      <c r="AM43817">
        <v>17</v>
      </c>
      <c r="AN43817">
        <v>17</v>
      </c>
      <c r="AO43817">
        <v>18</v>
      </c>
      <c r="AP43817">
        <v>18</v>
      </c>
      <c r="AQ43817">
        <v>18</v>
      </c>
    </row>
    <row r="43818" spans="1:43">
      <c r="A43818" t="s">
        <v>26731</v>
      </c>
      <c r="B43818" t="s">
        <v>26732</v>
      </c>
      <c r="C43818" t="s">
        <v>5588</v>
      </c>
      <c r="D43818" t="s">
        <v>5589</v>
      </c>
      <c r="E43818" t="s">
        <v>5426</v>
      </c>
      <c r="F43818" t="s">
        <v>5427</v>
      </c>
      <c r="G43818" t="s">
        <v>80</v>
      </c>
      <c r="H43818" t="s">
        <v>81</v>
      </c>
      <c r="I43818" s="2">
        <v>0</v>
      </c>
      <c r="J43818" s="2">
        <v>1</v>
      </c>
      <c r="K43818" s="2">
        <v>0</v>
      </c>
      <c r="L43818" t="s">
        <v>82</v>
      </c>
      <c r="M43818" t="s">
        <v>83</v>
      </c>
      <c r="N43818" t="s">
        <v>84</v>
      </c>
      <c r="O43818" t="s">
        <v>85</v>
      </c>
      <c r="P43818" t="s">
        <v>86</v>
      </c>
      <c r="Q43818">
        <v>0</v>
      </c>
      <c r="R43818">
        <v>0</v>
      </c>
      <c r="S43818">
        <v>0</v>
      </c>
      <c r="T43818">
        <v>0</v>
      </c>
      <c r="U43818">
        <v>0</v>
      </c>
      <c r="V43818">
        <v>0</v>
      </c>
      <c r="W43818">
        <v>0</v>
      </c>
      <c r="X43818">
        <v>0</v>
      </c>
      <c r="Y43818">
        <v>0</v>
      </c>
      <c r="Z43818">
        <v>0</v>
      </c>
      <c r="AA43818">
        <v>0</v>
      </c>
      <c r="AB43818">
        <v>0</v>
      </c>
      <c r="AC43818">
        <v>0</v>
      </c>
      <c r="AD43818">
        <v>0</v>
      </c>
      <c r="AE43818">
        <v>0</v>
      </c>
      <c r="AF43818">
        <v>0</v>
      </c>
      <c r="AG43818">
        <v>0</v>
      </c>
      <c r="AH43818">
        <v>0</v>
      </c>
      <c r="AI43818">
        <v>0</v>
      </c>
      <c r="AJ43818">
        <v>0</v>
      </c>
      <c r="AK43818">
        <v>0</v>
      </c>
      <c r="AL43818">
        <v>0</v>
      </c>
      <c r="AM43818">
        <v>0</v>
      </c>
      <c r="AN43818">
        <v>0</v>
      </c>
      <c r="AO43818">
        <v>0</v>
      </c>
      <c r="AP43818">
        <v>0</v>
      </c>
      <c r="AQ43818">
        <v>0</v>
      </c>
    </row>
    <row r="43819" spans="1:43">
      <c r="A43819" t="s">
        <v>26731</v>
      </c>
      <c r="B43819" t="s">
        <v>26732</v>
      </c>
      <c r="C43819" t="s">
        <v>5588</v>
      </c>
      <c r="D43819" t="s">
        <v>5589</v>
      </c>
      <c r="E43819" t="s">
        <v>5426</v>
      </c>
      <c r="F43819" t="s">
        <v>5427</v>
      </c>
      <c r="G43819" t="s">
        <v>80</v>
      </c>
      <c r="H43819" t="s">
        <v>81</v>
      </c>
      <c r="I43819" s="2">
        <v>0</v>
      </c>
      <c r="J43819" s="2">
        <v>1</v>
      </c>
      <c r="K43819" s="2">
        <v>0</v>
      </c>
      <c r="L43819" t="s">
        <v>82</v>
      </c>
      <c r="M43819" t="s">
        <v>87</v>
      </c>
      <c r="N43819" t="s">
        <v>88</v>
      </c>
      <c r="O43819" t="s">
        <v>85</v>
      </c>
      <c r="P43819" t="s">
        <v>86</v>
      </c>
      <c r="Q43819">
        <v>0</v>
      </c>
      <c r="R43819">
        <v>0</v>
      </c>
      <c r="S43819">
        <v>0</v>
      </c>
      <c r="T43819">
        <v>0</v>
      </c>
      <c r="U43819">
        <v>0</v>
      </c>
      <c r="V43819">
        <v>0</v>
      </c>
      <c r="W43819">
        <v>0</v>
      </c>
      <c r="X43819">
        <v>0</v>
      </c>
      <c r="Y43819">
        <v>0</v>
      </c>
      <c r="Z43819">
        <v>0</v>
      </c>
      <c r="AA43819">
        <v>0</v>
      </c>
      <c r="AB43819">
        <v>0</v>
      </c>
      <c r="AC43819">
        <v>0</v>
      </c>
      <c r="AD43819">
        <v>0</v>
      </c>
      <c r="AE43819">
        <v>0</v>
      </c>
      <c r="AF43819">
        <v>0</v>
      </c>
      <c r="AG43819">
        <v>0</v>
      </c>
      <c r="AH43819">
        <v>0</v>
      </c>
      <c r="AI43819">
        <v>0</v>
      </c>
      <c r="AJ43819">
        <v>0</v>
      </c>
      <c r="AK43819">
        <v>0</v>
      </c>
      <c r="AL43819">
        <v>0</v>
      </c>
      <c r="AM43819">
        <v>0</v>
      </c>
      <c r="AN43819">
        <v>0</v>
      </c>
      <c r="AO43819">
        <v>0</v>
      </c>
      <c r="AP43819">
        <v>0</v>
      </c>
      <c r="AQ43819">
        <v>0</v>
      </c>
    </row>
    <row r="43820" spans="1:43">
      <c r="A43820" t="s">
        <v>26731</v>
      </c>
      <c r="B43820" t="s">
        <v>26732</v>
      </c>
      <c r="C43820" t="s">
        <v>5588</v>
      </c>
      <c r="D43820" t="s">
        <v>5589</v>
      </c>
      <c r="E43820" t="s">
        <v>5426</v>
      </c>
      <c r="F43820" t="s">
        <v>5427</v>
      </c>
      <c r="G43820" t="s">
        <v>80</v>
      </c>
      <c r="H43820" t="s">
        <v>81</v>
      </c>
      <c r="I43820" s="2">
        <v>0</v>
      </c>
      <c r="J43820" s="2">
        <v>1</v>
      </c>
      <c r="K43820" s="2">
        <v>0</v>
      </c>
      <c r="L43820" t="s">
        <v>82</v>
      </c>
      <c r="M43820" t="s">
        <v>89</v>
      </c>
      <c r="N43820" t="s">
        <v>90</v>
      </c>
      <c r="O43820" t="s">
        <v>85</v>
      </c>
      <c r="P43820" t="s">
        <v>86</v>
      </c>
      <c r="Q43820">
        <v>0</v>
      </c>
      <c r="R43820">
        <v>0</v>
      </c>
      <c r="S43820">
        <v>0</v>
      </c>
      <c r="T43820">
        <v>0</v>
      </c>
      <c r="U43820">
        <v>0</v>
      </c>
      <c r="V43820">
        <v>0</v>
      </c>
      <c r="W43820">
        <v>0</v>
      </c>
      <c r="X43820">
        <v>0</v>
      </c>
      <c r="Y43820">
        <v>0</v>
      </c>
      <c r="Z43820">
        <v>0</v>
      </c>
      <c r="AA43820">
        <v>0</v>
      </c>
      <c r="AB43820">
        <v>0</v>
      </c>
      <c r="AC43820">
        <v>0</v>
      </c>
      <c r="AD43820">
        <v>0</v>
      </c>
      <c r="AE43820">
        <v>0</v>
      </c>
      <c r="AF43820">
        <v>0</v>
      </c>
      <c r="AG43820">
        <v>0</v>
      </c>
      <c r="AH43820">
        <v>0</v>
      </c>
      <c r="AI43820">
        <v>0</v>
      </c>
      <c r="AJ43820">
        <v>0</v>
      </c>
      <c r="AK43820">
        <v>0</v>
      </c>
      <c r="AL43820">
        <v>0</v>
      </c>
      <c r="AM43820">
        <v>0</v>
      </c>
      <c r="AN43820">
        <v>0</v>
      </c>
      <c r="AO43820">
        <v>0</v>
      </c>
      <c r="AP43820">
        <v>0</v>
      </c>
      <c r="AQ43820">
        <v>0</v>
      </c>
    </row>
    <row r="43821" spans="1:43">
      <c r="A43821" t="s">
        <v>26731</v>
      </c>
      <c r="B43821" t="s">
        <v>26732</v>
      </c>
      <c r="C43821" t="s">
        <v>5588</v>
      </c>
      <c r="D43821" t="s">
        <v>5589</v>
      </c>
      <c r="E43821" t="s">
        <v>5426</v>
      </c>
      <c r="F43821" t="s">
        <v>5427</v>
      </c>
      <c r="G43821" t="s">
        <v>80</v>
      </c>
      <c r="H43821" t="s">
        <v>81</v>
      </c>
      <c r="I43821" s="2">
        <v>0</v>
      </c>
      <c r="J43821" s="2">
        <v>1</v>
      </c>
      <c r="K43821" s="2">
        <v>0</v>
      </c>
      <c r="L43821" t="s">
        <v>82</v>
      </c>
      <c r="M43821" t="s">
        <v>83</v>
      </c>
      <c r="N43821" t="s">
        <v>91</v>
      </c>
      <c r="O43821" t="s">
        <v>85</v>
      </c>
      <c r="P43821" t="s">
        <v>86</v>
      </c>
      <c r="Q43821">
        <v>0</v>
      </c>
      <c r="R43821">
        <v>0</v>
      </c>
      <c r="S43821">
        <v>0</v>
      </c>
      <c r="T43821">
        <v>0</v>
      </c>
      <c r="U43821">
        <v>0</v>
      </c>
      <c r="V43821">
        <v>0</v>
      </c>
      <c r="W43821">
        <v>0</v>
      </c>
      <c r="X43821">
        <v>0</v>
      </c>
      <c r="Y43821">
        <v>0</v>
      </c>
      <c r="Z43821">
        <v>0</v>
      </c>
      <c r="AA43821">
        <v>0</v>
      </c>
      <c r="AB43821">
        <v>0</v>
      </c>
      <c r="AC43821">
        <v>0</v>
      </c>
      <c r="AD43821">
        <v>0</v>
      </c>
      <c r="AE43821">
        <v>0</v>
      </c>
      <c r="AF43821">
        <v>0</v>
      </c>
      <c r="AG43821">
        <v>0</v>
      </c>
      <c r="AH43821">
        <v>0</v>
      </c>
      <c r="AI43821">
        <v>0</v>
      </c>
      <c r="AJ43821">
        <v>0</v>
      </c>
      <c r="AK43821">
        <v>0</v>
      </c>
      <c r="AL43821">
        <v>0</v>
      </c>
      <c r="AM43821">
        <v>0</v>
      </c>
      <c r="AN43821">
        <v>0</v>
      </c>
      <c r="AO43821">
        <v>0</v>
      </c>
      <c r="AP43821">
        <v>0</v>
      </c>
      <c r="AQ43821">
        <v>0</v>
      </c>
    </row>
    <row r="43822" spans="1:43">
      <c r="A43822" t="s">
        <v>26733</v>
      </c>
      <c r="B43822" t="s">
        <v>26734</v>
      </c>
      <c r="C43822" t="s">
        <v>5434</v>
      </c>
      <c r="D43822" t="s">
        <v>5435</v>
      </c>
      <c r="E43822" t="s">
        <v>5426</v>
      </c>
      <c r="F43822" t="s">
        <v>5427</v>
      </c>
      <c r="G43822" t="s">
        <v>80</v>
      </c>
      <c r="H43822" t="s">
        <v>81</v>
      </c>
      <c r="I43822" s="2">
        <v>0</v>
      </c>
      <c r="J43822" s="2">
        <v>1</v>
      </c>
      <c r="K43822" s="2">
        <v>0</v>
      </c>
      <c r="L43822" t="s">
        <v>82</v>
      </c>
      <c r="M43822" t="s">
        <v>83</v>
      </c>
      <c r="N43822" t="s">
        <v>84</v>
      </c>
      <c r="O43822" t="s">
        <v>85</v>
      </c>
      <c r="P43822" t="s">
        <v>86</v>
      </c>
      <c r="Q43822">
        <v>53</v>
      </c>
      <c r="R43822">
        <v>54</v>
      </c>
      <c r="S43822">
        <v>56</v>
      </c>
      <c r="T43822">
        <v>57</v>
      </c>
      <c r="U43822">
        <v>58</v>
      </c>
      <c r="V43822">
        <v>60</v>
      </c>
      <c r="W43822">
        <v>61</v>
      </c>
      <c r="X43822">
        <v>63</v>
      </c>
      <c r="Y43822">
        <v>64</v>
      </c>
      <c r="Z43822">
        <v>66</v>
      </c>
      <c r="AA43822">
        <v>67</v>
      </c>
      <c r="AB43822">
        <v>69</v>
      </c>
      <c r="AC43822">
        <v>70</v>
      </c>
      <c r="AD43822">
        <v>72</v>
      </c>
      <c r="AE43822">
        <v>73</v>
      </c>
      <c r="AF43822">
        <v>75</v>
      </c>
      <c r="AG43822">
        <v>77</v>
      </c>
      <c r="AH43822">
        <v>78</v>
      </c>
      <c r="AI43822">
        <v>80</v>
      </c>
      <c r="AJ43822">
        <v>82</v>
      </c>
      <c r="AK43822">
        <v>83</v>
      </c>
      <c r="AL43822">
        <v>84</v>
      </c>
      <c r="AM43822">
        <v>85</v>
      </c>
      <c r="AN43822">
        <v>86</v>
      </c>
      <c r="AO43822">
        <v>87</v>
      </c>
      <c r="AP43822">
        <v>88</v>
      </c>
      <c r="AQ43822">
        <v>89</v>
      </c>
    </row>
    <row r="43823" spans="1:43">
      <c r="A43823" t="s">
        <v>26733</v>
      </c>
      <c r="B43823" t="s">
        <v>26734</v>
      </c>
      <c r="C43823" t="s">
        <v>5434</v>
      </c>
      <c r="D43823" t="s">
        <v>5435</v>
      </c>
      <c r="E43823" t="s">
        <v>5426</v>
      </c>
      <c r="F43823" t="s">
        <v>5427</v>
      </c>
      <c r="G43823" t="s">
        <v>80</v>
      </c>
      <c r="H43823" t="s">
        <v>81</v>
      </c>
      <c r="I43823" s="2">
        <v>0</v>
      </c>
      <c r="J43823" s="2">
        <v>1</v>
      </c>
      <c r="K43823" s="2">
        <v>0</v>
      </c>
      <c r="L43823" t="s">
        <v>82</v>
      </c>
      <c r="M43823" t="s">
        <v>87</v>
      </c>
      <c r="N43823" t="s">
        <v>88</v>
      </c>
      <c r="O43823" t="s">
        <v>85</v>
      </c>
      <c r="P43823" t="s">
        <v>86</v>
      </c>
      <c r="Q43823">
        <v>53</v>
      </c>
      <c r="R43823">
        <v>54</v>
      </c>
      <c r="S43823">
        <v>55</v>
      </c>
      <c r="T43823">
        <v>56</v>
      </c>
      <c r="U43823">
        <v>57</v>
      </c>
      <c r="V43823">
        <v>58</v>
      </c>
      <c r="W43823">
        <v>59</v>
      </c>
      <c r="X43823">
        <v>59</v>
      </c>
      <c r="Y43823">
        <v>60</v>
      </c>
      <c r="Z43823">
        <v>61</v>
      </c>
      <c r="AA43823">
        <v>62</v>
      </c>
      <c r="AB43823">
        <v>63</v>
      </c>
      <c r="AC43823">
        <v>64</v>
      </c>
      <c r="AD43823">
        <v>65</v>
      </c>
      <c r="AE43823">
        <v>66</v>
      </c>
      <c r="AF43823">
        <v>67</v>
      </c>
      <c r="AG43823">
        <v>68</v>
      </c>
      <c r="AH43823">
        <v>69</v>
      </c>
      <c r="AI43823">
        <v>70</v>
      </c>
      <c r="AJ43823">
        <v>71</v>
      </c>
      <c r="AK43823">
        <v>72</v>
      </c>
      <c r="AL43823">
        <v>73</v>
      </c>
      <c r="AM43823">
        <v>74</v>
      </c>
      <c r="AN43823">
        <v>75</v>
      </c>
      <c r="AO43823">
        <v>76</v>
      </c>
      <c r="AP43823">
        <v>77</v>
      </c>
      <c r="AQ43823">
        <v>78</v>
      </c>
    </row>
    <row r="43824" spans="1:43">
      <c r="A43824" t="s">
        <v>26733</v>
      </c>
      <c r="B43824" t="s">
        <v>26734</v>
      </c>
      <c r="C43824" t="s">
        <v>5434</v>
      </c>
      <c r="D43824" t="s">
        <v>5435</v>
      </c>
      <c r="E43824" t="s">
        <v>5426</v>
      </c>
      <c r="F43824" t="s">
        <v>5427</v>
      </c>
      <c r="G43824" t="s">
        <v>80</v>
      </c>
      <c r="H43824" t="s">
        <v>81</v>
      </c>
      <c r="I43824" s="2">
        <v>0</v>
      </c>
      <c r="J43824" s="2">
        <v>1</v>
      </c>
      <c r="K43824" s="2">
        <v>0</v>
      </c>
      <c r="L43824" t="s">
        <v>82</v>
      </c>
      <c r="M43824" t="s">
        <v>89</v>
      </c>
      <c r="N43824" t="s">
        <v>90</v>
      </c>
      <c r="O43824" t="s">
        <v>85</v>
      </c>
      <c r="P43824" t="s">
        <v>86</v>
      </c>
      <c r="Q43824">
        <v>53</v>
      </c>
      <c r="R43824">
        <v>55</v>
      </c>
      <c r="S43824">
        <v>57</v>
      </c>
      <c r="T43824">
        <v>59</v>
      </c>
      <c r="U43824">
        <v>61</v>
      </c>
      <c r="V43824">
        <v>63</v>
      </c>
      <c r="W43824">
        <v>64</v>
      </c>
      <c r="X43824">
        <v>66</v>
      </c>
      <c r="Y43824">
        <v>68</v>
      </c>
      <c r="Z43824">
        <v>70</v>
      </c>
      <c r="AA43824">
        <v>72</v>
      </c>
      <c r="AB43824">
        <v>73</v>
      </c>
      <c r="AC43824">
        <v>75</v>
      </c>
      <c r="AD43824">
        <v>77</v>
      </c>
      <c r="AE43824">
        <v>79</v>
      </c>
      <c r="AF43824">
        <v>80</v>
      </c>
      <c r="AG43824">
        <v>81</v>
      </c>
      <c r="AH43824">
        <v>82</v>
      </c>
      <c r="AI43824">
        <v>82</v>
      </c>
      <c r="AJ43824">
        <v>83</v>
      </c>
      <c r="AK43824">
        <v>84</v>
      </c>
      <c r="AL43824">
        <v>85</v>
      </c>
      <c r="AM43824">
        <v>86</v>
      </c>
      <c r="AN43824">
        <v>87</v>
      </c>
      <c r="AO43824">
        <v>88</v>
      </c>
      <c r="AP43824">
        <v>89</v>
      </c>
      <c r="AQ43824">
        <v>90</v>
      </c>
    </row>
    <row r="43825" spans="1:43">
      <c r="A43825" t="s">
        <v>26733</v>
      </c>
      <c r="B43825" t="s">
        <v>26734</v>
      </c>
      <c r="C43825" t="s">
        <v>5434</v>
      </c>
      <c r="D43825" t="s">
        <v>5435</v>
      </c>
      <c r="E43825" t="s">
        <v>5426</v>
      </c>
      <c r="F43825" t="s">
        <v>5427</v>
      </c>
      <c r="G43825" t="s">
        <v>80</v>
      </c>
      <c r="H43825" t="s">
        <v>81</v>
      </c>
      <c r="I43825" s="2">
        <v>0</v>
      </c>
      <c r="J43825" s="2">
        <v>1</v>
      </c>
      <c r="K43825" s="2">
        <v>0</v>
      </c>
      <c r="L43825" t="s">
        <v>82</v>
      </c>
      <c r="M43825" t="s">
        <v>83</v>
      </c>
      <c r="N43825" t="s">
        <v>91</v>
      </c>
      <c r="O43825" t="s">
        <v>85</v>
      </c>
      <c r="P43825" t="s">
        <v>86</v>
      </c>
      <c r="Q43825">
        <v>53</v>
      </c>
      <c r="R43825">
        <v>54</v>
      </c>
      <c r="S43825">
        <v>56</v>
      </c>
      <c r="T43825">
        <v>57</v>
      </c>
      <c r="U43825">
        <v>58</v>
      </c>
      <c r="V43825">
        <v>60</v>
      </c>
      <c r="W43825">
        <v>61</v>
      </c>
      <c r="X43825">
        <v>63</v>
      </c>
      <c r="Y43825">
        <v>64</v>
      </c>
      <c r="Z43825">
        <v>66</v>
      </c>
      <c r="AA43825">
        <v>67</v>
      </c>
      <c r="AB43825">
        <v>69</v>
      </c>
      <c r="AC43825">
        <v>70</v>
      </c>
      <c r="AD43825">
        <v>72</v>
      </c>
      <c r="AE43825">
        <v>73</v>
      </c>
      <c r="AF43825">
        <v>75</v>
      </c>
      <c r="AG43825">
        <v>77</v>
      </c>
      <c r="AH43825">
        <v>78</v>
      </c>
      <c r="AI43825">
        <v>80</v>
      </c>
      <c r="AJ43825">
        <v>82</v>
      </c>
      <c r="AK43825">
        <v>83</v>
      </c>
      <c r="AL43825">
        <v>84</v>
      </c>
      <c r="AM43825">
        <v>85</v>
      </c>
      <c r="AN43825">
        <v>86</v>
      </c>
      <c r="AO43825">
        <v>87</v>
      </c>
      <c r="AP43825">
        <v>88</v>
      </c>
      <c r="AQ43825">
        <v>89</v>
      </c>
    </row>
    <row r="43826" spans="1:43">
      <c r="A43826" t="s">
        <v>26735</v>
      </c>
      <c r="B43826" t="s">
        <v>26736</v>
      </c>
      <c r="C43826" t="s">
        <v>5434</v>
      </c>
      <c r="D43826" t="s">
        <v>5435</v>
      </c>
      <c r="E43826" t="s">
        <v>5426</v>
      </c>
      <c r="F43826" t="s">
        <v>5427</v>
      </c>
      <c r="G43826" t="s">
        <v>80</v>
      </c>
      <c r="H43826" t="s">
        <v>81</v>
      </c>
      <c r="I43826" s="2">
        <v>0</v>
      </c>
      <c r="J43826" s="2">
        <v>1</v>
      </c>
      <c r="K43826" s="2">
        <v>0</v>
      </c>
      <c r="L43826" t="s">
        <v>82</v>
      </c>
      <c r="M43826" t="s">
        <v>83</v>
      </c>
      <c r="N43826" t="s">
        <v>84</v>
      </c>
      <c r="O43826" t="s">
        <v>85</v>
      </c>
      <c r="P43826" t="s">
        <v>86</v>
      </c>
      <c r="Q43826">
        <v>118</v>
      </c>
      <c r="R43826">
        <v>120</v>
      </c>
      <c r="S43826">
        <v>123</v>
      </c>
      <c r="T43826">
        <v>127</v>
      </c>
      <c r="U43826">
        <v>130</v>
      </c>
      <c r="V43826">
        <v>133</v>
      </c>
      <c r="W43826">
        <v>136</v>
      </c>
      <c r="X43826">
        <v>139</v>
      </c>
      <c r="Y43826">
        <v>142</v>
      </c>
      <c r="Z43826">
        <v>146</v>
      </c>
      <c r="AA43826">
        <v>149</v>
      </c>
      <c r="AB43826">
        <v>152</v>
      </c>
      <c r="AC43826">
        <v>156</v>
      </c>
      <c r="AD43826">
        <v>159</v>
      </c>
      <c r="AE43826">
        <v>163</v>
      </c>
      <c r="AF43826">
        <v>166</v>
      </c>
      <c r="AG43826">
        <v>170</v>
      </c>
      <c r="AH43826">
        <v>174</v>
      </c>
      <c r="AI43826">
        <v>177</v>
      </c>
      <c r="AJ43826">
        <v>181</v>
      </c>
      <c r="AK43826">
        <v>185</v>
      </c>
      <c r="AL43826">
        <v>188</v>
      </c>
      <c r="AM43826">
        <v>190</v>
      </c>
      <c r="AN43826">
        <v>192</v>
      </c>
      <c r="AO43826">
        <v>194</v>
      </c>
      <c r="AP43826">
        <v>196</v>
      </c>
      <c r="AQ43826">
        <v>198</v>
      </c>
    </row>
    <row r="43827" spans="1:43">
      <c r="A43827" t="s">
        <v>26735</v>
      </c>
      <c r="B43827" t="s">
        <v>26736</v>
      </c>
      <c r="C43827" t="s">
        <v>5434</v>
      </c>
      <c r="D43827" t="s">
        <v>5435</v>
      </c>
      <c r="E43827" t="s">
        <v>5426</v>
      </c>
      <c r="F43827" t="s">
        <v>5427</v>
      </c>
      <c r="G43827" t="s">
        <v>80</v>
      </c>
      <c r="H43827" t="s">
        <v>81</v>
      </c>
      <c r="I43827" s="2">
        <v>0</v>
      </c>
      <c r="J43827" s="2">
        <v>1</v>
      </c>
      <c r="K43827" s="2">
        <v>0</v>
      </c>
      <c r="L43827" t="s">
        <v>82</v>
      </c>
      <c r="M43827" t="s">
        <v>87</v>
      </c>
      <c r="N43827" t="s">
        <v>88</v>
      </c>
      <c r="O43827" t="s">
        <v>85</v>
      </c>
      <c r="P43827" t="s">
        <v>86</v>
      </c>
      <c r="Q43827">
        <v>118</v>
      </c>
      <c r="R43827">
        <v>120</v>
      </c>
      <c r="S43827">
        <v>122</v>
      </c>
      <c r="T43827">
        <v>124</v>
      </c>
      <c r="U43827">
        <v>126</v>
      </c>
      <c r="V43827">
        <v>128</v>
      </c>
      <c r="W43827">
        <v>130</v>
      </c>
      <c r="X43827">
        <v>132</v>
      </c>
      <c r="Y43827">
        <v>134</v>
      </c>
      <c r="Z43827">
        <v>136</v>
      </c>
      <c r="AA43827">
        <v>138</v>
      </c>
      <c r="AB43827">
        <v>140</v>
      </c>
      <c r="AC43827">
        <v>142</v>
      </c>
      <c r="AD43827">
        <v>144</v>
      </c>
      <c r="AE43827">
        <v>146</v>
      </c>
      <c r="AF43827">
        <v>148</v>
      </c>
      <c r="AG43827">
        <v>150</v>
      </c>
      <c r="AH43827">
        <v>152</v>
      </c>
      <c r="AI43827">
        <v>155</v>
      </c>
      <c r="AJ43827">
        <v>157</v>
      </c>
      <c r="AK43827">
        <v>159</v>
      </c>
      <c r="AL43827">
        <v>161</v>
      </c>
      <c r="AM43827">
        <v>164</v>
      </c>
      <c r="AN43827">
        <v>166</v>
      </c>
      <c r="AO43827">
        <v>168</v>
      </c>
      <c r="AP43827">
        <v>170</v>
      </c>
      <c r="AQ43827">
        <v>173</v>
      </c>
    </row>
    <row r="43828" spans="1:43">
      <c r="A43828" t="s">
        <v>26735</v>
      </c>
      <c r="B43828" t="s">
        <v>26736</v>
      </c>
      <c r="C43828" t="s">
        <v>5434</v>
      </c>
      <c r="D43828" t="s">
        <v>5435</v>
      </c>
      <c r="E43828" t="s">
        <v>5426</v>
      </c>
      <c r="F43828" t="s">
        <v>5427</v>
      </c>
      <c r="G43828" t="s">
        <v>80</v>
      </c>
      <c r="H43828" t="s">
        <v>81</v>
      </c>
      <c r="I43828" s="2">
        <v>0</v>
      </c>
      <c r="J43828" s="2">
        <v>1</v>
      </c>
      <c r="K43828" s="2">
        <v>0</v>
      </c>
      <c r="L43828" t="s">
        <v>82</v>
      </c>
      <c r="M43828" t="s">
        <v>89</v>
      </c>
      <c r="N43828" t="s">
        <v>90</v>
      </c>
      <c r="O43828" t="s">
        <v>85</v>
      </c>
      <c r="P43828" t="s">
        <v>86</v>
      </c>
      <c r="Q43828">
        <v>118</v>
      </c>
      <c r="R43828">
        <v>122</v>
      </c>
      <c r="S43828">
        <v>126</v>
      </c>
      <c r="T43828">
        <v>130</v>
      </c>
      <c r="U43828">
        <v>134</v>
      </c>
      <c r="V43828">
        <v>138</v>
      </c>
      <c r="W43828">
        <v>142</v>
      </c>
      <c r="X43828">
        <v>146</v>
      </c>
      <c r="Y43828">
        <v>150</v>
      </c>
      <c r="Z43828">
        <v>154</v>
      </c>
      <c r="AA43828">
        <v>158</v>
      </c>
      <c r="AB43828">
        <v>162</v>
      </c>
      <c r="AC43828">
        <v>166</v>
      </c>
      <c r="AD43828">
        <v>171</v>
      </c>
      <c r="AE43828">
        <v>174</v>
      </c>
      <c r="AF43828">
        <v>176</v>
      </c>
      <c r="AG43828">
        <v>178</v>
      </c>
      <c r="AH43828">
        <v>180</v>
      </c>
      <c r="AI43828">
        <v>182</v>
      </c>
      <c r="AJ43828">
        <v>184</v>
      </c>
      <c r="AK43828">
        <v>186</v>
      </c>
      <c r="AL43828">
        <v>188</v>
      </c>
      <c r="AM43828">
        <v>190</v>
      </c>
      <c r="AN43828">
        <v>192</v>
      </c>
      <c r="AO43828">
        <v>194</v>
      </c>
      <c r="AP43828">
        <v>196</v>
      </c>
      <c r="AQ43828">
        <v>198</v>
      </c>
    </row>
    <row r="43829" spans="1:43">
      <c r="A43829" t="s">
        <v>26735</v>
      </c>
      <c r="B43829" t="s">
        <v>26736</v>
      </c>
      <c r="C43829" t="s">
        <v>5434</v>
      </c>
      <c r="D43829" t="s">
        <v>5435</v>
      </c>
      <c r="E43829" t="s">
        <v>5426</v>
      </c>
      <c r="F43829" t="s">
        <v>5427</v>
      </c>
      <c r="G43829" t="s">
        <v>80</v>
      </c>
      <c r="H43829" t="s">
        <v>81</v>
      </c>
      <c r="I43829" s="2">
        <v>0</v>
      </c>
      <c r="J43829" s="2">
        <v>1</v>
      </c>
      <c r="K43829" s="2">
        <v>0</v>
      </c>
      <c r="L43829" t="s">
        <v>82</v>
      </c>
      <c r="M43829" t="s">
        <v>83</v>
      </c>
      <c r="N43829" t="s">
        <v>91</v>
      </c>
      <c r="O43829" t="s">
        <v>85</v>
      </c>
      <c r="P43829" t="s">
        <v>86</v>
      </c>
      <c r="Q43829">
        <v>118</v>
      </c>
      <c r="R43829">
        <v>120</v>
      </c>
      <c r="S43829">
        <v>123</v>
      </c>
      <c r="T43829">
        <v>127</v>
      </c>
      <c r="U43829">
        <v>130</v>
      </c>
      <c r="V43829">
        <v>133</v>
      </c>
      <c r="W43829">
        <v>136</v>
      </c>
      <c r="X43829">
        <v>139</v>
      </c>
      <c r="Y43829">
        <v>142</v>
      </c>
      <c r="Z43829">
        <v>146</v>
      </c>
      <c r="AA43829">
        <v>149</v>
      </c>
      <c r="AB43829">
        <v>152</v>
      </c>
      <c r="AC43829">
        <v>156</v>
      </c>
      <c r="AD43829">
        <v>159</v>
      </c>
      <c r="AE43829">
        <v>163</v>
      </c>
      <c r="AF43829">
        <v>166</v>
      </c>
      <c r="AG43829">
        <v>170</v>
      </c>
      <c r="AH43829">
        <v>174</v>
      </c>
      <c r="AI43829">
        <v>177</v>
      </c>
      <c r="AJ43829">
        <v>181</v>
      </c>
      <c r="AK43829">
        <v>185</v>
      </c>
      <c r="AL43829">
        <v>188</v>
      </c>
      <c r="AM43829">
        <v>190</v>
      </c>
      <c r="AN43829">
        <v>192</v>
      </c>
      <c r="AO43829">
        <v>194</v>
      </c>
      <c r="AP43829">
        <v>196</v>
      </c>
      <c r="AQ43829">
        <v>198</v>
      </c>
    </row>
    <row r="43830" spans="1:43">
      <c r="A43830" t="s">
        <v>26737</v>
      </c>
      <c r="B43830" t="s">
        <v>26738</v>
      </c>
      <c r="C43830" t="s">
        <v>8992</v>
      </c>
      <c r="D43830" t="s">
        <v>8993</v>
      </c>
      <c r="E43830" t="s">
        <v>8938</v>
      </c>
      <c r="F43830" t="s">
        <v>8939</v>
      </c>
      <c r="G43830" t="s">
        <v>80</v>
      </c>
      <c r="H43830" t="s">
        <v>81</v>
      </c>
      <c r="I43830" s="2">
        <v>0</v>
      </c>
      <c r="J43830" s="2">
        <v>1</v>
      </c>
      <c r="K43830" s="2">
        <v>0</v>
      </c>
      <c r="L43830" t="s">
        <v>82</v>
      </c>
      <c r="M43830" t="s">
        <v>83</v>
      </c>
      <c r="N43830" t="s">
        <v>84</v>
      </c>
      <c r="O43830" t="s">
        <v>85</v>
      </c>
      <c r="P43830" t="s">
        <v>86</v>
      </c>
      <c r="Q43830">
        <v>69</v>
      </c>
      <c r="R43830">
        <v>71</v>
      </c>
      <c r="S43830">
        <v>73</v>
      </c>
      <c r="T43830">
        <v>75</v>
      </c>
      <c r="U43830">
        <v>77</v>
      </c>
      <c r="V43830">
        <v>78</v>
      </c>
      <c r="W43830">
        <v>80</v>
      </c>
      <c r="X43830">
        <v>82</v>
      </c>
      <c r="Y43830">
        <v>84</v>
      </c>
      <c r="Z43830">
        <v>86</v>
      </c>
      <c r="AA43830">
        <v>88</v>
      </c>
      <c r="AB43830">
        <v>90</v>
      </c>
      <c r="AC43830">
        <v>92</v>
      </c>
      <c r="AD43830">
        <v>94</v>
      </c>
      <c r="AE43830">
        <v>96</v>
      </c>
      <c r="AF43830">
        <v>98</v>
      </c>
      <c r="AG43830">
        <v>100</v>
      </c>
      <c r="AH43830">
        <v>102</v>
      </c>
      <c r="AI43830">
        <v>104</v>
      </c>
      <c r="AJ43830">
        <v>107</v>
      </c>
      <c r="AK43830">
        <v>109</v>
      </c>
      <c r="AL43830">
        <v>110</v>
      </c>
      <c r="AM43830">
        <v>111</v>
      </c>
      <c r="AN43830">
        <v>112</v>
      </c>
      <c r="AO43830">
        <v>114</v>
      </c>
      <c r="AP43830">
        <v>115</v>
      </c>
      <c r="AQ43830">
        <v>116</v>
      </c>
    </row>
    <row r="43831" spans="1:43">
      <c r="A43831" t="s">
        <v>26737</v>
      </c>
      <c r="B43831" t="s">
        <v>26738</v>
      </c>
      <c r="C43831" t="s">
        <v>8992</v>
      </c>
      <c r="D43831" t="s">
        <v>8993</v>
      </c>
      <c r="E43831" t="s">
        <v>8938</v>
      </c>
      <c r="F43831" t="s">
        <v>8939</v>
      </c>
      <c r="G43831" t="s">
        <v>80</v>
      </c>
      <c r="H43831" t="s">
        <v>81</v>
      </c>
      <c r="I43831" s="2">
        <v>0</v>
      </c>
      <c r="J43831" s="2">
        <v>1</v>
      </c>
      <c r="K43831" s="2">
        <v>0</v>
      </c>
      <c r="L43831" t="s">
        <v>82</v>
      </c>
      <c r="M43831" t="s">
        <v>87</v>
      </c>
      <c r="N43831" t="s">
        <v>88</v>
      </c>
      <c r="O43831" t="s">
        <v>85</v>
      </c>
      <c r="P43831" t="s">
        <v>86</v>
      </c>
      <c r="Q43831">
        <v>69</v>
      </c>
      <c r="R43831">
        <v>70</v>
      </c>
      <c r="S43831">
        <v>71</v>
      </c>
      <c r="T43831">
        <v>72</v>
      </c>
      <c r="U43831">
        <v>73</v>
      </c>
      <c r="V43831">
        <v>74</v>
      </c>
      <c r="W43831">
        <v>76</v>
      </c>
      <c r="X43831">
        <v>77</v>
      </c>
      <c r="Y43831">
        <v>78</v>
      </c>
      <c r="Z43831">
        <v>79</v>
      </c>
      <c r="AA43831">
        <v>80</v>
      </c>
      <c r="AB43831">
        <v>81</v>
      </c>
      <c r="AC43831">
        <v>83</v>
      </c>
      <c r="AD43831">
        <v>84</v>
      </c>
      <c r="AE43831">
        <v>85</v>
      </c>
      <c r="AF43831">
        <v>86</v>
      </c>
      <c r="AG43831">
        <v>88</v>
      </c>
      <c r="AH43831">
        <v>89</v>
      </c>
      <c r="AI43831">
        <v>90</v>
      </c>
      <c r="AJ43831">
        <v>91</v>
      </c>
      <c r="AK43831">
        <v>93</v>
      </c>
      <c r="AL43831">
        <v>94</v>
      </c>
      <c r="AM43831">
        <v>95</v>
      </c>
      <c r="AN43831">
        <v>97</v>
      </c>
      <c r="AO43831">
        <v>98</v>
      </c>
      <c r="AP43831">
        <v>99</v>
      </c>
      <c r="AQ43831">
        <v>101</v>
      </c>
    </row>
    <row r="43832" spans="1:43">
      <c r="A43832" t="s">
        <v>26737</v>
      </c>
      <c r="B43832" t="s">
        <v>26738</v>
      </c>
      <c r="C43832" t="s">
        <v>8992</v>
      </c>
      <c r="D43832" t="s">
        <v>8993</v>
      </c>
      <c r="E43832" t="s">
        <v>8938</v>
      </c>
      <c r="F43832" t="s">
        <v>8939</v>
      </c>
      <c r="G43832" t="s">
        <v>80</v>
      </c>
      <c r="H43832" t="s">
        <v>81</v>
      </c>
      <c r="I43832" s="2">
        <v>0</v>
      </c>
      <c r="J43832" s="2">
        <v>1</v>
      </c>
      <c r="K43832" s="2">
        <v>0</v>
      </c>
      <c r="L43832" t="s">
        <v>82</v>
      </c>
      <c r="M43832" t="s">
        <v>89</v>
      </c>
      <c r="N43832" t="s">
        <v>90</v>
      </c>
      <c r="O43832" t="s">
        <v>85</v>
      </c>
      <c r="P43832" t="s">
        <v>86</v>
      </c>
      <c r="Q43832">
        <v>69</v>
      </c>
      <c r="R43832">
        <v>71</v>
      </c>
      <c r="S43832">
        <v>74</v>
      </c>
      <c r="T43832">
        <v>76</v>
      </c>
      <c r="U43832">
        <v>79</v>
      </c>
      <c r="V43832">
        <v>81</v>
      </c>
      <c r="W43832">
        <v>84</v>
      </c>
      <c r="X43832">
        <v>86</v>
      </c>
      <c r="Y43832">
        <v>88</v>
      </c>
      <c r="Z43832">
        <v>91</v>
      </c>
      <c r="AA43832">
        <v>93</v>
      </c>
      <c r="AB43832">
        <v>95</v>
      </c>
      <c r="AC43832">
        <v>98</v>
      </c>
      <c r="AD43832">
        <v>100</v>
      </c>
      <c r="AE43832">
        <v>102</v>
      </c>
      <c r="AF43832">
        <v>103</v>
      </c>
      <c r="AG43832">
        <v>104</v>
      </c>
      <c r="AH43832">
        <v>105</v>
      </c>
      <c r="AI43832">
        <v>107</v>
      </c>
      <c r="AJ43832">
        <v>108</v>
      </c>
      <c r="AK43832">
        <v>109</v>
      </c>
      <c r="AL43832">
        <v>110</v>
      </c>
      <c r="AM43832">
        <v>111</v>
      </c>
      <c r="AN43832">
        <v>112</v>
      </c>
      <c r="AO43832">
        <v>113</v>
      </c>
      <c r="AP43832">
        <v>114</v>
      </c>
      <c r="AQ43832">
        <v>115</v>
      </c>
    </row>
    <row r="43833" spans="1:43">
      <c r="A43833" t="s">
        <v>26737</v>
      </c>
      <c r="B43833" t="s">
        <v>26738</v>
      </c>
      <c r="C43833" t="s">
        <v>8992</v>
      </c>
      <c r="D43833" t="s">
        <v>8993</v>
      </c>
      <c r="E43833" t="s">
        <v>8938</v>
      </c>
      <c r="F43833" t="s">
        <v>8939</v>
      </c>
      <c r="G43833" t="s">
        <v>80</v>
      </c>
      <c r="H43833" t="s">
        <v>81</v>
      </c>
      <c r="I43833" s="2">
        <v>0</v>
      </c>
      <c r="J43833" s="2">
        <v>1</v>
      </c>
      <c r="K43833" s="2">
        <v>0</v>
      </c>
      <c r="L43833" t="s">
        <v>82</v>
      </c>
      <c r="M43833" t="s">
        <v>83</v>
      </c>
      <c r="N43833" t="s">
        <v>91</v>
      </c>
      <c r="O43833" t="s">
        <v>85</v>
      </c>
      <c r="P43833" t="s">
        <v>86</v>
      </c>
      <c r="Q43833">
        <v>69</v>
      </c>
      <c r="R43833">
        <v>71</v>
      </c>
      <c r="S43833">
        <v>73</v>
      </c>
      <c r="T43833">
        <v>75</v>
      </c>
      <c r="U43833">
        <v>77</v>
      </c>
      <c r="V43833">
        <v>78</v>
      </c>
      <c r="W43833">
        <v>80</v>
      </c>
      <c r="X43833">
        <v>82</v>
      </c>
      <c r="Y43833">
        <v>84</v>
      </c>
      <c r="Z43833">
        <v>86</v>
      </c>
      <c r="AA43833">
        <v>88</v>
      </c>
      <c r="AB43833">
        <v>90</v>
      </c>
      <c r="AC43833">
        <v>92</v>
      </c>
      <c r="AD43833">
        <v>94</v>
      </c>
      <c r="AE43833">
        <v>96</v>
      </c>
      <c r="AF43833">
        <v>98</v>
      </c>
      <c r="AG43833">
        <v>100</v>
      </c>
      <c r="AH43833">
        <v>102</v>
      </c>
      <c r="AI43833">
        <v>104</v>
      </c>
      <c r="AJ43833">
        <v>107</v>
      </c>
      <c r="AK43833">
        <v>109</v>
      </c>
      <c r="AL43833">
        <v>110</v>
      </c>
      <c r="AM43833">
        <v>111</v>
      </c>
      <c r="AN43833">
        <v>112</v>
      </c>
      <c r="AO43833">
        <v>114</v>
      </c>
      <c r="AP43833">
        <v>115</v>
      </c>
      <c r="AQ43833">
        <v>116</v>
      </c>
    </row>
    <row r="43834" spans="1:43">
      <c r="A43834" t="s">
        <v>26739</v>
      </c>
      <c r="B43834" t="s">
        <v>26740</v>
      </c>
      <c r="C43834" t="s">
        <v>8992</v>
      </c>
      <c r="D43834" t="s">
        <v>8993</v>
      </c>
      <c r="E43834" t="s">
        <v>8938</v>
      </c>
      <c r="F43834" t="s">
        <v>8939</v>
      </c>
      <c r="G43834" t="s">
        <v>80</v>
      </c>
      <c r="H43834" t="s">
        <v>81</v>
      </c>
      <c r="I43834" s="2">
        <v>0</v>
      </c>
      <c r="J43834" s="2">
        <v>1</v>
      </c>
      <c r="K43834" s="2">
        <v>0</v>
      </c>
      <c r="L43834" t="s">
        <v>82</v>
      </c>
      <c r="M43834" t="s">
        <v>83</v>
      </c>
      <c r="N43834" t="s">
        <v>84</v>
      </c>
      <c r="O43834" t="s">
        <v>85</v>
      </c>
      <c r="P43834" t="s">
        <v>86</v>
      </c>
      <c r="Q43834">
        <v>17</v>
      </c>
      <c r="R43834">
        <v>17</v>
      </c>
      <c r="S43834">
        <v>17</v>
      </c>
      <c r="T43834">
        <v>18</v>
      </c>
      <c r="U43834">
        <v>18</v>
      </c>
      <c r="V43834">
        <v>19</v>
      </c>
      <c r="W43834">
        <v>19</v>
      </c>
      <c r="X43834">
        <v>20</v>
      </c>
      <c r="Y43834">
        <v>20</v>
      </c>
      <c r="Z43834">
        <v>21</v>
      </c>
      <c r="AA43834">
        <v>21</v>
      </c>
      <c r="AB43834">
        <v>22</v>
      </c>
      <c r="AC43834">
        <v>22</v>
      </c>
      <c r="AD43834">
        <v>23</v>
      </c>
      <c r="AE43834">
        <v>23</v>
      </c>
      <c r="AF43834">
        <v>23</v>
      </c>
      <c r="AG43834">
        <v>24</v>
      </c>
      <c r="AH43834">
        <v>24</v>
      </c>
      <c r="AI43834">
        <v>25</v>
      </c>
      <c r="AJ43834">
        <v>25</v>
      </c>
      <c r="AK43834">
        <v>26</v>
      </c>
      <c r="AL43834">
        <v>26</v>
      </c>
      <c r="AM43834">
        <v>27</v>
      </c>
      <c r="AN43834">
        <v>27</v>
      </c>
      <c r="AO43834">
        <v>27</v>
      </c>
      <c r="AP43834">
        <v>27</v>
      </c>
      <c r="AQ43834">
        <v>28</v>
      </c>
    </row>
    <row r="43835" spans="1:43">
      <c r="A43835" t="s">
        <v>26739</v>
      </c>
      <c r="B43835" t="s">
        <v>26740</v>
      </c>
      <c r="C43835" t="s">
        <v>8992</v>
      </c>
      <c r="D43835" t="s">
        <v>8993</v>
      </c>
      <c r="E43835" t="s">
        <v>8938</v>
      </c>
      <c r="F43835" t="s">
        <v>8939</v>
      </c>
      <c r="G43835" t="s">
        <v>80</v>
      </c>
      <c r="H43835" t="s">
        <v>81</v>
      </c>
      <c r="I43835" s="2">
        <v>0</v>
      </c>
      <c r="J43835" s="2">
        <v>1</v>
      </c>
      <c r="K43835" s="2">
        <v>0</v>
      </c>
      <c r="L43835" t="s">
        <v>82</v>
      </c>
      <c r="M43835" t="s">
        <v>87</v>
      </c>
      <c r="N43835" t="s">
        <v>88</v>
      </c>
      <c r="O43835" t="s">
        <v>85</v>
      </c>
      <c r="P43835" t="s">
        <v>86</v>
      </c>
      <c r="Q43835">
        <v>17</v>
      </c>
      <c r="R43835">
        <v>18</v>
      </c>
      <c r="S43835">
        <v>18</v>
      </c>
      <c r="T43835">
        <v>18</v>
      </c>
      <c r="U43835">
        <v>19</v>
      </c>
      <c r="V43835">
        <v>19</v>
      </c>
      <c r="W43835">
        <v>19</v>
      </c>
      <c r="X43835">
        <v>19</v>
      </c>
      <c r="Y43835">
        <v>20</v>
      </c>
      <c r="Z43835">
        <v>20</v>
      </c>
      <c r="AA43835">
        <v>20</v>
      </c>
      <c r="AB43835">
        <v>20</v>
      </c>
      <c r="AC43835">
        <v>21</v>
      </c>
      <c r="AD43835">
        <v>21</v>
      </c>
      <c r="AE43835">
        <v>21</v>
      </c>
      <c r="AF43835">
        <v>22</v>
      </c>
      <c r="AG43835">
        <v>22</v>
      </c>
      <c r="AH43835">
        <v>22</v>
      </c>
      <c r="AI43835">
        <v>23</v>
      </c>
      <c r="AJ43835">
        <v>23</v>
      </c>
      <c r="AK43835">
        <v>23</v>
      </c>
      <c r="AL43835">
        <v>23</v>
      </c>
      <c r="AM43835">
        <v>24</v>
      </c>
      <c r="AN43835">
        <v>24</v>
      </c>
      <c r="AO43835">
        <v>24</v>
      </c>
      <c r="AP43835">
        <v>25</v>
      </c>
      <c r="AQ43835">
        <v>25</v>
      </c>
    </row>
    <row r="43836" spans="1:43">
      <c r="A43836" t="s">
        <v>26739</v>
      </c>
      <c r="B43836" t="s">
        <v>26740</v>
      </c>
      <c r="C43836" t="s">
        <v>8992</v>
      </c>
      <c r="D43836" t="s">
        <v>8993</v>
      </c>
      <c r="E43836" t="s">
        <v>8938</v>
      </c>
      <c r="F43836" t="s">
        <v>8939</v>
      </c>
      <c r="G43836" t="s">
        <v>80</v>
      </c>
      <c r="H43836" t="s">
        <v>81</v>
      </c>
      <c r="I43836" s="2">
        <v>0</v>
      </c>
      <c r="J43836" s="2">
        <v>1</v>
      </c>
      <c r="K43836" s="2">
        <v>0</v>
      </c>
      <c r="L43836" t="s">
        <v>82</v>
      </c>
      <c r="M43836" t="s">
        <v>89</v>
      </c>
      <c r="N43836" t="s">
        <v>90</v>
      </c>
      <c r="O43836" t="s">
        <v>85</v>
      </c>
      <c r="P43836" t="s">
        <v>86</v>
      </c>
      <c r="Q43836">
        <v>17</v>
      </c>
      <c r="R43836">
        <v>17</v>
      </c>
      <c r="S43836">
        <v>18</v>
      </c>
      <c r="T43836">
        <v>18</v>
      </c>
      <c r="U43836">
        <v>19</v>
      </c>
      <c r="V43836">
        <v>20</v>
      </c>
      <c r="W43836">
        <v>20</v>
      </c>
      <c r="X43836">
        <v>21</v>
      </c>
      <c r="Y43836">
        <v>21</v>
      </c>
      <c r="Z43836">
        <v>22</v>
      </c>
      <c r="AA43836">
        <v>22</v>
      </c>
      <c r="AB43836">
        <v>23</v>
      </c>
      <c r="AC43836">
        <v>24</v>
      </c>
      <c r="AD43836">
        <v>24</v>
      </c>
      <c r="AE43836">
        <v>25</v>
      </c>
      <c r="AF43836">
        <v>25</v>
      </c>
      <c r="AG43836">
        <v>25</v>
      </c>
      <c r="AH43836">
        <v>25</v>
      </c>
      <c r="AI43836">
        <v>26</v>
      </c>
      <c r="AJ43836">
        <v>26</v>
      </c>
      <c r="AK43836">
        <v>26</v>
      </c>
      <c r="AL43836">
        <v>27</v>
      </c>
      <c r="AM43836">
        <v>27</v>
      </c>
      <c r="AN43836">
        <v>27</v>
      </c>
      <c r="AO43836">
        <v>27</v>
      </c>
      <c r="AP43836">
        <v>28</v>
      </c>
      <c r="AQ43836">
        <v>28</v>
      </c>
    </row>
    <row r="43837" spans="1:43">
      <c r="A43837" t="s">
        <v>26739</v>
      </c>
      <c r="B43837" t="s">
        <v>26740</v>
      </c>
      <c r="C43837" t="s">
        <v>8992</v>
      </c>
      <c r="D43837" t="s">
        <v>8993</v>
      </c>
      <c r="E43837" t="s">
        <v>8938</v>
      </c>
      <c r="F43837" t="s">
        <v>8939</v>
      </c>
      <c r="G43837" t="s">
        <v>80</v>
      </c>
      <c r="H43837" t="s">
        <v>81</v>
      </c>
      <c r="I43837" s="2">
        <v>0</v>
      </c>
      <c r="J43837" s="2">
        <v>1</v>
      </c>
      <c r="K43837" s="2">
        <v>0</v>
      </c>
      <c r="L43837" t="s">
        <v>82</v>
      </c>
      <c r="M43837" t="s">
        <v>83</v>
      </c>
      <c r="N43837" t="s">
        <v>91</v>
      </c>
      <c r="O43837" t="s">
        <v>85</v>
      </c>
      <c r="P43837" t="s">
        <v>86</v>
      </c>
      <c r="Q43837">
        <v>17</v>
      </c>
      <c r="R43837">
        <v>17</v>
      </c>
      <c r="S43837">
        <v>17</v>
      </c>
      <c r="T43837">
        <v>18</v>
      </c>
      <c r="U43837">
        <v>18</v>
      </c>
      <c r="V43837">
        <v>19</v>
      </c>
      <c r="W43837">
        <v>19</v>
      </c>
      <c r="X43837">
        <v>20</v>
      </c>
      <c r="Y43837">
        <v>20</v>
      </c>
      <c r="Z43837">
        <v>21</v>
      </c>
      <c r="AA43837">
        <v>21</v>
      </c>
      <c r="AB43837">
        <v>22</v>
      </c>
      <c r="AC43837">
        <v>22</v>
      </c>
      <c r="AD43837">
        <v>23</v>
      </c>
      <c r="AE43837">
        <v>23</v>
      </c>
      <c r="AF43837">
        <v>23</v>
      </c>
      <c r="AG43837">
        <v>24</v>
      </c>
      <c r="AH43837">
        <v>24</v>
      </c>
      <c r="AI43837">
        <v>25</v>
      </c>
      <c r="AJ43837">
        <v>25</v>
      </c>
      <c r="AK43837">
        <v>26</v>
      </c>
      <c r="AL43837">
        <v>26</v>
      </c>
      <c r="AM43837">
        <v>27</v>
      </c>
      <c r="AN43837">
        <v>27</v>
      </c>
      <c r="AO43837">
        <v>27</v>
      </c>
      <c r="AP43837">
        <v>27</v>
      </c>
      <c r="AQ43837">
        <v>28</v>
      </c>
    </row>
    <row r="43838" spans="1:43">
      <c r="A43838" t="s">
        <v>26741</v>
      </c>
      <c r="B43838" t="s">
        <v>26742</v>
      </c>
      <c r="C43838" t="s">
        <v>8992</v>
      </c>
      <c r="D43838" t="s">
        <v>8993</v>
      </c>
      <c r="E43838" t="s">
        <v>8938</v>
      </c>
      <c r="F43838" t="s">
        <v>8939</v>
      </c>
      <c r="G43838" t="s">
        <v>80</v>
      </c>
      <c r="H43838" t="s">
        <v>81</v>
      </c>
      <c r="I43838" s="2">
        <v>0</v>
      </c>
      <c r="J43838" s="2">
        <v>1</v>
      </c>
      <c r="K43838" s="2">
        <v>0</v>
      </c>
      <c r="L43838" t="s">
        <v>82</v>
      </c>
      <c r="M43838" t="s">
        <v>83</v>
      </c>
      <c r="N43838" t="s">
        <v>84</v>
      </c>
      <c r="O43838" t="s">
        <v>85</v>
      </c>
      <c r="P43838" t="s">
        <v>86</v>
      </c>
      <c r="Q43838">
        <v>103</v>
      </c>
      <c r="R43838">
        <v>105</v>
      </c>
      <c r="S43838">
        <v>108</v>
      </c>
      <c r="T43838">
        <v>111</v>
      </c>
      <c r="U43838">
        <v>113</v>
      </c>
      <c r="V43838">
        <v>116</v>
      </c>
      <c r="W43838">
        <v>119</v>
      </c>
      <c r="X43838">
        <v>122</v>
      </c>
      <c r="Y43838">
        <v>125</v>
      </c>
      <c r="Z43838">
        <v>128</v>
      </c>
      <c r="AA43838">
        <v>130</v>
      </c>
      <c r="AB43838">
        <v>133</v>
      </c>
      <c r="AC43838">
        <v>136</v>
      </c>
      <c r="AD43838">
        <v>139</v>
      </c>
      <c r="AE43838">
        <v>142</v>
      </c>
      <c r="AF43838">
        <v>145</v>
      </c>
      <c r="AG43838">
        <v>148</v>
      </c>
      <c r="AH43838">
        <v>151</v>
      </c>
      <c r="AI43838">
        <v>155</v>
      </c>
      <c r="AJ43838">
        <v>158</v>
      </c>
      <c r="AK43838">
        <v>161</v>
      </c>
      <c r="AL43838">
        <v>163</v>
      </c>
      <c r="AM43838">
        <v>165</v>
      </c>
      <c r="AN43838">
        <v>166</v>
      </c>
      <c r="AO43838">
        <v>168</v>
      </c>
      <c r="AP43838">
        <v>170</v>
      </c>
      <c r="AQ43838">
        <v>171</v>
      </c>
    </row>
    <row r="43839" spans="1:43">
      <c r="A43839" t="s">
        <v>26741</v>
      </c>
      <c r="B43839" t="s">
        <v>26742</v>
      </c>
      <c r="C43839" t="s">
        <v>8992</v>
      </c>
      <c r="D43839" t="s">
        <v>8993</v>
      </c>
      <c r="E43839" t="s">
        <v>8938</v>
      </c>
      <c r="F43839" t="s">
        <v>8939</v>
      </c>
      <c r="G43839" t="s">
        <v>80</v>
      </c>
      <c r="H43839" t="s">
        <v>81</v>
      </c>
      <c r="I43839" s="2">
        <v>0</v>
      </c>
      <c r="J43839" s="2">
        <v>1</v>
      </c>
      <c r="K43839" s="2">
        <v>0</v>
      </c>
      <c r="L43839" t="s">
        <v>82</v>
      </c>
      <c r="M43839" t="s">
        <v>87</v>
      </c>
      <c r="N43839" t="s">
        <v>88</v>
      </c>
      <c r="O43839" t="s">
        <v>85</v>
      </c>
      <c r="P43839" t="s">
        <v>86</v>
      </c>
      <c r="Q43839">
        <v>103</v>
      </c>
      <c r="R43839">
        <v>104</v>
      </c>
      <c r="S43839">
        <v>106</v>
      </c>
      <c r="T43839">
        <v>108</v>
      </c>
      <c r="U43839">
        <v>109</v>
      </c>
      <c r="V43839">
        <v>111</v>
      </c>
      <c r="W43839">
        <v>113</v>
      </c>
      <c r="X43839">
        <v>114</v>
      </c>
      <c r="Y43839">
        <v>116</v>
      </c>
      <c r="Z43839">
        <v>118</v>
      </c>
      <c r="AA43839">
        <v>120</v>
      </c>
      <c r="AB43839">
        <v>122</v>
      </c>
      <c r="AC43839">
        <v>123</v>
      </c>
      <c r="AD43839">
        <v>125</v>
      </c>
      <c r="AE43839">
        <v>127</v>
      </c>
      <c r="AF43839">
        <v>129</v>
      </c>
      <c r="AG43839">
        <v>131</v>
      </c>
      <c r="AH43839">
        <v>132</v>
      </c>
      <c r="AI43839">
        <v>134</v>
      </c>
      <c r="AJ43839">
        <v>136</v>
      </c>
      <c r="AK43839">
        <v>138</v>
      </c>
      <c r="AL43839">
        <v>140</v>
      </c>
      <c r="AM43839">
        <v>142</v>
      </c>
      <c r="AN43839">
        <v>144</v>
      </c>
      <c r="AO43839">
        <v>146</v>
      </c>
      <c r="AP43839">
        <v>148</v>
      </c>
      <c r="AQ43839">
        <v>150</v>
      </c>
    </row>
    <row r="43840" spans="1:43">
      <c r="A43840" t="s">
        <v>26741</v>
      </c>
      <c r="B43840" t="s">
        <v>26742</v>
      </c>
      <c r="C43840" t="s">
        <v>8992</v>
      </c>
      <c r="D43840" t="s">
        <v>8993</v>
      </c>
      <c r="E43840" t="s">
        <v>8938</v>
      </c>
      <c r="F43840" t="s">
        <v>8939</v>
      </c>
      <c r="G43840" t="s">
        <v>80</v>
      </c>
      <c r="H43840" t="s">
        <v>81</v>
      </c>
      <c r="I43840" s="2">
        <v>0</v>
      </c>
      <c r="J43840" s="2">
        <v>1</v>
      </c>
      <c r="K43840" s="2">
        <v>0</v>
      </c>
      <c r="L43840" t="s">
        <v>82</v>
      </c>
      <c r="M43840" t="s">
        <v>89</v>
      </c>
      <c r="N43840" t="s">
        <v>90</v>
      </c>
      <c r="O43840" t="s">
        <v>85</v>
      </c>
      <c r="P43840" t="s">
        <v>86</v>
      </c>
      <c r="Q43840">
        <v>103</v>
      </c>
      <c r="R43840">
        <v>106</v>
      </c>
      <c r="S43840">
        <v>110</v>
      </c>
      <c r="T43840">
        <v>113</v>
      </c>
      <c r="U43840">
        <v>117</v>
      </c>
      <c r="V43840">
        <v>120</v>
      </c>
      <c r="W43840">
        <v>124</v>
      </c>
      <c r="X43840">
        <v>128</v>
      </c>
      <c r="Y43840">
        <v>131</v>
      </c>
      <c r="Z43840">
        <v>135</v>
      </c>
      <c r="AA43840">
        <v>138</v>
      </c>
      <c r="AB43840">
        <v>141</v>
      </c>
      <c r="AC43840">
        <v>145</v>
      </c>
      <c r="AD43840">
        <v>149</v>
      </c>
      <c r="AE43840">
        <v>152</v>
      </c>
      <c r="AF43840">
        <v>153</v>
      </c>
      <c r="AG43840">
        <v>155</v>
      </c>
      <c r="AH43840">
        <v>157</v>
      </c>
      <c r="AI43840">
        <v>158</v>
      </c>
      <c r="AJ43840">
        <v>160</v>
      </c>
      <c r="AK43840">
        <v>161</v>
      </c>
      <c r="AL43840">
        <v>163</v>
      </c>
      <c r="AM43840">
        <v>165</v>
      </c>
      <c r="AN43840">
        <v>166</v>
      </c>
      <c r="AO43840">
        <v>168</v>
      </c>
      <c r="AP43840">
        <v>169</v>
      </c>
      <c r="AQ43840">
        <v>171</v>
      </c>
    </row>
    <row r="43841" spans="1:43">
      <c r="A43841" t="s">
        <v>26741</v>
      </c>
      <c r="B43841" t="s">
        <v>26742</v>
      </c>
      <c r="C43841" t="s">
        <v>8992</v>
      </c>
      <c r="D43841" t="s">
        <v>8993</v>
      </c>
      <c r="E43841" t="s">
        <v>8938</v>
      </c>
      <c r="F43841" t="s">
        <v>8939</v>
      </c>
      <c r="G43841" t="s">
        <v>80</v>
      </c>
      <c r="H43841" t="s">
        <v>81</v>
      </c>
      <c r="I43841" s="2">
        <v>0</v>
      </c>
      <c r="J43841" s="2">
        <v>1</v>
      </c>
      <c r="K43841" s="2">
        <v>0</v>
      </c>
      <c r="L43841" t="s">
        <v>82</v>
      </c>
      <c r="M43841" t="s">
        <v>83</v>
      </c>
      <c r="N43841" t="s">
        <v>91</v>
      </c>
      <c r="O43841" t="s">
        <v>85</v>
      </c>
      <c r="P43841" t="s">
        <v>86</v>
      </c>
      <c r="Q43841">
        <v>103</v>
      </c>
      <c r="R43841">
        <v>105</v>
      </c>
      <c r="S43841">
        <v>108</v>
      </c>
      <c r="T43841">
        <v>111</v>
      </c>
      <c r="U43841">
        <v>113</v>
      </c>
      <c r="V43841">
        <v>116</v>
      </c>
      <c r="W43841">
        <v>119</v>
      </c>
      <c r="X43841">
        <v>122</v>
      </c>
      <c r="Y43841">
        <v>125</v>
      </c>
      <c r="Z43841">
        <v>128</v>
      </c>
      <c r="AA43841">
        <v>130</v>
      </c>
      <c r="AB43841">
        <v>133</v>
      </c>
      <c r="AC43841">
        <v>136</v>
      </c>
      <c r="AD43841">
        <v>139</v>
      </c>
      <c r="AE43841">
        <v>142</v>
      </c>
      <c r="AF43841">
        <v>145</v>
      </c>
      <c r="AG43841">
        <v>148</v>
      </c>
      <c r="AH43841">
        <v>151</v>
      </c>
      <c r="AI43841">
        <v>155</v>
      </c>
      <c r="AJ43841">
        <v>158</v>
      </c>
      <c r="AK43841">
        <v>161</v>
      </c>
      <c r="AL43841">
        <v>163</v>
      </c>
      <c r="AM43841">
        <v>165</v>
      </c>
      <c r="AN43841">
        <v>166</v>
      </c>
      <c r="AO43841">
        <v>168</v>
      </c>
      <c r="AP43841">
        <v>170</v>
      </c>
      <c r="AQ43841">
        <v>171</v>
      </c>
    </row>
    <row r="43842" spans="1:43">
      <c r="A43842" t="s">
        <v>26743</v>
      </c>
      <c r="B43842" t="s">
        <v>26744</v>
      </c>
      <c r="C43842" t="s">
        <v>8936</v>
      </c>
      <c r="D43842" t="s">
        <v>8937</v>
      </c>
      <c r="E43842" t="s">
        <v>8938</v>
      </c>
      <c r="F43842" t="s">
        <v>8939</v>
      </c>
      <c r="G43842" t="s">
        <v>80</v>
      </c>
      <c r="H43842" t="s">
        <v>81</v>
      </c>
      <c r="I43842" s="2">
        <v>0</v>
      </c>
      <c r="J43842" s="2">
        <v>1</v>
      </c>
      <c r="K43842" s="2">
        <v>0</v>
      </c>
      <c r="L43842" t="s">
        <v>82</v>
      </c>
      <c r="M43842" t="s">
        <v>83</v>
      </c>
      <c r="N43842" t="s">
        <v>84</v>
      </c>
      <c r="O43842" t="s">
        <v>85</v>
      </c>
      <c r="P43842" t="s">
        <v>86</v>
      </c>
      <c r="Q43842">
        <v>95</v>
      </c>
      <c r="R43842">
        <v>97</v>
      </c>
      <c r="S43842">
        <v>100</v>
      </c>
      <c r="T43842">
        <v>102</v>
      </c>
      <c r="U43842">
        <v>105</v>
      </c>
      <c r="V43842">
        <v>107</v>
      </c>
      <c r="W43842">
        <v>110</v>
      </c>
      <c r="X43842">
        <v>113</v>
      </c>
      <c r="Y43842">
        <v>115</v>
      </c>
      <c r="Z43842">
        <v>118</v>
      </c>
      <c r="AA43842">
        <v>121</v>
      </c>
      <c r="AB43842">
        <v>123</v>
      </c>
      <c r="AC43842">
        <v>126</v>
      </c>
      <c r="AD43842">
        <v>129</v>
      </c>
      <c r="AE43842">
        <v>131</v>
      </c>
      <c r="AF43842">
        <v>134</v>
      </c>
      <c r="AG43842">
        <v>137</v>
      </c>
      <c r="AH43842">
        <v>140</v>
      </c>
      <c r="AI43842">
        <v>143</v>
      </c>
      <c r="AJ43842">
        <v>146</v>
      </c>
      <c r="AK43842">
        <v>149</v>
      </c>
      <c r="AL43842">
        <v>151</v>
      </c>
      <c r="AM43842">
        <v>152</v>
      </c>
      <c r="AN43842">
        <v>154</v>
      </c>
      <c r="AO43842">
        <v>155</v>
      </c>
      <c r="AP43842">
        <v>157</v>
      </c>
      <c r="AQ43842">
        <v>158</v>
      </c>
    </row>
    <row r="43843" spans="1:43">
      <c r="A43843" t="s">
        <v>26743</v>
      </c>
      <c r="B43843" t="s">
        <v>26744</v>
      </c>
      <c r="C43843" t="s">
        <v>8936</v>
      </c>
      <c r="D43843" t="s">
        <v>8937</v>
      </c>
      <c r="E43843" t="s">
        <v>8938</v>
      </c>
      <c r="F43843" t="s">
        <v>8939</v>
      </c>
      <c r="G43843" t="s">
        <v>80</v>
      </c>
      <c r="H43843" t="s">
        <v>81</v>
      </c>
      <c r="I43843" s="2">
        <v>0</v>
      </c>
      <c r="J43843" s="2">
        <v>1</v>
      </c>
      <c r="K43843" s="2">
        <v>0</v>
      </c>
      <c r="L43843" t="s">
        <v>82</v>
      </c>
      <c r="M43843" t="s">
        <v>87</v>
      </c>
      <c r="N43843" t="s">
        <v>88</v>
      </c>
      <c r="O43843" t="s">
        <v>85</v>
      </c>
      <c r="P43843" t="s">
        <v>86</v>
      </c>
      <c r="Q43843">
        <v>95</v>
      </c>
      <c r="R43843">
        <v>97</v>
      </c>
      <c r="S43843">
        <v>98</v>
      </c>
      <c r="T43843">
        <v>100</v>
      </c>
      <c r="U43843">
        <v>101</v>
      </c>
      <c r="V43843">
        <v>103</v>
      </c>
      <c r="W43843">
        <v>104</v>
      </c>
      <c r="X43843">
        <v>106</v>
      </c>
      <c r="Y43843">
        <v>107</v>
      </c>
      <c r="Z43843">
        <v>109</v>
      </c>
      <c r="AA43843">
        <v>111</v>
      </c>
      <c r="AB43843">
        <v>112</v>
      </c>
      <c r="AC43843">
        <v>114</v>
      </c>
      <c r="AD43843">
        <v>116</v>
      </c>
      <c r="AE43843">
        <v>117</v>
      </c>
      <c r="AF43843">
        <v>119</v>
      </c>
      <c r="AG43843">
        <v>121</v>
      </c>
      <c r="AH43843">
        <v>122</v>
      </c>
      <c r="AI43843">
        <v>124</v>
      </c>
      <c r="AJ43843">
        <v>126</v>
      </c>
      <c r="AK43843">
        <v>127</v>
      </c>
      <c r="AL43843">
        <v>129</v>
      </c>
      <c r="AM43843">
        <v>131</v>
      </c>
      <c r="AN43843">
        <v>133</v>
      </c>
      <c r="AO43843">
        <v>134</v>
      </c>
      <c r="AP43843">
        <v>136</v>
      </c>
      <c r="AQ43843">
        <v>138</v>
      </c>
    </row>
    <row r="43844" spans="1:43">
      <c r="A43844" t="s">
        <v>26743</v>
      </c>
      <c r="B43844" t="s">
        <v>26744</v>
      </c>
      <c r="C43844" t="s">
        <v>8936</v>
      </c>
      <c r="D43844" t="s">
        <v>8937</v>
      </c>
      <c r="E43844" t="s">
        <v>8938</v>
      </c>
      <c r="F43844" t="s">
        <v>8939</v>
      </c>
      <c r="G43844" t="s">
        <v>80</v>
      </c>
      <c r="H43844" t="s">
        <v>81</v>
      </c>
      <c r="I43844" s="2">
        <v>0</v>
      </c>
      <c r="J43844" s="2">
        <v>1</v>
      </c>
      <c r="K43844" s="2">
        <v>0</v>
      </c>
      <c r="L43844" t="s">
        <v>82</v>
      </c>
      <c r="M43844" t="s">
        <v>89</v>
      </c>
      <c r="N43844" t="s">
        <v>90</v>
      </c>
      <c r="O43844" t="s">
        <v>85</v>
      </c>
      <c r="P43844" t="s">
        <v>86</v>
      </c>
      <c r="Q43844">
        <v>95</v>
      </c>
      <c r="R43844">
        <v>98</v>
      </c>
      <c r="S43844">
        <v>101</v>
      </c>
      <c r="T43844">
        <v>105</v>
      </c>
      <c r="U43844">
        <v>108</v>
      </c>
      <c r="V43844">
        <v>111</v>
      </c>
      <c r="W43844">
        <v>115</v>
      </c>
      <c r="X43844">
        <v>118</v>
      </c>
      <c r="Y43844">
        <v>121</v>
      </c>
      <c r="Z43844">
        <v>124</v>
      </c>
      <c r="AA43844">
        <v>128</v>
      </c>
      <c r="AB43844">
        <v>131</v>
      </c>
      <c r="AC43844">
        <v>134</v>
      </c>
      <c r="AD43844">
        <v>138</v>
      </c>
      <c r="AE43844">
        <v>140</v>
      </c>
      <c r="AF43844">
        <v>142</v>
      </c>
      <c r="AG43844">
        <v>143</v>
      </c>
      <c r="AH43844">
        <v>145</v>
      </c>
      <c r="AI43844">
        <v>146</v>
      </c>
      <c r="AJ43844">
        <v>148</v>
      </c>
      <c r="AK43844">
        <v>149</v>
      </c>
      <c r="AL43844">
        <v>151</v>
      </c>
      <c r="AM43844">
        <v>152</v>
      </c>
      <c r="AN43844">
        <v>154</v>
      </c>
      <c r="AO43844">
        <v>155</v>
      </c>
      <c r="AP43844">
        <v>157</v>
      </c>
      <c r="AQ43844">
        <v>158</v>
      </c>
    </row>
    <row r="43845" spans="1:43">
      <c r="A43845" t="s">
        <v>26743</v>
      </c>
      <c r="B43845" t="s">
        <v>26744</v>
      </c>
      <c r="C43845" t="s">
        <v>8936</v>
      </c>
      <c r="D43845" t="s">
        <v>8937</v>
      </c>
      <c r="E43845" t="s">
        <v>8938</v>
      </c>
      <c r="F43845" t="s">
        <v>8939</v>
      </c>
      <c r="G43845" t="s">
        <v>80</v>
      </c>
      <c r="H43845" t="s">
        <v>81</v>
      </c>
      <c r="I43845" s="2">
        <v>0</v>
      </c>
      <c r="J43845" s="2">
        <v>1</v>
      </c>
      <c r="K43845" s="2">
        <v>0</v>
      </c>
      <c r="L43845" t="s">
        <v>82</v>
      </c>
      <c r="M43845" t="s">
        <v>83</v>
      </c>
      <c r="N43845" t="s">
        <v>91</v>
      </c>
      <c r="O43845" t="s">
        <v>85</v>
      </c>
      <c r="P43845" t="s">
        <v>86</v>
      </c>
      <c r="Q43845">
        <v>95</v>
      </c>
      <c r="R43845">
        <v>97</v>
      </c>
      <c r="S43845">
        <v>100</v>
      </c>
      <c r="T43845">
        <v>102</v>
      </c>
      <c r="U43845">
        <v>105</v>
      </c>
      <c r="V43845">
        <v>107</v>
      </c>
      <c r="W43845">
        <v>110</v>
      </c>
      <c r="X43845">
        <v>113</v>
      </c>
      <c r="Y43845">
        <v>115</v>
      </c>
      <c r="Z43845">
        <v>118</v>
      </c>
      <c r="AA43845">
        <v>121</v>
      </c>
      <c r="AB43845">
        <v>123</v>
      </c>
      <c r="AC43845">
        <v>126</v>
      </c>
      <c r="AD43845">
        <v>129</v>
      </c>
      <c r="AE43845">
        <v>131</v>
      </c>
      <c r="AF43845">
        <v>134</v>
      </c>
      <c r="AG43845">
        <v>137</v>
      </c>
      <c r="AH43845">
        <v>140</v>
      </c>
      <c r="AI43845">
        <v>143</v>
      </c>
      <c r="AJ43845">
        <v>146</v>
      </c>
      <c r="AK43845">
        <v>149</v>
      </c>
      <c r="AL43845">
        <v>151</v>
      </c>
      <c r="AM43845">
        <v>152</v>
      </c>
      <c r="AN43845">
        <v>154</v>
      </c>
      <c r="AO43845">
        <v>155</v>
      </c>
      <c r="AP43845">
        <v>157</v>
      </c>
      <c r="AQ43845">
        <v>158</v>
      </c>
    </row>
    <row r="43846" spans="1:43">
      <c r="A43846" t="s">
        <v>26745</v>
      </c>
      <c r="B43846" t="s">
        <v>26746</v>
      </c>
      <c r="C43846" t="s">
        <v>8936</v>
      </c>
      <c r="D43846" t="s">
        <v>8937</v>
      </c>
      <c r="E43846" t="s">
        <v>8938</v>
      </c>
      <c r="F43846" t="s">
        <v>8939</v>
      </c>
      <c r="G43846" t="s">
        <v>80</v>
      </c>
      <c r="H43846" t="s">
        <v>81</v>
      </c>
      <c r="I43846" s="2">
        <v>0</v>
      </c>
      <c r="J43846" s="2">
        <v>1</v>
      </c>
      <c r="K43846" s="2">
        <v>0</v>
      </c>
      <c r="L43846" t="s">
        <v>82</v>
      </c>
      <c r="M43846" t="s">
        <v>83</v>
      </c>
      <c r="N43846" t="s">
        <v>84</v>
      </c>
      <c r="O43846" t="s">
        <v>85</v>
      </c>
      <c r="P43846" t="s">
        <v>86</v>
      </c>
      <c r="Q43846">
        <v>17</v>
      </c>
      <c r="R43846">
        <v>17</v>
      </c>
      <c r="S43846">
        <v>17</v>
      </c>
      <c r="T43846">
        <v>18</v>
      </c>
      <c r="U43846">
        <v>18</v>
      </c>
      <c r="V43846">
        <v>19</v>
      </c>
      <c r="W43846">
        <v>19</v>
      </c>
      <c r="X43846">
        <v>20</v>
      </c>
      <c r="Y43846">
        <v>20</v>
      </c>
      <c r="Z43846">
        <v>20</v>
      </c>
      <c r="AA43846">
        <v>21</v>
      </c>
      <c r="AB43846">
        <v>21</v>
      </c>
      <c r="AC43846">
        <v>22</v>
      </c>
      <c r="AD43846">
        <v>22</v>
      </c>
      <c r="AE43846">
        <v>23</v>
      </c>
      <c r="AF43846">
        <v>23</v>
      </c>
      <c r="AG43846">
        <v>24</v>
      </c>
      <c r="AH43846">
        <v>24</v>
      </c>
      <c r="AI43846">
        <v>25</v>
      </c>
      <c r="AJ43846">
        <v>25</v>
      </c>
      <c r="AK43846">
        <v>26</v>
      </c>
      <c r="AL43846">
        <v>26</v>
      </c>
      <c r="AM43846">
        <v>26</v>
      </c>
      <c r="AN43846">
        <v>27</v>
      </c>
      <c r="AO43846">
        <v>27</v>
      </c>
      <c r="AP43846">
        <v>27</v>
      </c>
      <c r="AQ43846">
        <v>28</v>
      </c>
    </row>
    <row r="43847" spans="1:43">
      <c r="A43847" t="s">
        <v>26745</v>
      </c>
      <c r="B43847" t="s">
        <v>26746</v>
      </c>
      <c r="C43847" t="s">
        <v>8936</v>
      </c>
      <c r="D43847" t="s">
        <v>8937</v>
      </c>
      <c r="E43847" t="s">
        <v>8938</v>
      </c>
      <c r="F43847" t="s">
        <v>8939</v>
      </c>
      <c r="G43847" t="s">
        <v>80</v>
      </c>
      <c r="H43847" t="s">
        <v>81</v>
      </c>
      <c r="I43847" s="2">
        <v>0</v>
      </c>
      <c r="J43847" s="2">
        <v>1</v>
      </c>
      <c r="K43847" s="2">
        <v>0</v>
      </c>
      <c r="L43847" t="s">
        <v>82</v>
      </c>
      <c r="M43847" t="s">
        <v>87</v>
      </c>
      <c r="N43847" t="s">
        <v>88</v>
      </c>
      <c r="O43847" t="s">
        <v>85</v>
      </c>
      <c r="P43847" t="s">
        <v>86</v>
      </c>
      <c r="Q43847">
        <v>17</v>
      </c>
      <c r="R43847">
        <v>18</v>
      </c>
      <c r="S43847">
        <v>18</v>
      </c>
      <c r="T43847">
        <v>18</v>
      </c>
      <c r="U43847">
        <v>18</v>
      </c>
      <c r="V43847">
        <v>19</v>
      </c>
      <c r="W43847">
        <v>19</v>
      </c>
      <c r="X43847">
        <v>19</v>
      </c>
      <c r="Y43847">
        <v>20</v>
      </c>
      <c r="Z43847">
        <v>20</v>
      </c>
      <c r="AA43847">
        <v>20</v>
      </c>
      <c r="AB43847">
        <v>20</v>
      </c>
      <c r="AC43847">
        <v>21</v>
      </c>
      <c r="AD43847">
        <v>21</v>
      </c>
      <c r="AE43847">
        <v>21</v>
      </c>
      <c r="AF43847">
        <v>21</v>
      </c>
      <c r="AG43847">
        <v>22</v>
      </c>
      <c r="AH43847">
        <v>22</v>
      </c>
      <c r="AI43847">
        <v>22</v>
      </c>
      <c r="AJ43847">
        <v>23</v>
      </c>
      <c r="AK43847">
        <v>23</v>
      </c>
      <c r="AL43847">
        <v>23</v>
      </c>
      <c r="AM43847">
        <v>24</v>
      </c>
      <c r="AN43847">
        <v>24</v>
      </c>
      <c r="AO43847">
        <v>24</v>
      </c>
      <c r="AP43847">
        <v>25</v>
      </c>
      <c r="AQ43847">
        <v>25</v>
      </c>
    </row>
    <row r="43848" spans="1:43">
      <c r="A43848" t="s">
        <v>26745</v>
      </c>
      <c r="B43848" t="s">
        <v>26746</v>
      </c>
      <c r="C43848" t="s">
        <v>8936</v>
      </c>
      <c r="D43848" t="s">
        <v>8937</v>
      </c>
      <c r="E43848" t="s">
        <v>8938</v>
      </c>
      <c r="F43848" t="s">
        <v>8939</v>
      </c>
      <c r="G43848" t="s">
        <v>80</v>
      </c>
      <c r="H43848" t="s">
        <v>81</v>
      </c>
      <c r="I43848" s="2">
        <v>0</v>
      </c>
      <c r="J43848" s="2">
        <v>1</v>
      </c>
      <c r="K43848" s="2">
        <v>0</v>
      </c>
      <c r="L43848" t="s">
        <v>82</v>
      </c>
      <c r="M43848" t="s">
        <v>89</v>
      </c>
      <c r="N43848" t="s">
        <v>90</v>
      </c>
      <c r="O43848" t="s">
        <v>85</v>
      </c>
      <c r="P43848" t="s">
        <v>86</v>
      </c>
      <c r="Q43848">
        <v>17</v>
      </c>
      <c r="R43848">
        <v>17</v>
      </c>
      <c r="S43848">
        <v>18</v>
      </c>
      <c r="T43848">
        <v>18</v>
      </c>
      <c r="U43848">
        <v>19</v>
      </c>
      <c r="V43848">
        <v>20</v>
      </c>
      <c r="W43848">
        <v>20</v>
      </c>
      <c r="X43848">
        <v>21</v>
      </c>
      <c r="Y43848">
        <v>21</v>
      </c>
      <c r="Z43848">
        <v>22</v>
      </c>
      <c r="AA43848">
        <v>22</v>
      </c>
      <c r="AB43848">
        <v>23</v>
      </c>
      <c r="AC43848">
        <v>24</v>
      </c>
      <c r="AD43848">
        <v>24</v>
      </c>
      <c r="AE43848">
        <v>25</v>
      </c>
      <c r="AF43848">
        <v>25</v>
      </c>
      <c r="AG43848">
        <v>25</v>
      </c>
      <c r="AH43848">
        <v>25</v>
      </c>
      <c r="AI43848">
        <v>26</v>
      </c>
      <c r="AJ43848">
        <v>26</v>
      </c>
      <c r="AK43848">
        <v>26</v>
      </c>
      <c r="AL43848">
        <v>26</v>
      </c>
      <c r="AM43848">
        <v>27</v>
      </c>
      <c r="AN43848">
        <v>27</v>
      </c>
      <c r="AO43848">
        <v>27</v>
      </c>
      <c r="AP43848">
        <v>27</v>
      </c>
      <c r="AQ43848">
        <v>28</v>
      </c>
    </row>
    <row r="43849" spans="1:43">
      <c r="A43849" t="s">
        <v>26745</v>
      </c>
      <c r="B43849" t="s">
        <v>26746</v>
      </c>
      <c r="C43849" t="s">
        <v>8936</v>
      </c>
      <c r="D43849" t="s">
        <v>8937</v>
      </c>
      <c r="E43849" t="s">
        <v>8938</v>
      </c>
      <c r="F43849" t="s">
        <v>8939</v>
      </c>
      <c r="G43849" t="s">
        <v>80</v>
      </c>
      <c r="H43849" t="s">
        <v>81</v>
      </c>
      <c r="I43849" s="2">
        <v>0</v>
      </c>
      <c r="J43849" s="2">
        <v>1</v>
      </c>
      <c r="K43849" s="2">
        <v>0</v>
      </c>
      <c r="L43849" t="s">
        <v>82</v>
      </c>
      <c r="M43849" t="s">
        <v>83</v>
      </c>
      <c r="N43849" t="s">
        <v>91</v>
      </c>
      <c r="O43849" t="s">
        <v>85</v>
      </c>
      <c r="P43849" t="s">
        <v>86</v>
      </c>
      <c r="Q43849">
        <v>17</v>
      </c>
      <c r="R43849">
        <v>17</v>
      </c>
      <c r="S43849">
        <v>17</v>
      </c>
      <c r="T43849">
        <v>18</v>
      </c>
      <c r="U43849">
        <v>18</v>
      </c>
      <c r="V43849">
        <v>19</v>
      </c>
      <c r="W43849">
        <v>19</v>
      </c>
      <c r="X43849">
        <v>20</v>
      </c>
      <c r="Y43849">
        <v>20</v>
      </c>
      <c r="Z43849">
        <v>20</v>
      </c>
      <c r="AA43849">
        <v>21</v>
      </c>
      <c r="AB43849">
        <v>21</v>
      </c>
      <c r="AC43849">
        <v>22</v>
      </c>
      <c r="AD43849">
        <v>22</v>
      </c>
      <c r="AE43849">
        <v>23</v>
      </c>
      <c r="AF43849">
        <v>23</v>
      </c>
      <c r="AG43849">
        <v>24</v>
      </c>
      <c r="AH43849">
        <v>24</v>
      </c>
      <c r="AI43849">
        <v>25</v>
      </c>
      <c r="AJ43849">
        <v>25</v>
      </c>
      <c r="AK43849">
        <v>26</v>
      </c>
      <c r="AL43849">
        <v>26</v>
      </c>
      <c r="AM43849">
        <v>26</v>
      </c>
      <c r="AN43849">
        <v>27</v>
      </c>
      <c r="AO43849">
        <v>27</v>
      </c>
      <c r="AP43849">
        <v>27</v>
      </c>
      <c r="AQ43849">
        <v>28</v>
      </c>
    </row>
    <row r="43850" spans="1:43">
      <c r="A43850" t="s">
        <v>26747</v>
      </c>
      <c r="B43850" t="s">
        <v>26748</v>
      </c>
      <c r="C43850" t="s">
        <v>9004</v>
      </c>
      <c r="D43850" t="s">
        <v>9005</v>
      </c>
      <c r="E43850" t="s">
        <v>8938</v>
      </c>
      <c r="F43850" t="s">
        <v>8939</v>
      </c>
      <c r="G43850" t="s">
        <v>80</v>
      </c>
      <c r="H43850" t="s">
        <v>81</v>
      </c>
      <c r="I43850" s="2">
        <v>0</v>
      </c>
      <c r="J43850" s="2">
        <v>1</v>
      </c>
      <c r="K43850" s="2">
        <v>0</v>
      </c>
      <c r="L43850" t="s">
        <v>82</v>
      </c>
      <c r="M43850" t="s">
        <v>83</v>
      </c>
      <c r="N43850" t="s">
        <v>84</v>
      </c>
      <c r="O43850" t="s">
        <v>85</v>
      </c>
      <c r="P43850" t="s">
        <v>86</v>
      </c>
      <c r="Q43850">
        <v>19</v>
      </c>
      <c r="R43850">
        <v>19</v>
      </c>
      <c r="S43850">
        <v>20</v>
      </c>
      <c r="T43850">
        <v>20</v>
      </c>
      <c r="U43850">
        <v>21</v>
      </c>
      <c r="V43850">
        <v>21</v>
      </c>
      <c r="W43850">
        <v>22</v>
      </c>
      <c r="X43850">
        <v>22</v>
      </c>
      <c r="Y43850">
        <v>23</v>
      </c>
      <c r="Z43850">
        <v>23</v>
      </c>
      <c r="AA43850">
        <v>24</v>
      </c>
      <c r="AB43850">
        <v>24</v>
      </c>
      <c r="AC43850">
        <v>25</v>
      </c>
      <c r="AD43850">
        <v>26</v>
      </c>
      <c r="AE43850">
        <v>26</v>
      </c>
      <c r="AF43850">
        <v>27</v>
      </c>
      <c r="AG43850">
        <v>27</v>
      </c>
      <c r="AH43850">
        <v>28</v>
      </c>
      <c r="AI43850">
        <v>28</v>
      </c>
      <c r="AJ43850">
        <v>29</v>
      </c>
      <c r="AK43850">
        <v>30</v>
      </c>
      <c r="AL43850">
        <v>30</v>
      </c>
      <c r="AM43850">
        <v>30</v>
      </c>
      <c r="AN43850">
        <v>31</v>
      </c>
      <c r="AO43850">
        <v>31</v>
      </c>
      <c r="AP43850">
        <v>31</v>
      </c>
      <c r="AQ43850">
        <v>31</v>
      </c>
    </row>
    <row r="43851" spans="1:43">
      <c r="A43851" t="s">
        <v>26747</v>
      </c>
      <c r="B43851" t="s">
        <v>26748</v>
      </c>
      <c r="C43851" t="s">
        <v>9004</v>
      </c>
      <c r="D43851" t="s">
        <v>9005</v>
      </c>
      <c r="E43851" t="s">
        <v>8938</v>
      </c>
      <c r="F43851" t="s">
        <v>8939</v>
      </c>
      <c r="G43851" t="s">
        <v>80</v>
      </c>
      <c r="H43851" t="s">
        <v>81</v>
      </c>
      <c r="I43851" s="2">
        <v>0</v>
      </c>
      <c r="J43851" s="2">
        <v>1</v>
      </c>
      <c r="K43851" s="2">
        <v>0</v>
      </c>
      <c r="L43851" t="s">
        <v>82</v>
      </c>
      <c r="M43851" t="s">
        <v>87</v>
      </c>
      <c r="N43851" t="s">
        <v>88</v>
      </c>
      <c r="O43851" t="s">
        <v>85</v>
      </c>
      <c r="P43851" t="s">
        <v>86</v>
      </c>
      <c r="Q43851">
        <v>19</v>
      </c>
      <c r="R43851">
        <v>19</v>
      </c>
      <c r="S43851">
        <v>19</v>
      </c>
      <c r="T43851">
        <v>20</v>
      </c>
      <c r="U43851">
        <v>20</v>
      </c>
      <c r="V43851">
        <v>20</v>
      </c>
      <c r="W43851">
        <v>20</v>
      </c>
      <c r="X43851">
        <v>21</v>
      </c>
      <c r="Y43851">
        <v>21</v>
      </c>
      <c r="Z43851">
        <v>21</v>
      </c>
      <c r="AA43851">
        <v>22</v>
      </c>
      <c r="AB43851">
        <v>22</v>
      </c>
      <c r="AC43851">
        <v>22</v>
      </c>
      <c r="AD43851">
        <v>23</v>
      </c>
      <c r="AE43851">
        <v>23</v>
      </c>
      <c r="AF43851">
        <v>23</v>
      </c>
      <c r="AG43851">
        <v>24</v>
      </c>
      <c r="AH43851">
        <v>24</v>
      </c>
      <c r="AI43851">
        <v>24</v>
      </c>
      <c r="AJ43851">
        <v>25</v>
      </c>
      <c r="AK43851">
        <v>25</v>
      </c>
      <c r="AL43851">
        <v>25</v>
      </c>
      <c r="AM43851">
        <v>26</v>
      </c>
      <c r="AN43851">
        <v>26</v>
      </c>
      <c r="AO43851">
        <v>27</v>
      </c>
      <c r="AP43851">
        <v>27</v>
      </c>
      <c r="AQ43851">
        <v>27</v>
      </c>
    </row>
    <row r="43852" spans="1:43">
      <c r="A43852" t="s">
        <v>26747</v>
      </c>
      <c r="B43852" t="s">
        <v>26748</v>
      </c>
      <c r="C43852" t="s">
        <v>9004</v>
      </c>
      <c r="D43852" t="s">
        <v>9005</v>
      </c>
      <c r="E43852" t="s">
        <v>8938</v>
      </c>
      <c r="F43852" t="s">
        <v>8939</v>
      </c>
      <c r="G43852" t="s">
        <v>80</v>
      </c>
      <c r="H43852" t="s">
        <v>81</v>
      </c>
      <c r="I43852" s="2">
        <v>0</v>
      </c>
      <c r="J43852" s="2">
        <v>1</v>
      </c>
      <c r="K43852" s="2">
        <v>0</v>
      </c>
      <c r="L43852" t="s">
        <v>82</v>
      </c>
      <c r="M43852" t="s">
        <v>89</v>
      </c>
      <c r="N43852" t="s">
        <v>90</v>
      </c>
      <c r="O43852" t="s">
        <v>85</v>
      </c>
      <c r="P43852" t="s">
        <v>86</v>
      </c>
      <c r="Q43852">
        <v>19</v>
      </c>
      <c r="R43852">
        <v>20</v>
      </c>
      <c r="S43852">
        <v>20</v>
      </c>
      <c r="T43852">
        <v>21</v>
      </c>
      <c r="U43852">
        <v>22</v>
      </c>
      <c r="V43852">
        <v>22</v>
      </c>
      <c r="W43852">
        <v>23</v>
      </c>
      <c r="X43852">
        <v>24</v>
      </c>
      <c r="Y43852">
        <v>24</v>
      </c>
      <c r="Z43852">
        <v>25</v>
      </c>
      <c r="AA43852">
        <v>26</v>
      </c>
      <c r="AB43852">
        <v>26</v>
      </c>
      <c r="AC43852">
        <v>27</v>
      </c>
      <c r="AD43852">
        <v>27</v>
      </c>
      <c r="AE43852">
        <v>28</v>
      </c>
      <c r="AF43852">
        <v>28</v>
      </c>
      <c r="AG43852">
        <v>29</v>
      </c>
      <c r="AH43852">
        <v>29</v>
      </c>
      <c r="AI43852">
        <v>29</v>
      </c>
      <c r="AJ43852">
        <v>29</v>
      </c>
      <c r="AK43852">
        <v>30</v>
      </c>
      <c r="AL43852">
        <v>30</v>
      </c>
      <c r="AM43852">
        <v>30</v>
      </c>
      <c r="AN43852">
        <v>31</v>
      </c>
      <c r="AO43852">
        <v>31</v>
      </c>
      <c r="AP43852">
        <v>31</v>
      </c>
      <c r="AQ43852">
        <v>32</v>
      </c>
    </row>
    <row r="43853" spans="1:43">
      <c r="A43853" t="s">
        <v>26747</v>
      </c>
      <c r="B43853" t="s">
        <v>26748</v>
      </c>
      <c r="C43853" t="s">
        <v>9004</v>
      </c>
      <c r="D43853" t="s">
        <v>9005</v>
      </c>
      <c r="E43853" t="s">
        <v>8938</v>
      </c>
      <c r="F43853" t="s">
        <v>8939</v>
      </c>
      <c r="G43853" t="s">
        <v>80</v>
      </c>
      <c r="H43853" t="s">
        <v>81</v>
      </c>
      <c r="I43853" s="2">
        <v>0</v>
      </c>
      <c r="J43853" s="2">
        <v>1</v>
      </c>
      <c r="K43853" s="2">
        <v>0</v>
      </c>
      <c r="L43853" t="s">
        <v>82</v>
      </c>
      <c r="M43853" t="s">
        <v>83</v>
      </c>
      <c r="N43853" t="s">
        <v>91</v>
      </c>
      <c r="O43853" t="s">
        <v>85</v>
      </c>
      <c r="P43853" t="s">
        <v>86</v>
      </c>
      <c r="Q43853">
        <v>19</v>
      </c>
      <c r="R43853">
        <v>19</v>
      </c>
      <c r="S43853">
        <v>20</v>
      </c>
      <c r="T43853">
        <v>20</v>
      </c>
      <c r="U43853">
        <v>21</v>
      </c>
      <c r="V43853">
        <v>21</v>
      </c>
      <c r="W43853">
        <v>22</v>
      </c>
      <c r="X43853">
        <v>22</v>
      </c>
      <c r="Y43853">
        <v>23</v>
      </c>
      <c r="Z43853">
        <v>23</v>
      </c>
      <c r="AA43853">
        <v>24</v>
      </c>
      <c r="AB43853">
        <v>24</v>
      </c>
      <c r="AC43853">
        <v>25</v>
      </c>
      <c r="AD43853">
        <v>26</v>
      </c>
      <c r="AE43853">
        <v>26</v>
      </c>
      <c r="AF43853">
        <v>27</v>
      </c>
      <c r="AG43853">
        <v>27</v>
      </c>
      <c r="AH43853">
        <v>28</v>
      </c>
      <c r="AI43853">
        <v>28</v>
      </c>
      <c r="AJ43853">
        <v>29</v>
      </c>
      <c r="AK43853">
        <v>30</v>
      </c>
      <c r="AL43853">
        <v>30</v>
      </c>
      <c r="AM43853">
        <v>30</v>
      </c>
      <c r="AN43853">
        <v>31</v>
      </c>
      <c r="AO43853">
        <v>31</v>
      </c>
      <c r="AP43853">
        <v>31</v>
      </c>
      <c r="AQ43853">
        <v>31</v>
      </c>
    </row>
    <row r="43854" spans="1:43">
      <c r="A43854" t="s">
        <v>26749</v>
      </c>
      <c r="B43854" t="s">
        <v>26750</v>
      </c>
      <c r="C43854" t="s">
        <v>9004</v>
      </c>
      <c r="D43854" t="s">
        <v>9005</v>
      </c>
      <c r="E43854" t="s">
        <v>8938</v>
      </c>
      <c r="F43854" t="s">
        <v>8939</v>
      </c>
      <c r="G43854" t="s">
        <v>80</v>
      </c>
      <c r="H43854" t="s">
        <v>81</v>
      </c>
      <c r="I43854" s="2">
        <v>0</v>
      </c>
      <c r="J43854" s="2">
        <v>1</v>
      </c>
      <c r="K43854" s="2">
        <v>0</v>
      </c>
      <c r="L43854" t="s">
        <v>82</v>
      </c>
      <c r="M43854" t="s">
        <v>83</v>
      </c>
      <c r="N43854" t="s">
        <v>84</v>
      </c>
      <c r="O43854" t="s">
        <v>85</v>
      </c>
      <c r="P43854" t="s">
        <v>86</v>
      </c>
      <c r="Q43854">
        <v>31</v>
      </c>
      <c r="R43854">
        <v>31</v>
      </c>
      <c r="S43854">
        <v>32</v>
      </c>
      <c r="T43854">
        <v>33</v>
      </c>
      <c r="U43854">
        <v>34</v>
      </c>
      <c r="V43854">
        <v>35</v>
      </c>
      <c r="W43854">
        <v>36</v>
      </c>
      <c r="X43854">
        <v>36</v>
      </c>
      <c r="Y43854">
        <v>37</v>
      </c>
      <c r="Z43854">
        <v>38</v>
      </c>
      <c r="AA43854">
        <v>39</v>
      </c>
      <c r="AB43854">
        <v>40</v>
      </c>
      <c r="AC43854">
        <v>41</v>
      </c>
      <c r="AD43854">
        <v>42</v>
      </c>
      <c r="AE43854">
        <v>43</v>
      </c>
      <c r="AF43854">
        <v>43</v>
      </c>
      <c r="AG43854">
        <v>44</v>
      </c>
      <c r="AH43854">
        <v>45</v>
      </c>
      <c r="AI43854">
        <v>46</v>
      </c>
      <c r="AJ43854">
        <v>47</v>
      </c>
      <c r="AK43854">
        <v>48</v>
      </c>
      <c r="AL43854">
        <v>49</v>
      </c>
      <c r="AM43854">
        <v>49</v>
      </c>
      <c r="AN43854">
        <v>50</v>
      </c>
      <c r="AO43854">
        <v>50</v>
      </c>
      <c r="AP43854">
        <v>51</v>
      </c>
      <c r="AQ43854">
        <v>51</v>
      </c>
    </row>
    <row r="43855" spans="1:43">
      <c r="A43855" t="s">
        <v>26749</v>
      </c>
      <c r="B43855" t="s">
        <v>26750</v>
      </c>
      <c r="C43855" t="s">
        <v>9004</v>
      </c>
      <c r="D43855" t="s">
        <v>9005</v>
      </c>
      <c r="E43855" t="s">
        <v>8938</v>
      </c>
      <c r="F43855" t="s">
        <v>8939</v>
      </c>
      <c r="G43855" t="s">
        <v>80</v>
      </c>
      <c r="H43855" t="s">
        <v>81</v>
      </c>
      <c r="I43855" s="2">
        <v>0</v>
      </c>
      <c r="J43855" s="2">
        <v>1</v>
      </c>
      <c r="K43855" s="2">
        <v>0</v>
      </c>
      <c r="L43855" t="s">
        <v>82</v>
      </c>
      <c r="M43855" t="s">
        <v>87</v>
      </c>
      <c r="N43855" t="s">
        <v>88</v>
      </c>
      <c r="O43855" t="s">
        <v>85</v>
      </c>
      <c r="P43855" t="s">
        <v>86</v>
      </c>
      <c r="Q43855">
        <v>31</v>
      </c>
      <c r="R43855">
        <v>32</v>
      </c>
      <c r="S43855">
        <v>32</v>
      </c>
      <c r="T43855">
        <v>33</v>
      </c>
      <c r="U43855">
        <v>33</v>
      </c>
      <c r="V43855">
        <v>34</v>
      </c>
      <c r="W43855">
        <v>34</v>
      </c>
      <c r="X43855">
        <v>35</v>
      </c>
      <c r="Y43855">
        <v>35</v>
      </c>
      <c r="Z43855">
        <v>36</v>
      </c>
      <c r="AA43855">
        <v>36</v>
      </c>
      <c r="AB43855">
        <v>37</v>
      </c>
      <c r="AC43855">
        <v>38</v>
      </c>
      <c r="AD43855">
        <v>38</v>
      </c>
      <c r="AE43855">
        <v>39</v>
      </c>
      <c r="AF43855">
        <v>39</v>
      </c>
      <c r="AG43855">
        <v>40</v>
      </c>
      <c r="AH43855">
        <v>40</v>
      </c>
      <c r="AI43855">
        <v>41</v>
      </c>
      <c r="AJ43855">
        <v>41</v>
      </c>
      <c r="AK43855">
        <v>42</v>
      </c>
      <c r="AL43855">
        <v>43</v>
      </c>
      <c r="AM43855">
        <v>43</v>
      </c>
      <c r="AN43855">
        <v>44</v>
      </c>
      <c r="AO43855">
        <v>44</v>
      </c>
      <c r="AP43855">
        <v>45</v>
      </c>
      <c r="AQ43855">
        <v>45</v>
      </c>
    </row>
    <row r="43856" spans="1:43">
      <c r="A43856" t="s">
        <v>26749</v>
      </c>
      <c r="B43856" t="s">
        <v>26750</v>
      </c>
      <c r="C43856" t="s">
        <v>9004</v>
      </c>
      <c r="D43856" t="s">
        <v>9005</v>
      </c>
      <c r="E43856" t="s">
        <v>8938</v>
      </c>
      <c r="F43856" t="s">
        <v>8939</v>
      </c>
      <c r="G43856" t="s">
        <v>80</v>
      </c>
      <c r="H43856" t="s">
        <v>81</v>
      </c>
      <c r="I43856" s="2">
        <v>0</v>
      </c>
      <c r="J43856" s="2">
        <v>1</v>
      </c>
      <c r="K43856" s="2">
        <v>0</v>
      </c>
      <c r="L43856" t="s">
        <v>82</v>
      </c>
      <c r="M43856" t="s">
        <v>89</v>
      </c>
      <c r="N43856" t="s">
        <v>90</v>
      </c>
      <c r="O43856" t="s">
        <v>85</v>
      </c>
      <c r="P43856" t="s">
        <v>86</v>
      </c>
      <c r="Q43856">
        <v>31</v>
      </c>
      <c r="R43856">
        <v>32</v>
      </c>
      <c r="S43856">
        <v>33</v>
      </c>
      <c r="T43856">
        <v>34</v>
      </c>
      <c r="U43856">
        <v>35</v>
      </c>
      <c r="V43856">
        <v>36</v>
      </c>
      <c r="W43856">
        <v>37</v>
      </c>
      <c r="X43856">
        <v>38</v>
      </c>
      <c r="Y43856">
        <v>39</v>
      </c>
      <c r="Z43856">
        <v>41</v>
      </c>
      <c r="AA43856">
        <v>42</v>
      </c>
      <c r="AB43856">
        <v>43</v>
      </c>
      <c r="AC43856">
        <v>44</v>
      </c>
      <c r="AD43856">
        <v>45</v>
      </c>
      <c r="AE43856">
        <v>46</v>
      </c>
      <c r="AF43856">
        <v>46</v>
      </c>
      <c r="AG43856">
        <v>47</v>
      </c>
      <c r="AH43856">
        <v>47</v>
      </c>
      <c r="AI43856">
        <v>48</v>
      </c>
      <c r="AJ43856">
        <v>48</v>
      </c>
      <c r="AK43856">
        <v>49</v>
      </c>
      <c r="AL43856">
        <v>49</v>
      </c>
      <c r="AM43856">
        <v>50</v>
      </c>
      <c r="AN43856">
        <v>50</v>
      </c>
      <c r="AO43856">
        <v>50</v>
      </c>
      <c r="AP43856">
        <v>51</v>
      </c>
      <c r="AQ43856">
        <v>51</v>
      </c>
    </row>
    <row r="43857" spans="1:43">
      <c r="A43857" t="s">
        <v>26749</v>
      </c>
      <c r="B43857" t="s">
        <v>26750</v>
      </c>
      <c r="C43857" t="s">
        <v>9004</v>
      </c>
      <c r="D43857" t="s">
        <v>9005</v>
      </c>
      <c r="E43857" t="s">
        <v>8938</v>
      </c>
      <c r="F43857" t="s">
        <v>8939</v>
      </c>
      <c r="G43857" t="s">
        <v>80</v>
      </c>
      <c r="H43857" t="s">
        <v>81</v>
      </c>
      <c r="I43857" s="2">
        <v>0</v>
      </c>
      <c r="J43857" s="2">
        <v>1</v>
      </c>
      <c r="K43857" s="2">
        <v>0</v>
      </c>
      <c r="L43857" t="s">
        <v>82</v>
      </c>
      <c r="M43857" t="s">
        <v>83</v>
      </c>
      <c r="N43857" t="s">
        <v>91</v>
      </c>
      <c r="O43857" t="s">
        <v>85</v>
      </c>
      <c r="P43857" t="s">
        <v>86</v>
      </c>
      <c r="Q43857">
        <v>31</v>
      </c>
      <c r="R43857">
        <v>31</v>
      </c>
      <c r="S43857">
        <v>32</v>
      </c>
      <c r="T43857">
        <v>33</v>
      </c>
      <c r="U43857">
        <v>34</v>
      </c>
      <c r="V43857">
        <v>35</v>
      </c>
      <c r="W43857">
        <v>36</v>
      </c>
      <c r="X43857">
        <v>36</v>
      </c>
      <c r="Y43857">
        <v>37</v>
      </c>
      <c r="Z43857">
        <v>38</v>
      </c>
      <c r="AA43857">
        <v>39</v>
      </c>
      <c r="AB43857">
        <v>40</v>
      </c>
      <c r="AC43857">
        <v>41</v>
      </c>
      <c r="AD43857">
        <v>42</v>
      </c>
      <c r="AE43857">
        <v>43</v>
      </c>
      <c r="AF43857">
        <v>43</v>
      </c>
      <c r="AG43857">
        <v>44</v>
      </c>
      <c r="AH43857">
        <v>45</v>
      </c>
      <c r="AI43857">
        <v>46</v>
      </c>
      <c r="AJ43857">
        <v>47</v>
      </c>
      <c r="AK43857">
        <v>48</v>
      </c>
      <c r="AL43857">
        <v>49</v>
      </c>
      <c r="AM43857">
        <v>49</v>
      </c>
      <c r="AN43857">
        <v>50</v>
      </c>
      <c r="AO43857">
        <v>50</v>
      </c>
      <c r="AP43857">
        <v>51</v>
      </c>
      <c r="AQ43857">
        <v>51</v>
      </c>
    </row>
    <row r="43858" spans="1:43">
      <c r="A43858" t="s">
        <v>26751</v>
      </c>
      <c r="B43858" t="s">
        <v>26752</v>
      </c>
      <c r="C43858" t="s">
        <v>9170</v>
      </c>
      <c r="D43858" t="s">
        <v>9171</v>
      </c>
      <c r="E43858" t="s">
        <v>8938</v>
      </c>
      <c r="F43858" t="s">
        <v>8939</v>
      </c>
      <c r="G43858" t="s">
        <v>80</v>
      </c>
      <c r="H43858" t="s">
        <v>81</v>
      </c>
      <c r="I43858" s="2">
        <v>0</v>
      </c>
      <c r="J43858" s="2">
        <v>1</v>
      </c>
      <c r="K43858" s="2">
        <v>0</v>
      </c>
      <c r="L43858" t="s">
        <v>82</v>
      </c>
      <c r="M43858" t="s">
        <v>83</v>
      </c>
      <c r="N43858" t="s">
        <v>84</v>
      </c>
      <c r="O43858" t="s">
        <v>85</v>
      </c>
      <c r="P43858" t="s">
        <v>86</v>
      </c>
      <c r="Q43858">
        <v>53</v>
      </c>
      <c r="R43858">
        <v>54</v>
      </c>
      <c r="S43858">
        <v>56</v>
      </c>
      <c r="T43858">
        <v>57</v>
      </c>
      <c r="U43858">
        <v>58</v>
      </c>
      <c r="V43858">
        <v>60</v>
      </c>
      <c r="W43858">
        <v>61</v>
      </c>
      <c r="X43858">
        <v>63</v>
      </c>
      <c r="Y43858">
        <v>64</v>
      </c>
      <c r="Z43858">
        <v>66</v>
      </c>
      <c r="AA43858">
        <v>67</v>
      </c>
      <c r="AB43858">
        <v>68</v>
      </c>
      <c r="AC43858">
        <v>70</v>
      </c>
      <c r="AD43858">
        <v>72</v>
      </c>
      <c r="AE43858">
        <v>73</v>
      </c>
      <c r="AF43858">
        <v>75</v>
      </c>
      <c r="AG43858">
        <v>76</v>
      </c>
      <c r="AH43858">
        <v>78</v>
      </c>
      <c r="AI43858">
        <v>79</v>
      </c>
      <c r="AJ43858">
        <v>81</v>
      </c>
      <c r="AK43858">
        <v>83</v>
      </c>
      <c r="AL43858">
        <v>84</v>
      </c>
      <c r="AM43858">
        <v>85</v>
      </c>
      <c r="AN43858">
        <v>86</v>
      </c>
      <c r="AO43858">
        <v>86</v>
      </c>
      <c r="AP43858">
        <v>87</v>
      </c>
      <c r="AQ43858">
        <v>88</v>
      </c>
    </row>
    <row r="43859" spans="1:43">
      <c r="A43859" t="s">
        <v>26751</v>
      </c>
      <c r="B43859" t="s">
        <v>26752</v>
      </c>
      <c r="C43859" t="s">
        <v>9170</v>
      </c>
      <c r="D43859" t="s">
        <v>9171</v>
      </c>
      <c r="E43859" t="s">
        <v>8938</v>
      </c>
      <c r="F43859" t="s">
        <v>8939</v>
      </c>
      <c r="G43859" t="s">
        <v>80</v>
      </c>
      <c r="H43859" t="s">
        <v>81</v>
      </c>
      <c r="I43859" s="2">
        <v>0</v>
      </c>
      <c r="J43859" s="2">
        <v>1</v>
      </c>
      <c r="K43859" s="2">
        <v>0</v>
      </c>
      <c r="L43859" t="s">
        <v>82</v>
      </c>
      <c r="M43859" t="s">
        <v>87</v>
      </c>
      <c r="N43859" t="s">
        <v>88</v>
      </c>
      <c r="O43859" t="s">
        <v>85</v>
      </c>
      <c r="P43859" t="s">
        <v>86</v>
      </c>
      <c r="Q43859">
        <v>53</v>
      </c>
      <c r="R43859">
        <v>54</v>
      </c>
      <c r="S43859">
        <v>55</v>
      </c>
      <c r="T43859">
        <v>56</v>
      </c>
      <c r="U43859">
        <v>57</v>
      </c>
      <c r="V43859">
        <v>58</v>
      </c>
      <c r="W43859">
        <v>58</v>
      </c>
      <c r="X43859">
        <v>59</v>
      </c>
      <c r="Y43859">
        <v>60</v>
      </c>
      <c r="Z43859">
        <v>61</v>
      </c>
      <c r="AA43859">
        <v>62</v>
      </c>
      <c r="AB43859">
        <v>63</v>
      </c>
      <c r="AC43859">
        <v>64</v>
      </c>
      <c r="AD43859">
        <v>65</v>
      </c>
      <c r="AE43859">
        <v>66</v>
      </c>
      <c r="AF43859">
        <v>67</v>
      </c>
      <c r="AG43859">
        <v>67</v>
      </c>
      <c r="AH43859">
        <v>68</v>
      </c>
      <c r="AI43859">
        <v>69</v>
      </c>
      <c r="AJ43859">
        <v>70</v>
      </c>
      <c r="AK43859">
        <v>71</v>
      </c>
      <c r="AL43859">
        <v>72</v>
      </c>
      <c r="AM43859">
        <v>73</v>
      </c>
      <c r="AN43859">
        <v>74</v>
      </c>
      <c r="AO43859">
        <v>75</v>
      </c>
      <c r="AP43859">
        <v>76</v>
      </c>
      <c r="AQ43859">
        <v>77</v>
      </c>
    </row>
    <row r="43860" spans="1:43">
      <c r="A43860" t="s">
        <v>26751</v>
      </c>
      <c r="B43860" t="s">
        <v>26752</v>
      </c>
      <c r="C43860" t="s">
        <v>9170</v>
      </c>
      <c r="D43860" t="s">
        <v>9171</v>
      </c>
      <c r="E43860" t="s">
        <v>8938</v>
      </c>
      <c r="F43860" t="s">
        <v>8939</v>
      </c>
      <c r="G43860" t="s">
        <v>80</v>
      </c>
      <c r="H43860" t="s">
        <v>81</v>
      </c>
      <c r="I43860" s="2">
        <v>0</v>
      </c>
      <c r="J43860" s="2">
        <v>1</v>
      </c>
      <c r="K43860" s="2">
        <v>0</v>
      </c>
      <c r="L43860" t="s">
        <v>82</v>
      </c>
      <c r="M43860" t="s">
        <v>89</v>
      </c>
      <c r="N43860" t="s">
        <v>90</v>
      </c>
      <c r="O43860" t="s">
        <v>85</v>
      </c>
      <c r="P43860" t="s">
        <v>86</v>
      </c>
      <c r="Q43860">
        <v>53</v>
      </c>
      <c r="R43860">
        <v>55</v>
      </c>
      <c r="S43860">
        <v>57</v>
      </c>
      <c r="T43860">
        <v>59</v>
      </c>
      <c r="U43860">
        <v>61</v>
      </c>
      <c r="V43860">
        <v>62</v>
      </c>
      <c r="W43860">
        <v>64</v>
      </c>
      <c r="X43860">
        <v>66</v>
      </c>
      <c r="Y43860">
        <v>68</v>
      </c>
      <c r="Z43860">
        <v>70</v>
      </c>
      <c r="AA43860">
        <v>71</v>
      </c>
      <c r="AB43860">
        <v>73</v>
      </c>
      <c r="AC43860">
        <v>75</v>
      </c>
      <c r="AD43860">
        <v>77</v>
      </c>
      <c r="AE43860">
        <v>79</v>
      </c>
      <c r="AF43860">
        <v>79</v>
      </c>
      <c r="AG43860">
        <v>80</v>
      </c>
      <c r="AH43860">
        <v>81</v>
      </c>
      <c r="AI43860">
        <v>82</v>
      </c>
      <c r="AJ43860">
        <v>83</v>
      </c>
      <c r="AK43860">
        <v>84</v>
      </c>
      <c r="AL43860">
        <v>85</v>
      </c>
      <c r="AM43860">
        <v>85</v>
      </c>
      <c r="AN43860">
        <v>86</v>
      </c>
      <c r="AO43860">
        <v>87</v>
      </c>
      <c r="AP43860">
        <v>88</v>
      </c>
      <c r="AQ43860">
        <v>89</v>
      </c>
    </row>
    <row r="43861" spans="1:43">
      <c r="A43861" t="s">
        <v>26751</v>
      </c>
      <c r="B43861" t="s">
        <v>26752</v>
      </c>
      <c r="C43861" t="s">
        <v>9170</v>
      </c>
      <c r="D43861" t="s">
        <v>9171</v>
      </c>
      <c r="E43861" t="s">
        <v>8938</v>
      </c>
      <c r="F43861" t="s">
        <v>8939</v>
      </c>
      <c r="G43861" t="s">
        <v>80</v>
      </c>
      <c r="H43861" t="s">
        <v>81</v>
      </c>
      <c r="I43861" s="2">
        <v>0</v>
      </c>
      <c r="J43861" s="2">
        <v>1</v>
      </c>
      <c r="K43861" s="2">
        <v>0</v>
      </c>
      <c r="L43861" t="s">
        <v>82</v>
      </c>
      <c r="M43861" t="s">
        <v>83</v>
      </c>
      <c r="N43861" t="s">
        <v>91</v>
      </c>
      <c r="O43861" t="s">
        <v>85</v>
      </c>
      <c r="P43861" t="s">
        <v>86</v>
      </c>
      <c r="Q43861">
        <v>53</v>
      </c>
      <c r="R43861">
        <v>54</v>
      </c>
      <c r="S43861">
        <v>56</v>
      </c>
      <c r="T43861">
        <v>57</v>
      </c>
      <c r="U43861">
        <v>58</v>
      </c>
      <c r="V43861">
        <v>60</v>
      </c>
      <c r="W43861">
        <v>61</v>
      </c>
      <c r="X43861">
        <v>63</v>
      </c>
      <c r="Y43861">
        <v>64</v>
      </c>
      <c r="Z43861">
        <v>66</v>
      </c>
      <c r="AA43861">
        <v>67</v>
      </c>
      <c r="AB43861">
        <v>68</v>
      </c>
      <c r="AC43861">
        <v>70</v>
      </c>
      <c r="AD43861">
        <v>72</v>
      </c>
      <c r="AE43861">
        <v>73</v>
      </c>
      <c r="AF43861">
        <v>75</v>
      </c>
      <c r="AG43861">
        <v>76</v>
      </c>
      <c r="AH43861">
        <v>78</v>
      </c>
      <c r="AI43861">
        <v>79</v>
      </c>
      <c r="AJ43861">
        <v>81</v>
      </c>
      <c r="AK43861">
        <v>83</v>
      </c>
      <c r="AL43861">
        <v>84</v>
      </c>
      <c r="AM43861">
        <v>85</v>
      </c>
      <c r="AN43861">
        <v>86</v>
      </c>
      <c r="AO43861">
        <v>86</v>
      </c>
      <c r="AP43861">
        <v>87</v>
      </c>
      <c r="AQ43861">
        <v>88</v>
      </c>
    </row>
    <row r="43862" spans="1:43">
      <c r="A43862" t="s">
        <v>26753</v>
      </c>
      <c r="B43862" t="s">
        <v>26754</v>
      </c>
      <c r="C43862" t="s">
        <v>9018</v>
      </c>
      <c r="D43862" t="s">
        <v>9019</v>
      </c>
      <c r="E43862" t="s">
        <v>8938</v>
      </c>
      <c r="F43862" t="s">
        <v>8939</v>
      </c>
      <c r="G43862" t="s">
        <v>80</v>
      </c>
      <c r="H43862" t="s">
        <v>81</v>
      </c>
      <c r="I43862" s="2">
        <v>0</v>
      </c>
      <c r="J43862" s="2">
        <v>1</v>
      </c>
      <c r="K43862" s="2">
        <v>0</v>
      </c>
      <c r="L43862" t="s">
        <v>82</v>
      </c>
      <c r="M43862" t="s">
        <v>83</v>
      </c>
      <c r="N43862" t="s">
        <v>84</v>
      </c>
      <c r="O43862" t="s">
        <v>85</v>
      </c>
      <c r="P43862" t="s">
        <v>86</v>
      </c>
      <c r="Q43862">
        <v>7</v>
      </c>
      <c r="R43862">
        <v>7</v>
      </c>
      <c r="S43862">
        <v>8</v>
      </c>
      <c r="T43862">
        <v>8</v>
      </c>
      <c r="U43862">
        <v>8</v>
      </c>
      <c r="V43862">
        <v>8</v>
      </c>
      <c r="W43862">
        <v>8</v>
      </c>
      <c r="X43862">
        <v>9</v>
      </c>
      <c r="Y43862">
        <v>9</v>
      </c>
      <c r="Z43862">
        <v>9</v>
      </c>
      <c r="AA43862">
        <v>9</v>
      </c>
      <c r="AB43862">
        <v>9</v>
      </c>
      <c r="AC43862">
        <v>10</v>
      </c>
      <c r="AD43862">
        <v>10</v>
      </c>
      <c r="AE43862">
        <v>10</v>
      </c>
      <c r="AF43862">
        <v>10</v>
      </c>
      <c r="AG43862">
        <v>10</v>
      </c>
      <c r="AH43862">
        <v>11</v>
      </c>
      <c r="AI43862">
        <v>11</v>
      </c>
      <c r="AJ43862">
        <v>11</v>
      </c>
      <c r="AK43862">
        <v>11</v>
      </c>
      <c r="AL43862">
        <v>11</v>
      </c>
      <c r="AM43862">
        <v>12</v>
      </c>
      <c r="AN43862">
        <v>12</v>
      </c>
      <c r="AO43862">
        <v>12</v>
      </c>
      <c r="AP43862">
        <v>12</v>
      </c>
      <c r="AQ43862">
        <v>12</v>
      </c>
    </row>
    <row r="43863" spans="1:43">
      <c r="A43863" t="s">
        <v>26753</v>
      </c>
      <c r="B43863" t="s">
        <v>26754</v>
      </c>
      <c r="C43863" t="s">
        <v>9018</v>
      </c>
      <c r="D43863" t="s">
        <v>9019</v>
      </c>
      <c r="E43863" t="s">
        <v>8938</v>
      </c>
      <c r="F43863" t="s">
        <v>8939</v>
      </c>
      <c r="G43863" t="s">
        <v>80</v>
      </c>
      <c r="H43863" t="s">
        <v>81</v>
      </c>
      <c r="I43863" s="2">
        <v>0</v>
      </c>
      <c r="J43863" s="2">
        <v>1</v>
      </c>
      <c r="K43863" s="2">
        <v>0</v>
      </c>
      <c r="L43863" t="s">
        <v>82</v>
      </c>
      <c r="M43863" t="s">
        <v>87</v>
      </c>
      <c r="N43863" t="s">
        <v>88</v>
      </c>
      <c r="O43863" t="s">
        <v>85</v>
      </c>
      <c r="P43863" t="s">
        <v>86</v>
      </c>
      <c r="Q43863">
        <v>7</v>
      </c>
      <c r="R43863">
        <v>7</v>
      </c>
      <c r="S43863">
        <v>7</v>
      </c>
      <c r="T43863">
        <v>7</v>
      </c>
      <c r="U43863">
        <v>8</v>
      </c>
      <c r="V43863">
        <v>8</v>
      </c>
      <c r="W43863">
        <v>8</v>
      </c>
      <c r="X43863">
        <v>8</v>
      </c>
      <c r="Y43863">
        <v>8</v>
      </c>
      <c r="Z43863">
        <v>8</v>
      </c>
      <c r="AA43863">
        <v>8</v>
      </c>
      <c r="AB43863">
        <v>8</v>
      </c>
      <c r="AC43863">
        <v>9</v>
      </c>
      <c r="AD43863">
        <v>9</v>
      </c>
      <c r="AE43863">
        <v>9</v>
      </c>
      <c r="AF43863">
        <v>9</v>
      </c>
      <c r="AG43863">
        <v>9</v>
      </c>
      <c r="AH43863">
        <v>9</v>
      </c>
      <c r="AI43863">
        <v>9</v>
      </c>
      <c r="AJ43863">
        <v>9</v>
      </c>
      <c r="AK43863">
        <v>10</v>
      </c>
      <c r="AL43863">
        <v>10</v>
      </c>
      <c r="AM43863">
        <v>10</v>
      </c>
      <c r="AN43863">
        <v>10</v>
      </c>
      <c r="AO43863">
        <v>10</v>
      </c>
      <c r="AP43863">
        <v>10</v>
      </c>
      <c r="AQ43863">
        <v>10</v>
      </c>
    </row>
    <row r="43864" spans="1:43">
      <c r="A43864" t="s">
        <v>26753</v>
      </c>
      <c r="B43864" t="s">
        <v>26754</v>
      </c>
      <c r="C43864" t="s">
        <v>9018</v>
      </c>
      <c r="D43864" t="s">
        <v>9019</v>
      </c>
      <c r="E43864" t="s">
        <v>8938</v>
      </c>
      <c r="F43864" t="s">
        <v>8939</v>
      </c>
      <c r="G43864" t="s">
        <v>80</v>
      </c>
      <c r="H43864" t="s">
        <v>81</v>
      </c>
      <c r="I43864" s="2">
        <v>0</v>
      </c>
      <c r="J43864" s="2">
        <v>1</v>
      </c>
      <c r="K43864" s="2">
        <v>0</v>
      </c>
      <c r="L43864" t="s">
        <v>82</v>
      </c>
      <c r="M43864" t="s">
        <v>89</v>
      </c>
      <c r="N43864" t="s">
        <v>90</v>
      </c>
      <c r="O43864" t="s">
        <v>85</v>
      </c>
      <c r="P43864" t="s">
        <v>86</v>
      </c>
      <c r="Q43864">
        <v>7</v>
      </c>
      <c r="R43864">
        <v>8</v>
      </c>
      <c r="S43864">
        <v>8</v>
      </c>
      <c r="T43864">
        <v>8</v>
      </c>
      <c r="U43864">
        <v>8</v>
      </c>
      <c r="V43864">
        <v>9</v>
      </c>
      <c r="W43864">
        <v>9</v>
      </c>
      <c r="X43864">
        <v>9</v>
      </c>
      <c r="Y43864">
        <v>9</v>
      </c>
      <c r="Z43864">
        <v>9</v>
      </c>
      <c r="AA43864">
        <v>10</v>
      </c>
      <c r="AB43864">
        <v>10</v>
      </c>
      <c r="AC43864">
        <v>10</v>
      </c>
      <c r="AD43864">
        <v>10</v>
      </c>
      <c r="AE43864">
        <v>11</v>
      </c>
      <c r="AF43864">
        <v>11</v>
      </c>
      <c r="AG43864">
        <v>11</v>
      </c>
      <c r="AH43864">
        <v>11</v>
      </c>
      <c r="AI43864">
        <v>11</v>
      </c>
      <c r="AJ43864">
        <v>11</v>
      </c>
      <c r="AK43864">
        <v>11</v>
      </c>
      <c r="AL43864">
        <v>11</v>
      </c>
      <c r="AM43864">
        <v>12</v>
      </c>
      <c r="AN43864">
        <v>12</v>
      </c>
      <c r="AO43864">
        <v>12</v>
      </c>
      <c r="AP43864">
        <v>12</v>
      </c>
      <c r="AQ43864">
        <v>12</v>
      </c>
    </row>
    <row r="43865" spans="1:43">
      <c r="A43865" t="s">
        <v>26753</v>
      </c>
      <c r="B43865" t="s">
        <v>26754</v>
      </c>
      <c r="C43865" t="s">
        <v>9018</v>
      </c>
      <c r="D43865" t="s">
        <v>9019</v>
      </c>
      <c r="E43865" t="s">
        <v>8938</v>
      </c>
      <c r="F43865" t="s">
        <v>8939</v>
      </c>
      <c r="G43865" t="s">
        <v>80</v>
      </c>
      <c r="H43865" t="s">
        <v>81</v>
      </c>
      <c r="I43865" s="2">
        <v>0</v>
      </c>
      <c r="J43865" s="2">
        <v>1</v>
      </c>
      <c r="K43865" s="2">
        <v>0</v>
      </c>
      <c r="L43865" t="s">
        <v>82</v>
      </c>
      <c r="M43865" t="s">
        <v>83</v>
      </c>
      <c r="N43865" t="s">
        <v>91</v>
      </c>
      <c r="O43865" t="s">
        <v>85</v>
      </c>
      <c r="P43865" t="s">
        <v>86</v>
      </c>
      <c r="Q43865">
        <v>7</v>
      </c>
      <c r="R43865">
        <v>7</v>
      </c>
      <c r="S43865">
        <v>8</v>
      </c>
      <c r="T43865">
        <v>8</v>
      </c>
      <c r="U43865">
        <v>8</v>
      </c>
      <c r="V43865">
        <v>8</v>
      </c>
      <c r="W43865">
        <v>8</v>
      </c>
      <c r="X43865">
        <v>9</v>
      </c>
      <c r="Y43865">
        <v>9</v>
      </c>
      <c r="Z43865">
        <v>9</v>
      </c>
      <c r="AA43865">
        <v>9</v>
      </c>
      <c r="AB43865">
        <v>9</v>
      </c>
      <c r="AC43865">
        <v>10</v>
      </c>
      <c r="AD43865">
        <v>10</v>
      </c>
      <c r="AE43865">
        <v>10</v>
      </c>
      <c r="AF43865">
        <v>10</v>
      </c>
      <c r="AG43865">
        <v>10</v>
      </c>
      <c r="AH43865">
        <v>11</v>
      </c>
      <c r="AI43865">
        <v>11</v>
      </c>
      <c r="AJ43865">
        <v>11</v>
      </c>
      <c r="AK43865">
        <v>11</v>
      </c>
      <c r="AL43865">
        <v>11</v>
      </c>
      <c r="AM43865">
        <v>12</v>
      </c>
      <c r="AN43865">
        <v>12</v>
      </c>
      <c r="AO43865">
        <v>12</v>
      </c>
      <c r="AP43865">
        <v>12</v>
      </c>
      <c r="AQ43865">
        <v>12</v>
      </c>
    </row>
    <row r="43866" spans="1:43">
      <c r="A43866" t="s">
        <v>26755</v>
      </c>
      <c r="B43866" t="s">
        <v>26756</v>
      </c>
      <c r="C43866" t="s">
        <v>9018</v>
      </c>
      <c r="D43866" t="s">
        <v>9019</v>
      </c>
      <c r="E43866" t="s">
        <v>8938</v>
      </c>
      <c r="F43866" t="s">
        <v>8939</v>
      </c>
      <c r="G43866" t="s">
        <v>80</v>
      </c>
      <c r="H43866" t="s">
        <v>81</v>
      </c>
      <c r="I43866" s="2">
        <v>0</v>
      </c>
      <c r="J43866" s="2">
        <v>1</v>
      </c>
      <c r="K43866" s="2">
        <v>0</v>
      </c>
      <c r="L43866" t="s">
        <v>82</v>
      </c>
      <c r="M43866" t="s">
        <v>83</v>
      </c>
      <c r="N43866" t="s">
        <v>84</v>
      </c>
      <c r="O43866" t="s">
        <v>85</v>
      </c>
      <c r="P43866" t="s">
        <v>86</v>
      </c>
      <c r="Q43866">
        <v>38</v>
      </c>
      <c r="R43866">
        <v>39</v>
      </c>
      <c r="S43866">
        <v>40</v>
      </c>
      <c r="T43866">
        <v>41</v>
      </c>
      <c r="U43866">
        <v>42</v>
      </c>
      <c r="V43866">
        <v>43</v>
      </c>
      <c r="W43866">
        <v>45</v>
      </c>
      <c r="X43866">
        <v>46</v>
      </c>
      <c r="Y43866">
        <v>47</v>
      </c>
      <c r="Z43866">
        <v>48</v>
      </c>
      <c r="AA43866">
        <v>49</v>
      </c>
      <c r="AB43866">
        <v>50</v>
      </c>
      <c r="AC43866">
        <v>51</v>
      </c>
      <c r="AD43866">
        <v>52</v>
      </c>
      <c r="AE43866">
        <v>53</v>
      </c>
      <c r="AF43866">
        <v>54</v>
      </c>
      <c r="AG43866">
        <v>55</v>
      </c>
      <c r="AH43866">
        <v>57</v>
      </c>
      <c r="AI43866">
        <v>58</v>
      </c>
      <c r="AJ43866">
        <v>59</v>
      </c>
      <c r="AK43866">
        <v>60</v>
      </c>
      <c r="AL43866">
        <v>61</v>
      </c>
      <c r="AM43866">
        <v>62</v>
      </c>
      <c r="AN43866">
        <v>62</v>
      </c>
      <c r="AO43866">
        <v>63</v>
      </c>
      <c r="AP43866">
        <v>63</v>
      </c>
      <c r="AQ43866">
        <v>64</v>
      </c>
    </row>
    <row r="43867" spans="1:43">
      <c r="A43867" t="s">
        <v>26755</v>
      </c>
      <c r="B43867" t="s">
        <v>26756</v>
      </c>
      <c r="C43867" t="s">
        <v>9018</v>
      </c>
      <c r="D43867" t="s">
        <v>9019</v>
      </c>
      <c r="E43867" t="s">
        <v>8938</v>
      </c>
      <c r="F43867" t="s">
        <v>8939</v>
      </c>
      <c r="G43867" t="s">
        <v>80</v>
      </c>
      <c r="H43867" t="s">
        <v>81</v>
      </c>
      <c r="I43867" s="2">
        <v>0</v>
      </c>
      <c r="J43867" s="2">
        <v>1</v>
      </c>
      <c r="K43867" s="2">
        <v>0</v>
      </c>
      <c r="L43867" t="s">
        <v>82</v>
      </c>
      <c r="M43867" t="s">
        <v>87</v>
      </c>
      <c r="N43867" t="s">
        <v>88</v>
      </c>
      <c r="O43867" t="s">
        <v>85</v>
      </c>
      <c r="P43867" t="s">
        <v>86</v>
      </c>
      <c r="Q43867">
        <v>38</v>
      </c>
      <c r="R43867">
        <v>39</v>
      </c>
      <c r="S43867">
        <v>39</v>
      </c>
      <c r="T43867">
        <v>40</v>
      </c>
      <c r="U43867">
        <v>41</v>
      </c>
      <c r="V43867">
        <v>41</v>
      </c>
      <c r="W43867">
        <v>42</v>
      </c>
      <c r="X43867">
        <v>42</v>
      </c>
      <c r="Y43867">
        <v>43</v>
      </c>
      <c r="Z43867">
        <v>44</v>
      </c>
      <c r="AA43867">
        <v>44</v>
      </c>
      <c r="AB43867">
        <v>45</v>
      </c>
      <c r="AC43867">
        <v>46</v>
      </c>
      <c r="AD43867">
        <v>46</v>
      </c>
      <c r="AE43867">
        <v>47</v>
      </c>
      <c r="AF43867">
        <v>48</v>
      </c>
      <c r="AG43867">
        <v>48</v>
      </c>
      <c r="AH43867">
        <v>49</v>
      </c>
      <c r="AI43867">
        <v>50</v>
      </c>
      <c r="AJ43867">
        <v>51</v>
      </c>
      <c r="AK43867">
        <v>51</v>
      </c>
      <c r="AL43867">
        <v>52</v>
      </c>
      <c r="AM43867">
        <v>53</v>
      </c>
      <c r="AN43867">
        <v>53</v>
      </c>
      <c r="AO43867">
        <v>54</v>
      </c>
      <c r="AP43867">
        <v>55</v>
      </c>
      <c r="AQ43867">
        <v>56</v>
      </c>
    </row>
    <row r="43868" spans="1:43">
      <c r="A43868" t="s">
        <v>26755</v>
      </c>
      <c r="B43868" t="s">
        <v>26756</v>
      </c>
      <c r="C43868" t="s">
        <v>9018</v>
      </c>
      <c r="D43868" t="s">
        <v>9019</v>
      </c>
      <c r="E43868" t="s">
        <v>8938</v>
      </c>
      <c r="F43868" t="s">
        <v>8939</v>
      </c>
      <c r="G43868" t="s">
        <v>80</v>
      </c>
      <c r="H43868" t="s">
        <v>81</v>
      </c>
      <c r="I43868" s="2">
        <v>0</v>
      </c>
      <c r="J43868" s="2">
        <v>1</v>
      </c>
      <c r="K43868" s="2">
        <v>0</v>
      </c>
      <c r="L43868" t="s">
        <v>82</v>
      </c>
      <c r="M43868" t="s">
        <v>89</v>
      </c>
      <c r="N43868" t="s">
        <v>90</v>
      </c>
      <c r="O43868" t="s">
        <v>85</v>
      </c>
      <c r="P43868" t="s">
        <v>86</v>
      </c>
      <c r="Q43868">
        <v>38</v>
      </c>
      <c r="R43868">
        <v>39</v>
      </c>
      <c r="S43868">
        <v>40</v>
      </c>
      <c r="T43868">
        <v>42</v>
      </c>
      <c r="U43868">
        <v>43</v>
      </c>
      <c r="V43868">
        <v>44</v>
      </c>
      <c r="W43868">
        <v>46</v>
      </c>
      <c r="X43868">
        <v>47</v>
      </c>
      <c r="Y43868">
        <v>48</v>
      </c>
      <c r="Z43868">
        <v>50</v>
      </c>
      <c r="AA43868">
        <v>51</v>
      </c>
      <c r="AB43868">
        <v>52</v>
      </c>
      <c r="AC43868">
        <v>54</v>
      </c>
      <c r="AD43868">
        <v>55</v>
      </c>
      <c r="AE43868">
        <v>56</v>
      </c>
      <c r="AF43868">
        <v>57</v>
      </c>
      <c r="AG43868">
        <v>57</v>
      </c>
      <c r="AH43868">
        <v>58</v>
      </c>
      <c r="AI43868">
        <v>59</v>
      </c>
      <c r="AJ43868">
        <v>59</v>
      </c>
      <c r="AK43868">
        <v>60</v>
      </c>
      <c r="AL43868">
        <v>60</v>
      </c>
      <c r="AM43868">
        <v>61</v>
      </c>
      <c r="AN43868">
        <v>62</v>
      </c>
      <c r="AO43868">
        <v>62</v>
      </c>
      <c r="AP43868">
        <v>63</v>
      </c>
      <c r="AQ43868">
        <v>63</v>
      </c>
    </row>
    <row r="43869" spans="1:43">
      <c r="A43869" t="s">
        <v>26755</v>
      </c>
      <c r="B43869" t="s">
        <v>26756</v>
      </c>
      <c r="C43869" t="s">
        <v>9018</v>
      </c>
      <c r="D43869" t="s">
        <v>9019</v>
      </c>
      <c r="E43869" t="s">
        <v>8938</v>
      </c>
      <c r="F43869" t="s">
        <v>8939</v>
      </c>
      <c r="G43869" t="s">
        <v>80</v>
      </c>
      <c r="H43869" t="s">
        <v>81</v>
      </c>
      <c r="I43869" s="2">
        <v>0</v>
      </c>
      <c r="J43869" s="2">
        <v>1</v>
      </c>
      <c r="K43869" s="2">
        <v>0</v>
      </c>
      <c r="L43869" t="s">
        <v>82</v>
      </c>
      <c r="M43869" t="s">
        <v>83</v>
      </c>
      <c r="N43869" t="s">
        <v>91</v>
      </c>
      <c r="O43869" t="s">
        <v>85</v>
      </c>
      <c r="P43869" t="s">
        <v>86</v>
      </c>
      <c r="Q43869">
        <v>38</v>
      </c>
      <c r="R43869">
        <v>39</v>
      </c>
      <c r="S43869">
        <v>40</v>
      </c>
      <c r="T43869">
        <v>41</v>
      </c>
      <c r="U43869">
        <v>42</v>
      </c>
      <c r="V43869">
        <v>43</v>
      </c>
      <c r="W43869">
        <v>45</v>
      </c>
      <c r="X43869">
        <v>46</v>
      </c>
      <c r="Y43869">
        <v>47</v>
      </c>
      <c r="Z43869">
        <v>48</v>
      </c>
      <c r="AA43869">
        <v>49</v>
      </c>
      <c r="AB43869">
        <v>50</v>
      </c>
      <c r="AC43869">
        <v>51</v>
      </c>
      <c r="AD43869">
        <v>52</v>
      </c>
      <c r="AE43869">
        <v>53</v>
      </c>
      <c r="AF43869">
        <v>54</v>
      </c>
      <c r="AG43869">
        <v>55</v>
      </c>
      <c r="AH43869">
        <v>57</v>
      </c>
      <c r="AI43869">
        <v>58</v>
      </c>
      <c r="AJ43869">
        <v>59</v>
      </c>
      <c r="AK43869">
        <v>60</v>
      </c>
      <c r="AL43869">
        <v>61</v>
      </c>
      <c r="AM43869">
        <v>62</v>
      </c>
      <c r="AN43869">
        <v>62</v>
      </c>
      <c r="AO43869">
        <v>63</v>
      </c>
      <c r="AP43869">
        <v>63</v>
      </c>
      <c r="AQ43869">
        <v>64</v>
      </c>
    </row>
    <row r="43870" spans="1:43">
      <c r="A43870" t="s">
        <v>26757</v>
      </c>
      <c r="B43870" t="s">
        <v>26758</v>
      </c>
      <c r="C43870" t="s">
        <v>9018</v>
      </c>
      <c r="D43870" t="s">
        <v>9019</v>
      </c>
      <c r="E43870" t="s">
        <v>8938</v>
      </c>
      <c r="F43870" t="s">
        <v>8939</v>
      </c>
      <c r="G43870" t="s">
        <v>80</v>
      </c>
      <c r="H43870" t="s">
        <v>81</v>
      </c>
      <c r="I43870" s="2">
        <v>0</v>
      </c>
      <c r="J43870" s="2">
        <v>1</v>
      </c>
      <c r="K43870" s="2">
        <v>0</v>
      </c>
      <c r="L43870" t="s">
        <v>82</v>
      </c>
      <c r="M43870" t="s">
        <v>83</v>
      </c>
      <c r="N43870" t="s">
        <v>84</v>
      </c>
      <c r="O43870" t="s">
        <v>85</v>
      </c>
      <c r="P43870" t="s">
        <v>86</v>
      </c>
      <c r="Q43870">
        <v>47</v>
      </c>
      <c r="R43870">
        <v>48</v>
      </c>
      <c r="S43870">
        <v>49</v>
      </c>
      <c r="T43870">
        <v>50</v>
      </c>
      <c r="U43870">
        <v>52</v>
      </c>
      <c r="V43870">
        <v>53</v>
      </c>
      <c r="W43870">
        <v>54</v>
      </c>
      <c r="X43870">
        <v>55</v>
      </c>
      <c r="Y43870">
        <v>57</v>
      </c>
      <c r="Z43870">
        <v>58</v>
      </c>
      <c r="AA43870">
        <v>59</v>
      </c>
      <c r="AB43870">
        <v>61</v>
      </c>
      <c r="AC43870">
        <v>62</v>
      </c>
      <c r="AD43870">
        <v>63</v>
      </c>
      <c r="AE43870">
        <v>65</v>
      </c>
      <c r="AF43870">
        <v>66</v>
      </c>
      <c r="AG43870">
        <v>68</v>
      </c>
      <c r="AH43870">
        <v>69</v>
      </c>
      <c r="AI43870">
        <v>70</v>
      </c>
      <c r="AJ43870">
        <v>72</v>
      </c>
      <c r="AK43870">
        <v>73</v>
      </c>
      <c r="AL43870">
        <v>74</v>
      </c>
      <c r="AM43870">
        <v>75</v>
      </c>
      <c r="AN43870">
        <v>76</v>
      </c>
      <c r="AO43870">
        <v>76</v>
      </c>
      <c r="AP43870">
        <v>77</v>
      </c>
      <c r="AQ43870">
        <v>78</v>
      </c>
    </row>
    <row r="43871" spans="1:43">
      <c r="A43871" t="s">
        <v>26757</v>
      </c>
      <c r="B43871" t="s">
        <v>26758</v>
      </c>
      <c r="C43871" t="s">
        <v>9018</v>
      </c>
      <c r="D43871" t="s">
        <v>9019</v>
      </c>
      <c r="E43871" t="s">
        <v>8938</v>
      </c>
      <c r="F43871" t="s">
        <v>8939</v>
      </c>
      <c r="G43871" t="s">
        <v>80</v>
      </c>
      <c r="H43871" t="s">
        <v>81</v>
      </c>
      <c r="I43871" s="2">
        <v>0</v>
      </c>
      <c r="J43871" s="2">
        <v>1</v>
      </c>
      <c r="K43871" s="2">
        <v>0</v>
      </c>
      <c r="L43871" t="s">
        <v>82</v>
      </c>
      <c r="M43871" t="s">
        <v>87</v>
      </c>
      <c r="N43871" t="s">
        <v>88</v>
      </c>
      <c r="O43871" t="s">
        <v>85</v>
      </c>
      <c r="P43871" t="s">
        <v>86</v>
      </c>
      <c r="Q43871">
        <v>47</v>
      </c>
      <c r="R43871">
        <v>48</v>
      </c>
      <c r="S43871">
        <v>49</v>
      </c>
      <c r="T43871">
        <v>50</v>
      </c>
      <c r="U43871">
        <v>50</v>
      </c>
      <c r="V43871">
        <v>51</v>
      </c>
      <c r="W43871">
        <v>52</v>
      </c>
      <c r="X43871">
        <v>53</v>
      </c>
      <c r="Y43871">
        <v>53</v>
      </c>
      <c r="Z43871">
        <v>54</v>
      </c>
      <c r="AA43871">
        <v>55</v>
      </c>
      <c r="AB43871">
        <v>56</v>
      </c>
      <c r="AC43871">
        <v>57</v>
      </c>
      <c r="AD43871">
        <v>57</v>
      </c>
      <c r="AE43871">
        <v>58</v>
      </c>
      <c r="AF43871">
        <v>59</v>
      </c>
      <c r="AG43871">
        <v>60</v>
      </c>
      <c r="AH43871">
        <v>61</v>
      </c>
      <c r="AI43871">
        <v>62</v>
      </c>
      <c r="AJ43871">
        <v>62</v>
      </c>
      <c r="AK43871">
        <v>63</v>
      </c>
      <c r="AL43871">
        <v>64</v>
      </c>
      <c r="AM43871">
        <v>65</v>
      </c>
      <c r="AN43871">
        <v>66</v>
      </c>
      <c r="AO43871">
        <v>67</v>
      </c>
      <c r="AP43871">
        <v>68</v>
      </c>
      <c r="AQ43871">
        <v>69</v>
      </c>
    </row>
    <row r="43872" spans="1:43">
      <c r="A43872" t="s">
        <v>26757</v>
      </c>
      <c r="B43872" t="s">
        <v>26758</v>
      </c>
      <c r="C43872" t="s">
        <v>9018</v>
      </c>
      <c r="D43872" t="s">
        <v>9019</v>
      </c>
      <c r="E43872" t="s">
        <v>8938</v>
      </c>
      <c r="F43872" t="s">
        <v>8939</v>
      </c>
      <c r="G43872" t="s">
        <v>80</v>
      </c>
      <c r="H43872" t="s">
        <v>81</v>
      </c>
      <c r="I43872" s="2">
        <v>0</v>
      </c>
      <c r="J43872" s="2">
        <v>1</v>
      </c>
      <c r="K43872" s="2">
        <v>0</v>
      </c>
      <c r="L43872" t="s">
        <v>82</v>
      </c>
      <c r="M43872" t="s">
        <v>89</v>
      </c>
      <c r="N43872" t="s">
        <v>90</v>
      </c>
      <c r="O43872" t="s">
        <v>85</v>
      </c>
      <c r="P43872" t="s">
        <v>86</v>
      </c>
      <c r="Q43872">
        <v>47</v>
      </c>
      <c r="R43872">
        <v>49</v>
      </c>
      <c r="S43872">
        <v>50</v>
      </c>
      <c r="T43872">
        <v>52</v>
      </c>
      <c r="U43872">
        <v>54</v>
      </c>
      <c r="V43872">
        <v>55</v>
      </c>
      <c r="W43872">
        <v>57</v>
      </c>
      <c r="X43872">
        <v>59</v>
      </c>
      <c r="Y43872">
        <v>60</v>
      </c>
      <c r="Z43872">
        <v>62</v>
      </c>
      <c r="AA43872">
        <v>63</v>
      </c>
      <c r="AB43872">
        <v>65</v>
      </c>
      <c r="AC43872">
        <v>67</v>
      </c>
      <c r="AD43872">
        <v>68</v>
      </c>
      <c r="AE43872">
        <v>69</v>
      </c>
      <c r="AF43872">
        <v>70</v>
      </c>
      <c r="AG43872">
        <v>71</v>
      </c>
      <c r="AH43872">
        <v>72</v>
      </c>
      <c r="AI43872">
        <v>72</v>
      </c>
      <c r="AJ43872">
        <v>73</v>
      </c>
      <c r="AK43872">
        <v>74</v>
      </c>
      <c r="AL43872">
        <v>75</v>
      </c>
      <c r="AM43872">
        <v>75</v>
      </c>
      <c r="AN43872">
        <v>76</v>
      </c>
      <c r="AO43872">
        <v>77</v>
      </c>
      <c r="AP43872">
        <v>78</v>
      </c>
      <c r="AQ43872">
        <v>78</v>
      </c>
    </row>
    <row r="43873" spans="1:43">
      <c r="A43873" t="s">
        <v>26757</v>
      </c>
      <c r="B43873" t="s">
        <v>26758</v>
      </c>
      <c r="C43873" t="s">
        <v>9018</v>
      </c>
      <c r="D43873" t="s">
        <v>9019</v>
      </c>
      <c r="E43873" t="s">
        <v>8938</v>
      </c>
      <c r="F43873" t="s">
        <v>8939</v>
      </c>
      <c r="G43873" t="s">
        <v>80</v>
      </c>
      <c r="H43873" t="s">
        <v>81</v>
      </c>
      <c r="I43873" s="2">
        <v>0</v>
      </c>
      <c r="J43873" s="2">
        <v>1</v>
      </c>
      <c r="K43873" s="2">
        <v>0</v>
      </c>
      <c r="L43873" t="s">
        <v>82</v>
      </c>
      <c r="M43873" t="s">
        <v>83</v>
      </c>
      <c r="N43873" t="s">
        <v>91</v>
      </c>
      <c r="O43873" t="s">
        <v>85</v>
      </c>
      <c r="P43873" t="s">
        <v>86</v>
      </c>
      <c r="Q43873">
        <v>47</v>
      </c>
      <c r="R43873">
        <v>48</v>
      </c>
      <c r="S43873">
        <v>49</v>
      </c>
      <c r="T43873">
        <v>50</v>
      </c>
      <c r="U43873">
        <v>52</v>
      </c>
      <c r="V43873">
        <v>53</v>
      </c>
      <c r="W43873">
        <v>54</v>
      </c>
      <c r="X43873">
        <v>55</v>
      </c>
      <c r="Y43873">
        <v>57</v>
      </c>
      <c r="Z43873">
        <v>58</v>
      </c>
      <c r="AA43873">
        <v>59</v>
      </c>
      <c r="AB43873">
        <v>61</v>
      </c>
      <c r="AC43873">
        <v>62</v>
      </c>
      <c r="AD43873">
        <v>63</v>
      </c>
      <c r="AE43873">
        <v>65</v>
      </c>
      <c r="AF43873">
        <v>66</v>
      </c>
      <c r="AG43873">
        <v>68</v>
      </c>
      <c r="AH43873">
        <v>69</v>
      </c>
      <c r="AI43873">
        <v>70</v>
      </c>
      <c r="AJ43873">
        <v>72</v>
      </c>
      <c r="AK43873">
        <v>73</v>
      </c>
      <c r="AL43873">
        <v>74</v>
      </c>
      <c r="AM43873">
        <v>75</v>
      </c>
      <c r="AN43873">
        <v>76</v>
      </c>
      <c r="AO43873">
        <v>76</v>
      </c>
      <c r="AP43873">
        <v>77</v>
      </c>
      <c r="AQ43873">
        <v>78</v>
      </c>
    </row>
    <row r="43874" spans="1:43">
      <c r="A43874" t="s">
        <v>26759</v>
      </c>
      <c r="B43874" t="s">
        <v>26760</v>
      </c>
      <c r="C43874" t="s">
        <v>9174</v>
      </c>
      <c r="D43874" t="s">
        <v>9175</v>
      </c>
      <c r="E43874" t="s">
        <v>8938</v>
      </c>
      <c r="F43874" t="s">
        <v>8939</v>
      </c>
      <c r="G43874" t="s">
        <v>80</v>
      </c>
      <c r="H43874" t="s">
        <v>81</v>
      </c>
      <c r="I43874" s="2">
        <v>0</v>
      </c>
      <c r="J43874" s="2">
        <v>1</v>
      </c>
      <c r="K43874" s="2">
        <v>0</v>
      </c>
      <c r="L43874" t="s">
        <v>82</v>
      </c>
      <c r="M43874" t="s">
        <v>83</v>
      </c>
      <c r="N43874" t="s">
        <v>84</v>
      </c>
      <c r="O43874" t="s">
        <v>85</v>
      </c>
      <c r="P43874" t="s">
        <v>86</v>
      </c>
      <c r="Q43874">
        <v>48</v>
      </c>
      <c r="R43874">
        <v>49</v>
      </c>
      <c r="S43874">
        <v>51</v>
      </c>
      <c r="T43874">
        <v>52</v>
      </c>
      <c r="U43874">
        <v>53</v>
      </c>
      <c r="V43874">
        <v>55</v>
      </c>
      <c r="W43874">
        <v>56</v>
      </c>
      <c r="X43874">
        <v>57</v>
      </c>
      <c r="Y43874">
        <v>59</v>
      </c>
      <c r="Z43874">
        <v>60</v>
      </c>
      <c r="AA43874">
        <v>61</v>
      </c>
      <c r="AB43874">
        <v>63</v>
      </c>
      <c r="AC43874">
        <v>64</v>
      </c>
      <c r="AD43874">
        <v>65</v>
      </c>
      <c r="AE43874">
        <v>67</v>
      </c>
      <c r="AF43874">
        <v>68</v>
      </c>
      <c r="AG43874">
        <v>70</v>
      </c>
      <c r="AH43874">
        <v>71</v>
      </c>
      <c r="AI43874">
        <v>73</v>
      </c>
      <c r="AJ43874">
        <v>74</v>
      </c>
      <c r="AK43874">
        <v>76</v>
      </c>
      <c r="AL43874">
        <v>77</v>
      </c>
      <c r="AM43874">
        <v>77</v>
      </c>
      <c r="AN43874">
        <v>78</v>
      </c>
      <c r="AO43874">
        <v>79</v>
      </c>
      <c r="AP43874">
        <v>80</v>
      </c>
      <c r="AQ43874">
        <v>81</v>
      </c>
    </row>
    <row r="43875" spans="1:43">
      <c r="A43875" t="s">
        <v>26759</v>
      </c>
      <c r="B43875" t="s">
        <v>26760</v>
      </c>
      <c r="C43875" t="s">
        <v>9174</v>
      </c>
      <c r="D43875" t="s">
        <v>9175</v>
      </c>
      <c r="E43875" t="s">
        <v>8938</v>
      </c>
      <c r="F43875" t="s">
        <v>8939</v>
      </c>
      <c r="G43875" t="s">
        <v>80</v>
      </c>
      <c r="H43875" t="s">
        <v>81</v>
      </c>
      <c r="I43875" s="2">
        <v>0</v>
      </c>
      <c r="J43875" s="2">
        <v>1</v>
      </c>
      <c r="K43875" s="2">
        <v>0</v>
      </c>
      <c r="L43875" t="s">
        <v>82</v>
      </c>
      <c r="M43875" t="s">
        <v>87</v>
      </c>
      <c r="N43875" t="s">
        <v>88</v>
      </c>
      <c r="O43875" t="s">
        <v>85</v>
      </c>
      <c r="P43875" t="s">
        <v>86</v>
      </c>
      <c r="Q43875">
        <v>48</v>
      </c>
      <c r="R43875">
        <v>49</v>
      </c>
      <c r="S43875">
        <v>49</v>
      </c>
      <c r="T43875">
        <v>50</v>
      </c>
      <c r="U43875">
        <v>51</v>
      </c>
      <c r="V43875">
        <v>52</v>
      </c>
      <c r="W43875">
        <v>52</v>
      </c>
      <c r="X43875">
        <v>53</v>
      </c>
      <c r="Y43875">
        <v>54</v>
      </c>
      <c r="Z43875">
        <v>55</v>
      </c>
      <c r="AA43875">
        <v>56</v>
      </c>
      <c r="AB43875">
        <v>57</v>
      </c>
      <c r="AC43875">
        <v>57</v>
      </c>
      <c r="AD43875">
        <v>58</v>
      </c>
      <c r="AE43875">
        <v>59</v>
      </c>
      <c r="AF43875">
        <v>60</v>
      </c>
      <c r="AG43875">
        <v>61</v>
      </c>
      <c r="AH43875">
        <v>62</v>
      </c>
      <c r="AI43875">
        <v>62</v>
      </c>
      <c r="AJ43875">
        <v>63</v>
      </c>
      <c r="AK43875">
        <v>64</v>
      </c>
      <c r="AL43875">
        <v>65</v>
      </c>
      <c r="AM43875">
        <v>66</v>
      </c>
      <c r="AN43875">
        <v>67</v>
      </c>
      <c r="AO43875">
        <v>68</v>
      </c>
      <c r="AP43875">
        <v>69</v>
      </c>
      <c r="AQ43875">
        <v>70</v>
      </c>
    </row>
    <row r="43876" spans="1:43">
      <c r="A43876" t="s">
        <v>26759</v>
      </c>
      <c r="B43876" t="s">
        <v>26760</v>
      </c>
      <c r="C43876" t="s">
        <v>9174</v>
      </c>
      <c r="D43876" t="s">
        <v>9175</v>
      </c>
      <c r="E43876" t="s">
        <v>8938</v>
      </c>
      <c r="F43876" t="s">
        <v>8939</v>
      </c>
      <c r="G43876" t="s">
        <v>80</v>
      </c>
      <c r="H43876" t="s">
        <v>81</v>
      </c>
      <c r="I43876" s="2">
        <v>0</v>
      </c>
      <c r="J43876" s="2">
        <v>1</v>
      </c>
      <c r="K43876" s="2">
        <v>0</v>
      </c>
      <c r="L43876" t="s">
        <v>82</v>
      </c>
      <c r="M43876" t="s">
        <v>89</v>
      </c>
      <c r="N43876" t="s">
        <v>90</v>
      </c>
      <c r="O43876" t="s">
        <v>85</v>
      </c>
      <c r="P43876" t="s">
        <v>86</v>
      </c>
      <c r="Q43876">
        <v>48</v>
      </c>
      <c r="R43876">
        <v>49</v>
      </c>
      <c r="S43876">
        <v>51</v>
      </c>
      <c r="T43876">
        <v>53</v>
      </c>
      <c r="U43876">
        <v>54</v>
      </c>
      <c r="V43876">
        <v>56</v>
      </c>
      <c r="W43876">
        <v>58</v>
      </c>
      <c r="X43876">
        <v>59</v>
      </c>
      <c r="Y43876">
        <v>61</v>
      </c>
      <c r="Z43876">
        <v>63</v>
      </c>
      <c r="AA43876">
        <v>64</v>
      </c>
      <c r="AB43876">
        <v>66</v>
      </c>
      <c r="AC43876">
        <v>68</v>
      </c>
      <c r="AD43876">
        <v>69</v>
      </c>
      <c r="AE43876">
        <v>71</v>
      </c>
      <c r="AF43876">
        <v>72</v>
      </c>
      <c r="AG43876">
        <v>72</v>
      </c>
      <c r="AH43876">
        <v>73</v>
      </c>
      <c r="AI43876">
        <v>74</v>
      </c>
      <c r="AJ43876">
        <v>75</v>
      </c>
      <c r="AK43876">
        <v>75</v>
      </c>
      <c r="AL43876">
        <v>76</v>
      </c>
      <c r="AM43876">
        <v>77</v>
      </c>
      <c r="AN43876">
        <v>78</v>
      </c>
      <c r="AO43876">
        <v>79</v>
      </c>
      <c r="AP43876">
        <v>79</v>
      </c>
      <c r="AQ43876">
        <v>80</v>
      </c>
    </row>
    <row r="43877" spans="1:43">
      <c r="A43877" t="s">
        <v>26759</v>
      </c>
      <c r="B43877" t="s">
        <v>26760</v>
      </c>
      <c r="C43877" t="s">
        <v>9174</v>
      </c>
      <c r="D43877" t="s">
        <v>9175</v>
      </c>
      <c r="E43877" t="s">
        <v>8938</v>
      </c>
      <c r="F43877" t="s">
        <v>8939</v>
      </c>
      <c r="G43877" t="s">
        <v>80</v>
      </c>
      <c r="H43877" t="s">
        <v>81</v>
      </c>
      <c r="I43877" s="2">
        <v>0</v>
      </c>
      <c r="J43877" s="2">
        <v>1</v>
      </c>
      <c r="K43877" s="2">
        <v>0</v>
      </c>
      <c r="L43877" t="s">
        <v>82</v>
      </c>
      <c r="M43877" t="s">
        <v>83</v>
      </c>
      <c r="N43877" t="s">
        <v>91</v>
      </c>
      <c r="O43877" t="s">
        <v>85</v>
      </c>
      <c r="P43877" t="s">
        <v>86</v>
      </c>
      <c r="Q43877">
        <v>48</v>
      </c>
      <c r="R43877">
        <v>49</v>
      </c>
      <c r="S43877">
        <v>51</v>
      </c>
      <c r="T43877">
        <v>52</v>
      </c>
      <c r="U43877">
        <v>53</v>
      </c>
      <c r="V43877">
        <v>55</v>
      </c>
      <c r="W43877">
        <v>56</v>
      </c>
      <c r="X43877">
        <v>57</v>
      </c>
      <c r="Y43877">
        <v>59</v>
      </c>
      <c r="Z43877">
        <v>60</v>
      </c>
      <c r="AA43877">
        <v>61</v>
      </c>
      <c r="AB43877">
        <v>63</v>
      </c>
      <c r="AC43877">
        <v>64</v>
      </c>
      <c r="AD43877">
        <v>65</v>
      </c>
      <c r="AE43877">
        <v>67</v>
      </c>
      <c r="AF43877">
        <v>68</v>
      </c>
      <c r="AG43877">
        <v>70</v>
      </c>
      <c r="AH43877">
        <v>71</v>
      </c>
      <c r="AI43877">
        <v>73</v>
      </c>
      <c r="AJ43877">
        <v>74</v>
      </c>
      <c r="AK43877">
        <v>76</v>
      </c>
      <c r="AL43877">
        <v>77</v>
      </c>
      <c r="AM43877">
        <v>77</v>
      </c>
      <c r="AN43877">
        <v>78</v>
      </c>
      <c r="AO43877">
        <v>79</v>
      </c>
      <c r="AP43877">
        <v>80</v>
      </c>
      <c r="AQ43877">
        <v>81</v>
      </c>
    </row>
    <row r="43878" spans="1:43">
      <c r="A43878" t="s">
        <v>26761</v>
      </c>
      <c r="B43878" t="s">
        <v>26762</v>
      </c>
      <c r="C43878" t="s">
        <v>9174</v>
      </c>
      <c r="D43878" t="s">
        <v>9175</v>
      </c>
      <c r="E43878" t="s">
        <v>8938</v>
      </c>
      <c r="F43878" t="s">
        <v>8939</v>
      </c>
      <c r="G43878" t="s">
        <v>80</v>
      </c>
      <c r="H43878" t="s">
        <v>81</v>
      </c>
      <c r="I43878" s="2">
        <v>0</v>
      </c>
      <c r="J43878" s="2">
        <v>1</v>
      </c>
      <c r="K43878" s="2">
        <v>0</v>
      </c>
      <c r="L43878" t="s">
        <v>82</v>
      </c>
      <c r="M43878" t="s">
        <v>83</v>
      </c>
      <c r="N43878" t="s">
        <v>84</v>
      </c>
      <c r="O43878" t="s">
        <v>85</v>
      </c>
      <c r="P43878" t="s">
        <v>86</v>
      </c>
      <c r="Q43878">
        <v>96</v>
      </c>
      <c r="R43878">
        <v>98</v>
      </c>
      <c r="S43878">
        <v>101</v>
      </c>
      <c r="T43878">
        <v>103</v>
      </c>
      <c r="U43878">
        <v>106</v>
      </c>
      <c r="V43878">
        <v>108</v>
      </c>
      <c r="W43878">
        <v>111</v>
      </c>
      <c r="X43878">
        <v>114</v>
      </c>
      <c r="Y43878">
        <v>116</v>
      </c>
      <c r="Z43878">
        <v>119</v>
      </c>
      <c r="AA43878">
        <v>122</v>
      </c>
      <c r="AB43878">
        <v>124</v>
      </c>
      <c r="AC43878">
        <v>127</v>
      </c>
      <c r="AD43878">
        <v>130</v>
      </c>
      <c r="AE43878">
        <v>133</v>
      </c>
      <c r="AF43878">
        <v>136</v>
      </c>
      <c r="AG43878">
        <v>138</v>
      </c>
      <c r="AH43878">
        <v>141</v>
      </c>
      <c r="AI43878">
        <v>144</v>
      </c>
      <c r="AJ43878">
        <v>147</v>
      </c>
      <c r="AK43878">
        <v>150</v>
      </c>
      <c r="AL43878">
        <v>152</v>
      </c>
      <c r="AM43878">
        <v>154</v>
      </c>
      <c r="AN43878">
        <v>155</v>
      </c>
      <c r="AO43878">
        <v>157</v>
      </c>
      <c r="AP43878">
        <v>158</v>
      </c>
      <c r="AQ43878">
        <v>160</v>
      </c>
    </row>
    <row r="43879" spans="1:43">
      <c r="A43879" t="s">
        <v>26761</v>
      </c>
      <c r="B43879" t="s">
        <v>26762</v>
      </c>
      <c r="C43879" t="s">
        <v>9174</v>
      </c>
      <c r="D43879" t="s">
        <v>9175</v>
      </c>
      <c r="E43879" t="s">
        <v>8938</v>
      </c>
      <c r="F43879" t="s">
        <v>8939</v>
      </c>
      <c r="G43879" t="s">
        <v>80</v>
      </c>
      <c r="H43879" t="s">
        <v>81</v>
      </c>
      <c r="I43879" s="2">
        <v>0</v>
      </c>
      <c r="J43879" s="2">
        <v>1</v>
      </c>
      <c r="K43879" s="2">
        <v>0</v>
      </c>
      <c r="L43879" t="s">
        <v>82</v>
      </c>
      <c r="M43879" t="s">
        <v>87</v>
      </c>
      <c r="N43879" t="s">
        <v>88</v>
      </c>
      <c r="O43879" t="s">
        <v>85</v>
      </c>
      <c r="P43879" t="s">
        <v>86</v>
      </c>
      <c r="Q43879">
        <v>96</v>
      </c>
      <c r="R43879">
        <v>97</v>
      </c>
      <c r="S43879">
        <v>99</v>
      </c>
      <c r="T43879">
        <v>101</v>
      </c>
      <c r="U43879">
        <v>102</v>
      </c>
      <c r="V43879">
        <v>104</v>
      </c>
      <c r="W43879">
        <v>105</v>
      </c>
      <c r="X43879">
        <v>107</v>
      </c>
      <c r="Y43879">
        <v>108</v>
      </c>
      <c r="Z43879">
        <v>110</v>
      </c>
      <c r="AA43879">
        <v>112</v>
      </c>
      <c r="AB43879">
        <v>113</v>
      </c>
      <c r="AC43879">
        <v>115</v>
      </c>
      <c r="AD43879">
        <v>117</v>
      </c>
      <c r="AE43879">
        <v>118</v>
      </c>
      <c r="AF43879">
        <v>120</v>
      </c>
      <c r="AG43879">
        <v>122</v>
      </c>
      <c r="AH43879">
        <v>123</v>
      </c>
      <c r="AI43879">
        <v>125</v>
      </c>
      <c r="AJ43879">
        <v>127</v>
      </c>
      <c r="AK43879">
        <v>129</v>
      </c>
      <c r="AL43879">
        <v>130</v>
      </c>
      <c r="AM43879">
        <v>132</v>
      </c>
      <c r="AN43879">
        <v>134</v>
      </c>
      <c r="AO43879">
        <v>136</v>
      </c>
      <c r="AP43879">
        <v>138</v>
      </c>
      <c r="AQ43879">
        <v>139</v>
      </c>
    </row>
    <row r="43880" spans="1:43">
      <c r="A43880" t="s">
        <v>26761</v>
      </c>
      <c r="B43880" t="s">
        <v>26762</v>
      </c>
      <c r="C43880" t="s">
        <v>9174</v>
      </c>
      <c r="D43880" t="s">
        <v>9175</v>
      </c>
      <c r="E43880" t="s">
        <v>8938</v>
      </c>
      <c r="F43880" t="s">
        <v>8939</v>
      </c>
      <c r="G43880" t="s">
        <v>80</v>
      </c>
      <c r="H43880" t="s">
        <v>81</v>
      </c>
      <c r="I43880" s="2">
        <v>0</v>
      </c>
      <c r="J43880" s="2">
        <v>1</v>
      </c>
      <c r="K43880" s="2">
        <v>0</v>
      </c>
      <c r="L43880" t="s">
        <v>82</v>
      </c>
      <c r="M43880" t="s">
        <v>89</v>
      </c>
      <c r="N43880" t="s">
        <v>90</v>
      </c>
      <c r="O43880" t="s">
        <v>85</v>
      </c>
      <c r="P43880" t="s">
        <v>86</v>
      </c>
      <c r="Q43880">
        <v>96</v>
      </c>
      <c r="R43880">
        <v>99</v>
      </c>
      <c r="S43880">
        <v>102</v>
      </c>
      <c r="T43880">
        <v>106</v>
      </c>
      <c r="U43880">
        <v>109</v>
      </c>
      <c r="V43880">
        <v>112</v>
      </c>
      <c r="W43880">
        <v>116</v>
      </c>
      <c r="X43880">
        <v>119</v>
      </c>
      <c r="Y43880">
        <v>122</v>
      </c>
      <c r="Z43880">
        <v>126</v>
      </c>
      <c r="AA43880">
        <v>129</v>
      </c>
      <c r="AB43880">
        <v>132</v>
      </c>
      <c r="AC43880">
        <v>136</v>
      </c>
      <c r="AD43880">
        <v>139</v>
      </c>
      <c r="AE43880">
        <v>142</v>
      </c>
      <c r="AF43880">
        <v>143</v>
      </c>
      <c r="AG43880">
        <v>145</v>
      </c>
      <c r="AH43880">
        <v>146</v>
      </c>
      <c r="AI43880">
        <v>148</v>
      </c>
      <c r="AJ43880">
        <v>149</v>
      </c>
      <c r="AK43880">
        <v>151</v>
      </c>
      <c r="AL43880">
        <v>152</v>
      </c>
      <c r="AM43880">
        <v>154</v>
      </c>
      <c r="AN43880">
        <v>155</v>
      </c>
      <c r="AO43880">
        <v>157</v>
      </c>
      <c r="AP43880">
        <v>159</v>
      </c>
      <c r="AQ43880">
        <v>160</v>
      </c>
    </row>
    <row r="43881" spans="1:43">
      <c r="A43881" t="s">
        <v>26761</v>
      </c>
      <c r="B43881" t="s">
        <v>26762</v>
      </c>
      <c r="C43881" t="s">
        <v>9174</v>
      </c>
      <c r="D43881" t="s">
        <v>9175</v>
      </c>
      <c r="E43881" t="s">
        <v>8938</v>
      </c>
      <c r="F43881" t="s">
        <v>8939</v>
      </c>
      <c r="G43881" t="s">
        <v>80</v>
      </c>
      <c r="H43881" t="s">
        <v>81</v>
      </c>
      <c r="I43881" s="2">
        <v>0</v>
      </c>
      <c r="J43881" s="2">
        <v>1</v>
      </c>
      <c r="K43881" s="2">
        <v>0</v>
      </c>
      <c r="L43881" t="s">
        <v>82</v>
      </c>
      <c r="M43881" t="s">
        <v>83</v>
      </c>
      <c r="N43881" t="s">
        <v>91</v>
      </c>
      <c r="O43881" t="s">
        <v>85</v>
      </c>
      <c r="P43881" t="s">
        <v>86</v>
      </c>
      <c r="Q43881">
        <v>96</v>
      </c>
      <c r="R43881">
        <v>98</v>
      </c>
      <c r="S43881">
        <v>101</v>
      </c>
      <c r="T43881">
        <v>103</v>
      </c>
      <c r="U43881">
        <v>106</v>
      </c>
      <c r="V43881">
        <v>108</v>
      </c>
      <c r="W43881">
        <v>111</v>
      </c>
      <c r="X43881">
        <v>114</v>
      </c>
      <c r="Y43881">
        <v>116</v>
      </c>
      <c r="Z43881">
        <v>119</v>
      </c>
      <c r="AA43881">
        <v>122</v>
      </c>
      <c r="AB43881">
        <v>124</v>
      </c>
      <c r="AC43881">
        <v>127</v>
      </c>
      <c r="AD43881">
        <v>130</v>
      </c>
      <c r="AE43881">
        <v>133</v>
      </c>
      <c r="AF43881">
        <v>136</v>
      </c>
      <c r="AG43881">
        <v>138</v>
      </c>
      <c r="AH43881">
        <v>141</v>
      </c>
      <c r="AI43881">
        <v>144</v>
      </c>
      <c r="AJ43881">
        <v>147</v>
      </c>
      <c r="AK43881">
        <v>150</v>
      </c>
      <c r="AL43881">
        <v>152</v>
      </c>
      <c r="AM43881">
        <v>154</v>
      </c>
      <c r="AN43881">
        <v>155</v>
      </c>
      <c r="AO43881">
        <v>157</v>
      </c>
      <c r="AP43881">
        <v>158</v>
      </c>
      <c r="AQ43881">
        <v>160</v>
      </c>
    </row>
    <row r="43882" spans="1:43">
      <c r="A43882" t="s">
        <v>26763</v>
      </c>
      <c r="B43882" t="s">
        <v>26764</v>
      </c>
      <c r="C43882" t="s">
        <v>9072</v>
      </c>
      <c r="D43882" t="s">
        <v>9073</v>
      </c>
      <c r="E43882" t="s">
        <v>8938</v>
      </c>
      <c r="F43882" t="s">
        <v>8939</v>
      </c>
      <c r="G43882" t="s">
        <v>80</v>
      </c>
      <c r="H43882" t="s">
        <v>81</v>
      </c>
      <c r="I43882" s="2">
        <v>0</v>
      </c>
      <c r="J43882" s="2">
        <v>1</v>
      </c>
      <c r="K43882" s="2">
        <v>0</v>
      </c>
      <c r="L43882" t="s">
        <v>82</v>
      </c>
      <c r="M43882" t="s">
        <v>83</v>
      </c>
      <c r="N43882" t="s">
        <v>84</v>
      </c>
      <c r="O43882" t="s">
        <v>85</v>
      </c>
      <c r="P43882" t="s">
        <v>86</v>
      </c>
      <c r="Q43882">
        <v>83</v>
      </c>
      <c r="R43882">
        <v>85</v>
      </c>
      <c r="S43882">
        <v>87</v>
      </c>
      <c r="T43882">
        <v>89</v>
      </c>
      <c r="U43882">
        <v>92</v>
      </c>
      <c r="V43882">
        <v>94</v>
      </c>
      <c r="W43882">
        <v>96</v>
      </c>
      <c r="X43882">
        <v>98</v>
      </c>
      <c r="Y43882">
        <v>101</v>
      </c>
      <c r="Z43882">
        <v>103</v>
      </c>
      <c r="AA43882">
        <v>106</v>
      </c>
      <c r="AB43882">
        <v>108</v>
      </c>
      <c r="AC43882">
        <v>110</v>
      </c>
      <c r="AD43882">
        <v>113</v>
      </c>
      <c r="AE43882">
        <v>115</v>
      </c>
      <c r="AF43882">
        <v>117</v>
      </c>
      <c r="AG43882">
        <v>120</v>
      </c>
      <c r="AH43882">
        <v>122</v>
      </c>
      <c r="AI43882">
        <v>125</v>
      </c>
      <c r="AJ43882">
        <v>127</v>
      </c>
      <c r="AK43882">
        <v>130</v>
      </c>
      <c r="AL43882">
        <v>132</v>
      </c>
      <c r="AM43882">
        <v>133</v>
      </c>
      <c r="AN43882">
        <v>134</v>
      </c>
      <c r="AO43882">
        <v>136</v>
      </c>
      <c r="AP43882">
        <v>137</v>
      </c>
      <c r="AQ43882">
        <v>138</v>
      </c>
    </row>
    <row r="43883" spans="1:43">
      <c r="A43883" t="s">
        <v>26763</v>
      </c>
      <c r="B43883" t="s">
        <v>26764</v>
      </c>
      <c r="C43883" t="s">
        <v>9072</v>
      </c>
      <c r="D43883" t="s">
        <v>9073</v>
      </c>
      <c r="E43883" t="s">
        <v>8938</v>
      </c>
      <c r="F43883" t="s">
        <v>8939</v>
      </c>
      <c r="G43883" t="s">
        <v>80</v>
      </c>
      <c r="H43883" t="s">
        <v>81</v>
      </c>
      <c r="I43883" s="2">
        <v>0</v>
      </c>
      <c r="J43883" s="2">
        <v>1</v>
      </c>
      <c r="K43883" s="2">
        <v>0</v>
      </c>
      <c r="L43883" t="s">
        <v>82</v>
      </c>
      <c r="M43883" t="s">
        <v>87</v>
      </c>
      <c r="N43883" t="s">
        <v>88</v>
      </c>
      <c r="O43883" t="s">
        <v>85</v>
      </c>
      <c r="P43883" t="s">
        <v>86</v>
      </c>
      <c r="Q43883">
        <v>83</v>
      </c>
      <c r="R43883">
        <v>85</v>
      </c>
      <c r="S43883">
        <v>86</v>
      </c>
      <c r="T43883">
        <v>87</v>
      </c>
      <c r="U43883">
        <v>89</v>
      </c>
      <c r="V43883">
        <v>90</v>
      </c>
      <c r="W43883">
        <v>91</v>
      </c>
      <c r="X43883">
        <v>93</v>
      </c>
      <c r="Y43883">
        <v>94</v>
      </c>
      <c r="Z43883">
        <v>96</v>
      </c>
      <c r="AA43883">
        <v>97</v>
      </c>
      <c r="AB43883">
        <v>99</v>
      </c>
      <c r="AC43883">
        <v>100</v>
      </c>
      <c r="AD43883">
        <v>101</v>
      </c>
      <c r="AE43883">
        <v>103</v>
      </c>
      <c r="AF43883">
        <v>104</v>
      </c>
      <c r="AG43883">
        <v>106</v>
      </c>
      <c r="AH43883">
        <v>107</v>
      </c>
      <c r="AI43883">
        <v>109</v>
      </c>
      <c r="AJ43883">
        <v>111</v>
      </c>
      <c r="AK43883">
        <v>112</v>
      </c>
      <c r="AL43883">
        <v>114</v>
      </c>
      <c r="AM43883">
        <v>115</v>
      </c>
      <c r="AN43883">
        <v>117</v>
      </c>
      <c r="AO43883">
        <v>118</v>
      </c>
      <c r="AP43883">
        <v>120</v>
      </c>
      <c r="AQ43883">
        <v>122</v>
      </c>
    </row>
    <row r="43884" spans="1:43">
      <c r="A43884" t="s">
        <v>26763</v>
      </c>
      <c r="B43884" t="s">
        <v>26764</v>
      </c>
      <c r="C43884" t="s">
        <v>9072</v>
      </c>
      <c r="D43884" t="s">
        <v>9073</v>
      </c>
      <c r="E43884" t="s">
        <v>8938</v>
      </c>
      <c r="F43884" t="s">
        <v>8939</v>
      </c>
      <c r="G43884" t="s">
        <v>80</v>
      </c>
      <c r="H43884" t="s">
        <v>81</v>
      </c>
      <c r="I43884" s="2">
        <v>0</v>
      </c>
      <c r="J43884" s="2">
        <v>1</v>
      </c>
      <c r="K43884" s="2">
        <v>0</v>
      </c>
      <c r="L43884" t="s">
        <v>82</v>
      </c>
      <c r="M43884" t="s">
        <v>89</v>
      </c>
      <c r="N43884" t="s">
        <v>90</v>
      </c>
      <c r="O43884" t="s">
        <v>85</v>
      </c>
      <c r="P43884" t="s">
        <v>86</v>
      </c>
      <c r="Q43884">
        <v>83</v>
      </c>
      <c r="R43884">
        <v>86</v>
      </c>
      <c r="S43884">
        <v>89</v>
      </c>
      <c r="T43884">
        <v>91</v>
      </c>
      <c r="U43884">
        <v>94</v>
      </c>
      <c r="V43884">
        <v>97</v>
      </c>
      <c r="W43884">
        <v>100</v>
      </c>
      <c r="X43884">
        <v>103</v>
      </c>
      <c r="Y43884">
        <v>106</v>
      </c>
      <c r="Z43884">
        <v>108</v>
      </c>
      <c r="AA43884">
        <v>111</v>
      </c>
      <c r="AB43884">
        <v>114</v>
      </c>
      <c r="AC43884">
        <v>117</v>
      </c>
      <c r="AD43884">
        <v>120</v>
      </c>
      <c r="AE43884">
        <v>122</v>
      </c>
      <c r="AF43884">
        <v>123</v>
      </c>
      <c r="AG43884">
        <v>125</v>
      </c>
      <c r="AH43884">
        <v>126</v>
      </c>
      <c r="AI43884">
        <v>127</v>
      </c>
      <c r="AJ43884">
        <v>129</v>
      </c>
      <c r="AK43884">
        <v>130</v>
      </c>
      <c r="AL43884">
        <v>132</v>
      </c>
      <c r="AM43884">
        <v>133</v>
      </c>
      <c r="AN43884">
        <v>134</v>
      </c>
      <c r="AO43884">
        <v>136</v>
      </c>
      <c r="AP43884">
        <v>137</v>
      </c>
      <c r="AQ43884">
        <v>138</v>
      </c>
    </row>
    <row r="43885" spans="1:43">
      <c r="A43885" t="s">
        <v>26763</v>
      </c>
      <c r="B43885" t="s">
        <v>26764</v>
      </c>
      <c r="C43885" t="s">
        <v>9072</v>
      </c>
      <c r="D43885" t="s">
        <v>9073</v>
      </c>
      <c r="E43885" t="s">
        <v>8938</v>
      </c>
      <c r="F43885" t="s">
        <v>8939</v>
      </c>
      <c r="G43885" t="s">
        <v>80</v>
      </c>
      <c r="H43885" t="s">
        <v>81</v>
      </c>
      <c r="I43885" s="2">
        <v>0</v>
      </c>
      <c r="J43885" s="2">
        <v>1</v>
      </c>
      <c r="K43885" s="2">
        <v>0</v>
      </c>
      <c r="L43885" t="s">
        <v>82</v>
      </c>
      <c r="M43885" t="s">
        <v>83</v>
      </c>
      <c r="N43885" t="s">
        <v>91</v>
      </c>
      <c r="O43885" t="s">
        <v>85</v>
      </c>
      <c r="P43885" t="s">
        <v>86</v>
      </c>
      <c r="Q43885">
        <v>83</v>
      </c>
      <c r="R43885">
        <v>85</v>
      </c>
      <c r="S43885">
        <v>87</v>
      </c>
      <c r="T43885">
        <v>89</v>
      </c>
      <c r="U43885">
        <v>92</v>
      </c>
      <c r="V43885">
        <v>94</v>
      </c>
      <c r="W43885">
        <v>96</v>
      </c>
      <c r="X43885">
        <v>98</v>
      </c>
      <c r="Y43885">
        <v>101</v>
      </c>
      <c r="Z43885">
        <v>103</v>
      </c>
      <c r="AA43885">
        <v>106</v>
      </c>
      <c r="AB43885">
        <v>108</v>
      </c>
      <c r="AC43885">
        <v>110</v>
      </c>
      <c r="AD43885">
        <v>113</v>
      </c>
      <c r="AE43885">
        <v>115</v>
      </c>
      <c r="AF43885">
        <v>117</v>
      </c>
      <c r="AG43885">
        <v>120</v>
      </c>
      <c r="AH43885">
        <v>122</v>
      </c>
      <c r="AI43885">
        <v>125</v>
      </c>
      <c r="AJ43885">
        <v>127</v>
      </c>
      <c r="AK43885">
        <v>130</v>
      </c>
      <c r="AL43885">
        <v>132</v>
      </c>
      <c r="AM43885">
        <v>133</v>
      </c>
      <c r="AN43885">
        <v>134</v>
      </c>
      <c r="AO43885">
        <v>136</v>
      </c>
      <c r="AP43885">
        <v>137</v>
      </c>
      <c r="AQ43885">
        <v>138</v>
      </c>
    </row>
    <row r="43886" spans="1:43">
      <c r="A43886" t="s">
        <v>26765</v>
      </c>
      <c r="B43886" t="s">
        <v>26766</v>
      </c>
      <c r="C43886" t="s">
        <v>9028</v>
      </c>
      <c r="D43886" t="s">
        <v>9029</v>
      </c>
      <c r="E43886" t="s">
        <v>8938</v>
      </c>
      <c r="F43886" t="s">
        <v>8939</v>
      </c>
      <c r="G43886" t="s">
        <v>80</v>
      </c>
      <c r="H43886" t="s">
        <v>81</v>
      </c>
      <c r="I43886" s="2">
        <v>0</v>
      </c>
      <c r="J43886" s="2">
        <v>1</v>
      </c>
      <c r="K43886" s="2">
        <v>0</v>
      </c>
      <c r="L43886" t="s">
        <v>82</v>
      </c>
      <c r="M43886" t="s">
        <v>83</v>
      </c>
      <c r="N43886" t="s">
        <v>84</v>
      </c>
      <c r="O43886" t="s">
        <v>85</v>
      </c>
      <c r="P43886" t="s">
        <v>86</v>
      </c>
      <c r="Q43886">
        <v>11</v>
      </c>
      <c r="R43886">
        <v>12</v>
      </c>
      <c r="S43886">
        <v>12</v>
      </c>
      <c r="T43886">
        <v>12</v>
      </c>
      <c r="U43886">
        <v>13</v>
      </c>
      <c r="V43886">
        <v>13</v>
      </c>
      <c r="W43886">
        <v>13</v>
      </c>
      <c r="X43886">
        <v>14</v>
      </c>
      <c r="Y43886">
        <v>14</v>
      </c>
      <c r="Z43886">
        <v>14</v>
      </c>
      <c r="AA43886">
        <v>15</v>
      </c>
      <c r="AB43886">
        <v>15</v>
      </c>
      <c r="AC43886">
        <v>15</v>
      </c>
      <c r="AD43886">
        <v>15</v>
      </c>
      <c r="AE43886">
        <v>16</v>
      </c>
      <c r="AF43886">
        <v>16</v>
      </c>
      <c r="AG43886">
        <v>16</v>
      </c>
      <c r="AH43886">
        <v>17</v>
      </c>
      <c r="AI43886">
        <v>17</v>
      </c>
      <c r="AJ43886">
        <v>18</v>
      </c>
      <c r="AK43886">
        <v>18</v>
      </c>
      <c r="AL43886">
        <v>18</v>
      </c>
      <c r="AM43886">
        <v>18</v>
      </c>
      <c r="AN43886">
        <v>18</v>
      </c>
      <c r="AO43886">
        <v>19</v>
      </c>
      <c r="AP43886">
        <v>19</v>
      </c>
      <c r="AQ43886">
        <v>19</v>
      </c>
    </row>
    <row r="43887" spans="1:43">
      <c r="A43887" t="s">
        <v>26765</v>
      </c>
      <c r="B43887" t="s">
        <v>26766</v>
      </c>
      <c r="C43887" t="s">
        <v>9028</v>
      </c>
      <c r="D43887" t="s">
        <v>9029</v>
      </c>
      <c r="E43887" t="s">
        <v>8938</v>
      </c>
      <c r="F43887" t="s">
        <v>8939</v>
      </c>
      <c r="G43887" t="s">
        <v>80</v>
      </c>
      <c r="H43887" t="s">
        <v>81</v>
      </c>
      <c r="I43887" s="2">
        <v>0</v>
      </c>
      <c r="J43887" s="2">
        <v>1</v>
      </c>
      <c r="K43887" s="2">
        <v>0</v>
      </c>
      <c r="L43887" t="s">
        <v>82</v>
      </c>
      <c r="M43887" t="s">
        <v>87</v>
      </c>
      <c r="N43887" t="s">
        <v>88</v>
      </c>
      <c r="O43887" t="s">
        <v>85</v>
      </c>
      <c r="P43887" t="s">
        <v>86</v>
      </c>
      <c r="Q43887">
        <v>11</v>
      </c>
      <c r="R43887">
        <v>11</v>
      </c>
      <c r="S43887">
        <v>12</v>
      </c>
      <c r="T43887">
        <v>12</v>
      </c>
      <c r="U43887">
        <v>12</v>
      </c>
      <c r="V43887">
        <v>12</v>
      </c>
      <c r="W43887">
        <v>12</v>
      </c>
      <c r="X43887">
        <v>13</v>
      </c>
      <c r="Y43887">
        <v>13</v>
      </c>
      <c r="Z43887">
        <v>13</v>
      </c>
      <c r="AA43887">
        <v>13</v>
      </c>
      <c r="AB43887">
        <v>13</v>
      </c>
      <c r="AC43887">
        <v>14</v>
      </c>
      <c r="AD43887">
        <v>14</v>
      </c>
      <c r="AE43887">
        <v>14</v>
      </c>
      <c r="AF43887">
        <v>14</v>
      </c>
      <c r="AG43887">
        <v>14</v>
      </c>
      <c r="AH43887">
        <v>15</v>
      </c>
      <c r="AI43887">
        <v>15</v>
      </c>
      <c r="AJ43887">
        <v>15</v>
      </c>
      <c r="AK43887">
        <v>15</v>
      </c>
      <c r="AL43887">
        <v>15</v>
      </c>
      <c r="AM43887">
        <v>16</v>
      </c>
      <c r="AN43887">
        <v>16</v>
      </c>
      <c r="AO43887">
        <v>16</v>
      </c>
      <c r="AP43887">
        <v>16</v>
      </c>
      <c r="AQ43887">
        <v>17</v>
      </c>
    </row>
    <row r="43888" spans="1:43">
      <c r="A43888" t="s">
        <v>26765</v>
      </c>
      <c r="B43888" t="s">
        <v>26766</v>
      </c>
      <c r="C43888" t="s">
        <v>9028</v>
      </c>
      <c r="D43888" t="s">
        <v>9029</v>
      </c>
      <c r="E43888" t="s">
        <v>8938</v>
      </c>
      <c r="F43888" t="s">
        <v>8939</v>
      </c>
      <c r="G43888" t="s">
        <v>80</v>
      </c>
      <c r="H43888" t="s">
        <v>81</v>
      </c>
      <c r="I43888" s="2">
        <v>0</v>
      </c>
      <c r="J43888" s="2">
        <v>1</v>
      </c>
      <c r="K43888" s="2">
        <v>0</v>
      </c>
      <c r="L43888" t="s">
        <v>82</v>
      </c>
      <c r="M43888" t="s">
        <v>89</v>
      </c>
      <c r="N43888" t="s">
        <v>90</v>
      </c>
      <c r="O43888" t="s">
        <v>85</v>
      </c>
      <c r="P43888" t="s">
        <v>86</v>
      </c>
      <c r="Q43888">
        <v>11</v>
      </c>
      <c r="R43888">
        <v>11</v>
      </c>
      <c r="S43888">
        <v>11</v>
      </c>
      <c r="T43888">
        <v>12</v>
      </c>
      <c r="U43888">
        <v>12</v>
      </c>
      <c r="V43888">
        <v>13</v>
      </c>
      <c r="W43888">
        <v>13</v>
      </c>
      <c r="X43888">
        <v>13</v>
      </c>
      <c r="Y43888">
        <v>14</v>
      </c>
      <c r="Z43888">
        <v>14</v>
      </c>
      <c r="AA43888">
        <v>14</v>
      </c>
      <c r="AB43888">
        <v>15</v>
      </c>
      <c r="AC43888">
        <v>15</v>
      </c>
      <c r="AD43888">
        <v>16</v>
      </c>
      <c r="AE43888">
        <v>16</v>
      </c>
      <c r="AF43888">
        <v>16</v>
      </c>
      <c r="AG43888">
        <v>16</v>
      </c>
      <c r="AH43888">
        <v>17</v>
      </c>
      <c r="AI43888">
        <v>17</v>
      </c>
      <c r="AJ43888">
        <v>17</v>
      </c>
      <c r="AK43888">
        <v>17</v>
      </c>
      <c r="AL43888">
        <v>17</v>
      </c>
      <c r="AM43888">
        <v>17</v>
      </c>
      <c r="AN43888">
        <v>18</v>
      </c>
      <c r="AO43888">
        <v>18</v>
      </c>
      <c r="AP43888">
        <v>18</v>
      </c>
      <c r="AQ43888">
        <v>18</v>
      </c>
    </row>
    <row r="43889" spans="1:43">
      <c r="A43889" t="s">
        <v>26765</v>
      </c>
      <c r="B43889" t="s">
        <v>26766</v>
      </c>
      <c r="C43889" t="s">
        <v>9028</v>
      </c>
      <c r="D43889" t="s">
        <v>9029</v>
      </c>
      <c r="E43889" t="s">
        <v>8938</v>
      </c>
      <c r="F43889" t="s">
        <v>8939</v>
      </c>
      <c r="G43889" t="s">
        <v>80</v>
      </c>
      <c r="H43889" t="s">
        <v>81</v>
      </c>
      <c r="I43889" s="2">
        <v>0</v>
      </c>
      <c r="J43889" s="2">
        <v>1</v>
      </c>
      <c r="K43889" s="2">
        <v>0</v>
      </c>
      <c r="L43889" t="s">
        <v>82</v>
      </c>
      <c r="M43889" t="s">
        <v>83</v>
      </c>
      <c r="N43889" t="s">
        <v>91</v>
      </c>
      <c r="O43889" t="s">
        <v>85</v>
      </c>
      <c r="P43889" t="s">
        <v>86</v>
      </c>
      <c r="Q43889">
        <v>11</v>
      </c>
      <c r="R43889">
        <v>12</v>
      </c>
      <c r="S43889">
        <v>12</v>
      </c>
      <c r="T43889">
        <v>12</v>
      </c>
      <c r="U43889">
        <v>13</v>
      </c>
      <c r="V43889">
        <v>13</v>
      </c>
      <c r="W43889">
        <v>13</v>
      </c>
      <c r="X43889">
        <v>14</v>
      </c>
      <c r="Y43889">
        <v>14</v>
      </c>
      <c r="Z43889">
        <v>14</v>
      </c>
      <c r="AA43889">
        <v>15</v>
      </c>
      <c r="AB43889">
        <v>15</v>
      </c>
      <c r="AC43889">
        <v>15</v>
      </c>
      <c r="AD43889">
        <v>15</v>
      </c>
      <c r="AE43889">
        <v>16</v>
      </c>
      <c r="AF43889">
        <v>16</v>
      </c>
      <c r="AG43889">
        <v>16</v>
      </c>
      <c r="AH43889">
        <v>17</v>
      </c>
      <c r="AI43889">
        <v>17</v>
      </c>
      <c r="AJ43889">
        <v>18</v>
      </c>
      <c r="AK43889">
        <v>18</v>
      </c>
      <c r="AL43889">
        <v>18</v>
      </c>
      <c r="AM43889">
        <v>18</v>
      </c>
      <c r="AN43889">
        <v>18</v>
      </c>
      <c r="AO43889">
        <v>19</v>
      </c>
      <c r="AP43889">
        <v>19</v>
      </c>
      <c r="AQ43889">
        <v>19</v>
      </c>
    </row>
    <row r="43890" spans="1:43">
      <c r="A43890" t="s">
        <v>26767</v>
      </c>
      <c r="B43890" t="s">
        <v>26768</v>
      </c>
      <c r="C43890" t="s">
        <v>9028</v>
      </c>
      <c r="D43890" t="s">
        <v>9029</v>
      </c>
      <c r="E43890" t="s">
        <v>8938</v>
      </c>
      <c r="F43890" t="s">
        <v>8939</v>
      </c>
      <c r="G43890" t="s">
        <v>80</v>
      </c>
      <c r="H43890" t="s">
        <v>81</v>
      </c>
      <c r="I43890" s="2">
        <v>0</v>
      </c>
      <c r="J43890" s="2">
        <v>1</v>
      </c>
      <c r="K43890" s="2">
        <v>0</v>
      </c>
      <c r="L43890" t="s">
        <v>82</v>
      </c>
      <c r="M43890" t="s">
        <v>83</v>
      </c>
      <c r="N43890" t="s">
        <v>84</v>
      </c>
      <c r="O43890" t="s">
        <v>85</v>
      </c>
      <c r="P43890" t="s">
        <v>86</v>
      </c>
      <c r="Q43890">
        <v>65</v>
      </c>
      <c r="R43890">
        <v>67</v>
      </c>
      <c r="S43890">
        <v>68</v>
      </c>
      <c r="T43890">
        <v>70</v>
      </c>
      <c r="U43890">
        <v>72</v>
      </c>
      <c r="V43890">
        <v>73</v>
      </c>
      <c r="W43890">
        <v>75</v>
      </c>
      <c r="X43890">
        <v>77</v>
      </c>
      <c r="Y43890">
        <v>79</v>
      </c>
      <c r="Z43890">
        <v>81</v>
      </c>
      <c r="AA43890">
        <v>82</v>
      </c>
      <c r="AB43890">
        <v>84</v>
      </c>
      <c r="AC43890">
        <v>86</v>
      </c>
      <c r="AD43890">
        <v>88</v>
      </c>
      <c r="AE43890">
        <v>90</v>
      </c>
      <c r="AF43890">
        <v>92</v>
      </c>
      <c r="AG43890">
        <v>94</v>
      </c>
      <c r="AH43890">
        <v>96</v>
      </c>
      <c r="AI43890">
        <v>98</v>
      </c>
      <c r="AJ43890">
        <v>100</v>
      </c>
      <c r="AK43890">
        <v>102</v>
      </c>
      <c r="AL43890">
        <v>103</v>
      </c>
      <c r="AM43890">
        <v>104</v>
      </c>
      <c r="AN43890">
        <v>105</v>
      </c>
      <c r="AO43890">
        <v>106</v>
      </c>
      <c r="AP43890">
        <v>107</v>
      </c>
      <c r="AQ43890">
        <v>108</v>
      </c>
    </row>
    <row r="43891" spans="1:43">
      <c r="A43891" t="s">
        <v>26767</v>
      </c>
      <c r="B43891" t="s">
        <v>26768</v>
      </c>
      <c r="C43891" t="s">
        <v>9028</v>
      </c>
      <c r="D43891" t="s">
        <v>9029</v>
      </c>
      <c r="E43891" t="s">
        <v>8938</v>
      </c>
      <c r="F43891" t="s">
        <v>8939</v>
      </c>
      <c r="G43891" t="s">
        <v>80</v>
      </c>
      <c r="H43891" t="s">
        <v>81</v>
      </c>
      <c r="I43891" s="2">
        <v>0</v>
      </c>
      <c r="J43891" s="2">
        <v>1</v>
      </c>
      <c r="K43891" s="2">
        <v>0</v>
      </c>
      <c r="L43891" t="s">
        <v>82</v>
      </c>
      <c r="M43891" t="s">
        <v>87</v>
      </c>
      <c r="N43891" t="s">
        <v>88</v>
      </c>
      <c r="O43891" t="s">
        <v>85</v>
      </c>
      <c r="P43891" t="s">
        <v>86</v>
      </c>
      <c r="Q43891">
        <v>65</v>
      </c>
      <c r="R43891">
        <v>66</v>
      </c>
      <c r="S43891">
        <v>67</v>
      </c>
      <c r="T43891">
        <v>69</v>
      </c>
      <c r="U43891">
        <v>70</v>
      </c>
      <c r="V43891">
        <v>71</v>
      </c>
      <c r="W43891">
        <v>72</v>
      </c>
      <c r="X43891">
        <v>73</v>
      </c>
      <c r="Y43891">
        <v>74</v>
      </c>
      <c r="Z43891">
        <v>75</v>
      </c>
      <c r="AA43891">
        <v>76</v>
      </c>
      <c r="AB43891">
        <v>77</v>
      </c>
      <c r="AC43891">
        <v>78</v>
      </c>
      <c r="AD43891">
        <v>79</v>
      </c>
      <c r="AE43891">
        <v>81</v>
      </c>
      <c r="AF43891">
        <v>82</v>
      </c>
      <c r="AG43891">
        <v>83</v>
      </c>
      <c r="AH43891">
        <v>84</v>
      </c>
      <c r="AI43891">
        <v>85</v>
      </c>
      <c r="AJ43891">
        <v>86</v>
      </c>
      <c r="AK43891">
        <v>88</v>
      </c>
      <c r="AL43891">
        <v>89</v>
      </c>
      <c r="AM43891">
        <v>90</v>
      </c>
      <c r="AN43891">
        <v>91</v>
      </c>
      <c r="AO43891">
        <v>92</v>
      </c>
      <c r="AP43891">
        <v>94</v>
      </c>
      <c r="AQ43891">
        <v>95</v>
      </c>
    </row>
    <row r="43892" spans="1:43">
      <c r="A43892" t="s">
        <v>26767</v>
      </c>
      <c r="B43892" t="s">
        <v>26768</v>
      </c>
      <c r="C43892" t="s">
        <v>9028</v>
      </c>
      <c r="D43892" t="s">
        <v>9029</v>
      </c>
      <c r="E43892" t="s">
        <v>8938</v>
      </c>
      <c r="F43892" t="s">
        <v>8939</v>
      </c>
      <c r="G43892" t="s">
        <v>80</v>
      </c>
      <c r="H43892" t="s">
        <v>81</v>
      </c>
      <c r="I43892" s="2">
        <v>0</v>
      </c>
      <c r="J43892" s="2">
        <v>1</v>
      </c>
      <c r="K43892" s="2">
        <v>0</v>
      </c>
      <c r="L43892" t="s">
        <v>82</v>
      </c>
      <c r="M43892" t="s">
        <v>89</v>
      </c>
      <c r="N43892" t="s">
        <v>90</v>
      </c>
      <c r="O43892" t="s">
        <v>85</v>
      </c>
      <c r="P43892" t="s">
        <v>86</v>
      </c>
      <c r="Q43892">
        <v>65</v>
      </c>
      <c r="R43892">
        <v>67</v>
      </c>
      <c r="S43892">
        <v>69</v>
      </c>
      <c r="T43892">
        <v>71</v>
      </c>
      <c r="U43892">
        <v>74</v>
      </c>
      <c r="V43892">
        <v>76</v>
      </c>
      <c r="W43892">
        <v>78</v>
      </c>
      <c r="X43892">
        <v>80</v>
      </c>
      <c r="Y43892">
        <v>83</v>
      </c>
      <c r="Z43892">
        <v>85</v>
      </c>
      <c r="AA43892">
        <v>87</v>
      </c>
      <c r="AB43892">
        <v>89</v>
      </c>
      <c r="AC43892">
        <v>91</v>
      </c>
      <c r="AD43892">
        <v>94</v>
      </c>
      <c r="AE43892">
        <v>96</v>
      </c>
      <c r="AF43892">
        <v>97</v>
      </c>
      <c r="AG43892">
        <v>98</v>
      </c>
      <c r="AH43892">
        <v>99</v>
      </c>
      <c r="AI43892">
        <v>100</v>
      </c>
      <c r="AJ43892">
        <v>101</v>
      </c>
      <c r="AK43892">
        <v>102</v>
      </c>
      <c r="AL43892">
        <v>103</v>
      </c>
      <c r="AM43892">
        <v>104</v>
      </c>
      <c r="AN43892">
        <v>105</v>
      </c>
      <c r="AO43892">
        <v>106</v>
      </c>
      <c r="AP43892">
        <v>107</v>
      </c>
      <c r="AQ43892">
        <v>108</v>
      </c>
    </row>
    <row r="43893" spans="1:43">
      <c r="A43893" t="s">
        <v>26767</v>
      </c>
      <c r="B43893" t="s">
        <v>26768</v>
      </c>
      <c r="C43893" t="s">
        <v>9028</v>
      </c>
      <c r="D43893" t="s">
        <v>9029</v>
      </c>
      <c r="E43893" t="s">
        <v>8938</v>
      </c>
      <c r="F43893" t="s">
        <v>8939</v>
      </c>
      <c r="G43893" t="s">
        <v>80</v>
      </c>
      <c r="H43893" t="s">
        <v>81</v>
      </c>
      <c r="I43893" s="2">
        <v>0</v>
      </c>
      <c r="J43893" s="2">
        <v>1</v>
      </c>
      <c r="K43893" s="2">
        <v>0</v>
      </c>
      <c r="L43893" t="s">
        <v>82</v>
      </c>
      <c r="M43893" t="s">
        <v>83</v>
      </c>
      <c r="N43893" t="s">
        <v>91</v>
      </c>
      <c r="O43893" t="s">
        <v>85</v>
      </c>
      <c r="P43893" t="s">
        <v>86</v>
      </c>
      <c r="Q43893">
        <v>65</v>
      </c>
      <c r="R43893">
        <v>67</v>
      </c>
      <c r="S43893">
        <v>68</v>
      </c>
      <c r="T43893">
        <v>70</v>
      </c>
      <c r="U43893">
        <v>72</v>
      </c>
      <c r="V43893">
        <v>73</v>
      </c>
      <c r="W43893">
        <v>75</v>
      </c>
      <c r="X43893">
        <v>77</v>
      </c>
      <c r="Y43893">
        <v>79</v>
      </c>
      <c r="Z43893">
        <v>81</v>
      </c>
      <c r="AA43893">
        <v>82</v>
      </c>
      <c r="AB43893">
        <v>84</v>
      </c>
      <c r="AC43893">
        <v>86</v>
      </c>
      <c r="AD43893">
        <v>88</v>
      </c>
      <c r="AE43893">
        <v>90</v>
      </c>
      <c r="AF43893">
        <v>92</v>
      </c>
      <c r="AG43893">
        <v>94</v>
      </c>
      <c r="AH43893">
        <v>96</v>
      </c>
      <c r="AI43893">
        <v>98</v>
      </c>
      <c r="AJ43893">
        <v>100</v>
      </c>
      <c r="AK43893">
        <v>102</v>
      </c>
      <c r="AL43893">
        <v>103</v>
      </c>
      <c r="AM43893">
        <v>104</v>
      </c>
      <c r="AN43893">
        <v>105</v>
      </c>
      <c r="AO43893">
        <v>106</v>
      </c>
      <c r="AP43893">
        <v>107</v>
      </c>
      <c r="AQ43893">
        <v>108</v>
      </c>
    </row>
    <row r="43894" spans="1:43">
      <c r="A43894" t="s">
        <v>26769</v>
      </c>
      <c r="B43894" t="s">
        <v>26770</v>
      </c>
      <c r="C43894" t="s">
        <v>9028</v>
      </c>
      <c r="D43894" t="s">
        <v>9029</v>
      </c>
      <c r="E43894" t="s">
        <v>8938</v>
      </c>
      <c r="F43894" t="s">
        <v>8939</v>
      </c>
      <c r="G43894" t="s">
        <v>80</v>
      </c>
      <c r="H43894" t="s">
        <v>81</v>
      </c>
      <c r="I43894" s="2">
        <v>0</v>
      </c>
      <c r="J43894" s="2">
        <v>1</v>
      </c>
      <c r="K43894" s="2">
        <v>0</v>
      </c>
      <c r="L43894" t="s">
        <v>82</v>
      </c>
      <c r="M43894" t="s">
        <v>83</v>
      </c>
      <c r="N43894" t="s">
        <v>84</v>
      </c>
      <c r="O43894" t="s">
        <v>85</v>
      </c>
      <c r="P43894" t="s">
        <v>86</v>
      </c>
      <c r="Q43894">
        <v>2</v>
      </c>
      <c r="R43894">
        <v>2</v>
      </c>
      <c r="S43894">
        <v>2</v>
      </c>
      <c r="T43894">
        <v>2</v>
      </c>
      <c r="U43894">
        <v>2</v>
      </c>
      <c r="V43894">
        <v>2</v>
      </c>
      <c r="W43894">
        <v>2</v>
      </c>
      <c r="X43894">
        <v>3</v>
      </c>
      <c r="Y43894">
        <v>3</v>
      </c>
      <c r="Z43894">
        <v>3</v>
      </c>
      <c r="AA43894">
        <v>3</v>
      </c>
      <c r="AB43894">
        <v>3</v>
      </c>
      <c r="AC43894">
        <v>3</v>
      </c>
      <c r="AD43894">
        <v>3</v>
      </c>
      <c r="AE43894">
        <v>3</v>
      </c>
      <c r="AF43894">
        <v>3</v>
      </c>
      <c r="AG43894">
        <v>3</v>
      </c>
      <c r="AH43894">
        <v>3</v>
      </c>
      <c r="AI43894">
        <v>3</v>
      </c>
      <c r="AJ43894">
        <v>3</v>
      </c>
      <c r="AK43894">
        <v>3</v>
      </c>
      <c r="AL43894">
        <v>3</v>
      </c>
      <c r="AM43894">
        <v>3</v>
      </c>
      <c r="AN43894">
        <v>3</v>
      </c>
      <c r="AO43894">
        <v>3</v>
      </c>
      <c r="AP43894">
        <v>3</v>
      </c>
      <c r="AQ43894">
        <v>4</v>
      </c>
    </row>
    <row r="43895" spans="1:43">
      <c r="A43895" t="s">
        <v>26769</v>
      </c>
      <c r="B43895" t="s">
        <v>26770</v>
      </c>
      <c r="C43895" t="s">
        <v>9028</v>
      </c>
      <c r="D43895" t="s">
        <v>9029</v>
      </c>
      <c r="E43895" t="s">
        <v>8938</v>
      </c>
      <c r="F43895" t="s">
        <v>8939</v>
      </c>
      <c r="G43895" t="s">
        <v>80</v>
      </c>
      <c r="H43895" t="s">
        <v>81</v>
      </c>
      <c r="I43895" s="2">
        <v>0</v>
      </c>
      <c r="J43895" s="2">
        <v>1</v>
      </c>
      <c r="K43895" s="2">
        <v>0</v>
      </c>
      <c r="L43895" t="s">
        <v>82</v>
      </c>
      <c r="M43895" t="s">
        <v>87</v>
      </c>
      <c r="N43895" t="s">
        <v>88</v>
      </c>
      <c r="O43895" t="s">
        <v>85</v>
      </c>
      <c r="P43895" t="s">
        <v>86</v>
      </c>
      <c r="Q43895">
        <v>2</v>
      </c>
      <c r="R43895">
        <v>2</v>
      </c>
      <c r="S43895">
        <v>2</v>
      </c>
      <c r="T43895">
        <v>2</v>
      </c>
      <c r="U43895">
        <v>2</v>
      </c>
      <c r="V43895">
        <v>2</v>
      </c>
      <c r="W43895">
        <v>2</v>
      </c>
      <c r="X43895">
        <v>2</v>
      </c>
      <c r="Y43895">
        <v>2</v>
      </c>
      <c r="Z43895">
        <v>2</v>
      </c>
      <c r="AA43895">
        <v>2</v>
      </c>
      <c r="AB43895">
        <v>2</v>
      </c>
      <c r="AC43895">
        <v>3</v>
      </c>
      <c r="AD43895">
        <v>3</v>
      </c>
      <c r="AE43895">
        <v>3</v>
      </c>
      <c r="AF43895">
        <v>3</v>
      </c>
      <c r="AG43895">
        <v>3</v>
      </c>
      <c r="AH43895">
        <v>3</v>
      </c>
      <c r="AI43895">
        <v>3</v>
      </c>
      <c r="AJ43895">
        <v>3</v>
      </c>
      <c r="AK43895">
        <v>3</v>
      </c>
      <c r="AL43895">
        <v>3</v>
      </c>
      <c r="AM43895">
        <v>3</v>
      </c>
      <c r="AN43895">
        <v>3</v>
      </c>
      <c r="AO43895">
        <v>3</v>
      </c>
      <c r="AP43895">
        <v>3</v>
      </c>
      <c r="AQ43895">
        <v>3</v>
      </c>
    </row>
    <row r="43896" spans="1:43">
      <c r="A43896" t="s">
        <v>26769</v>
      </c>
      <c r="B43896" t="s">
        <v>26770</v>
      </c>
      <c r="C43896" t="s">
        <v>9028</v>
      </c>
      <c r="D43896" t="s">
        <v>9029</v>
      </c>
      <c r="E43896" t="s">
        <v>8938</v>
      </c>
      <c r="F43896" t="s">
        <v>8939</v>
      </c>
      <c r="G43896" t="s">
        <v>80</v>
      </c>
      <c r="H43896" t="s">
        <v>81</v>
      </c>
      <c r="I43896" s="2">
        <v>0</v>
      </c>
      <c r="J43896" s="2">
        <v>1</v>
      </c>
      <c r="K43896" s="2">
        <v>0</v>
      </c>
      <c r="L43896" t="s">
        <v>82</v>
      </c>
      <c r="M43896" t="s">
        <v>89</v>
      </c>
      <c r="N43896" t="s">
        <v>90</v>
      </c>
      <c r="O43896" t="s">
        <v>85</v>
      </c>
      <c r="P43896" t="s">
        <v>86</v>
      </c>
      <c r="Q43896">
        <v>2</v>
      </c>
      <c r="R43896">
        <v>2</v>
      </c>
      <c r="S43896">
        <v>2</v>
      </c>
      <c r="T43896">
        <v>2</v>
      </c>
      <c r="U43896">
        <v>2</v>
      </c>
      <c r="V43896">
        <v>2</v>
      </c>
      <c r="W43896">
        <v>3</v>
      </c>
      <c r="X43896">
        <v>3</v>
      </c>
      <c r="Y43896">
        <v>3</v>
      </c>
      <c r="Z43896">
        <v>3</v>
      </c>
      <c r="AA43896">
        <v>3</v>
      </c>
      <c r="AB43896">
        <v>3</v>
      </c>
      <c r="AC43896">
        <v>3</v>
      </c>
      <c r="AD43896">
        <v>3</v>
      </c>
      <c r="AE43896">
        <v>3</v>
      </c>
      <c r="AF43896">
        <v>3</v>
      </c>
      <c r="AG43896">
        <v>3</v>
      </c>
      <c r="AH43896">
        <v>3</v>
      </c>
      <c r="AI43896">
        <v>3</v>
      </c>
      <c r="AJ43896">
        <v>3</v>
      </c>
      <c r="AK43896">
        <v>3</v>
      </c>
      <c r="AL43896">
        <v>3</v>
      </c>
      <c r="AM43896">
        <v>3</v>
      </c>
      <c r="AN43896">
        <v>3</v>
      </c>
      <c r="AO43896">
        <v>3</v>
      </c>
      <c r="AP43896">
        <v>4</v>
      </c>
      <c r="AQ43896">
        <v>4</v>
      </c>
    </row>
    <row r="43897" spans="1:43">
      <c r="A43897" t="s">
        <v>26769</v>
      </c>
      <c r="B43897" t="s">
        <v>26770</v>
      </c>
      <c r="C43897" t="s">
        <v>9028</v>
      </c>
      <c r="D43897" t="s">
        <v>9029</v>
      </c>
      <c r="E43897" t="s">
        <v>8938</v>
      </c>
      <c r="F43897" t="s">
        <v>8939</v>
      </c>
      <c r="G43897" t="s">
        <v>80</v>
      </c>
      <c r="H43897" t="s">
        <v>81</v>
      </c>
      <c r="I43897" s="2">
        <v>0</v>
      </c>
      <c r="J43897" s="2">
        <v>1</v>
      </c>
      <c r="K43897" s="2">
        <v>0</v>
      </c>
      <c r="L43897" t="s">
        <v>82</v>
      </c>
      <c r="M43897" t="s">
        <v>83</v>
      </c>
      <c r="N43897" t="s">
        <v>91</v>
      </c>
      <c r="O43897" t="s">
        <v>85</v>
      </c>
      <c r="P43897" t="s">
        <v>86</v>
      </c>
      <c r="Q43897">
        <v>2</v>
      </c>
      <c r="R43897">
        <v>2</v>
      </c>
      <c r="S43897">
        <v>2</v>
      </c>
      <c r="T43897">
        <v>2</v>
      </c>
      <c r="U43897">
        <v>2</v>
      </c>
      <c r="V43897">
        <v>2</v>
      </c>
      <c r="W43897">
        <v>2</v>
      </c>
      <c r="X43897">
        <v>3</v>
      </c>
      <c r="Y43897">
        <v>3</v>
      </c>
      <c r="Z43897">
        <v>3</v>
      </c>
      <c r="AA43897">
        <v>3</v>
      </c>
      <c r="AB43897">
        <v>3</v>
      </c>
      <c r="AC43897">
        <v>3</v>
      </c>
      <c r="AD43897">
        <v>3</v>
      </c>
      <c r="AE43897">
        <v>3</v>
      </c>
      <c r="AF43897">
        <v>3</v>
      </c>
      <c r="AG43897">
        <v>3</v>
      </c>
      <c r="AH43897">
        <v>3</v>
      </c>
      <c r="AI43897">
        <v>3</v>
      </c>
      <c r="AJ43897">
        <v>3</v>
      </c>
      <c r="AK43897">
        <v>3</v>
      </c>
      <c r="AL43897">
        <v>3</v>
      </c>
      <c r="AM43897">
        <v>3</v>
      </c>
      <c r="AN43897">
        <v>3</v>
      </c>
      <c r="AO43897">
        <v>3</v>
      </c>
      <c r="AP43897">
        <v>3</v>
      </c>
      <c r="AQ43897">
        <v>4</v>
      </c>
    </row>
    <row r="43898" spans="1:43">
      <c r="A43898" t="s">
        <v>26771</v>
      </c>
      <c r="B43898" t="s">
        <v>26772</v>
      </c>
      <c r="C43898" t="s">
        <v>9082</v>
      </c>
      <c r="D43898" t="s">
        <v>9083</v>
      </c>
      <c r="E43898" t="s">
        <v>8938</v>
      </c>
      <c r="F43898" t="s">
        <v>8939</v>
      </c>
      <c r="G43898" t="s">
        <v>80</v>
      </c>
      <c r="H43898" t="s">
        <v>81</v>
      </c>
      <c r="I43898" s="2">
        <v>0</v>
      </c>
      <c r="J43898" s="2">
        <v>1</v>
      </c>
      <c r="K43898" s="2">
        <v>0</v>
      </c>
      <c r="L43898" t="s">
        <v>82</v>
      </c>
      <c r="M43898" t="s">
        <v>83</v>
      </c>
      <c r="N43898" t="s">
        <v>84</v>
      </c>
      <c r="O43898" t="s">
        <v>85</v>
      </c>
      <c r="P43898" t="s">
        <v>86</v>
      </c>
      <c r="Q43898">
        <v>6</v>
      </c>
      <c r="R43898">
        <v>6</v>
      </c>
      <c r="S43898">
        <v>6</v>
      </c>
      <c r="T43898">
        <v>6</v>
      </c>
      <c r="U43898">
        <v>6</v>
      </c>
      <c r="V43898">
        <v>7</v>
      </c>
      <c r="W43898">
        <v>7</v>
      </c>
      <c r="X43898">
        <v>7</v>
      </c>
      <c r="Y43898">
        <v>7</v>
      </c>
      <c r="Z43898">
        <v>7</v>
      </c>
      <c r="AA43898">
        <v>7</v>
      </c>
      <c r="AB43898">
        <v>8</v>
      </c>
      <c r="AC43898">
        <v>8</v>
      </c>
      <c r="AD43898">
        <v>8</v>
      </c>
      <c r="AE43898">
        <v>8</v>
      </c>
      <c r="AF43898">
        <v>8</v>
      </c>
      <c r="AG43898">
        <v>8</v>
      </c>
      <c r="AH43898">
        <v>9</v>
      </c>
      <c r="AI43898">
        <v>9</v>
      </c>
      <c r="AJ43898">
        <v>9</v>
      </c>
      <c r="AK43898">
        <v>9</v>
      </c>
      <c r="AL43898">
        <v>9</v>
      </c>
      <c r="AM43898">
        <v>9</v>
      </c>
      <c r="AN43898">
        <v>10</v>
      </c>
      <c r="AO43898">
        <v>10</v>
      </c>
      <c r="AP43898">
        <v>10</v>
      </c>
      <c r="AQ43898">
        <v>10</v>
      </c>
    </row>
    <row r="43899" spans="1:43">
      <c r="A43899" t="s">
        <v>26771</v>
      </c>
      <c r="B43899" t="s">
        <v>26772</v>
      </c>
      <c r="C43899" t="s">
        <v>9082</v>
      </c>
      <c r="D43899" t="s">
        <v>9083</v>
      </c>
      <c r="E43899" t="s">
        <v>8938</v>
      </c>
      <c r="F43899" t="s">
        <v>8939</v>
      </c>
      <c r="G43899" t="s">
        <v>80</v>
      </c>
      <c r="H43899" t="s">
        <v>81</v>
      </c>
      <c r="I43899" s="2">
        <v>0</v>
      </c>
      <c r="J43899" s="2">
        <v>1</v>
      </c>
      <c r="K43899" s="2">
        <v>0</v>
      </c>
      <c r="L43899" t="s">
        <v>82</v>
      </c>
      <c r="M43899" t="s">
        <v>87</v>
      </c>
      <c r="N43899" t="s">
        <v>88</v>
      </c>
      <c r="O43899" t="s">
        <v>85</v>
      </c>
      <c r="P43899" t="s">
        <v>86</v>
      </c>
      <c r="Q43899">
        <v>6</v>
      </c>
      <c r="R43899">
        <v>6</v>
      </c>
      <c r="S43899">
        <v>6</v>
      </c>
      <c r="T43899">
        <v>6</v>
      </c>
      <c r="U43899">
        <v>6</v>
      </c>
      <c r="V43899">
        <v>6</v>
      </c>
      <c r="W43899">
        <v>6</v>
      </c>
      <c r="X43899">
        <v>6</v>
      </c>
      <c r="Y43899">
        <v>7</v>
      </c>
      <c r="Z43899">
        <v>7</v>
      </c>
      <c r="AA43899">
        <v>7</v>
      </c>
      <c r="AB43899">
        <v>7</v>
      </c>
      <c r="AC43899">
        <v>7</v>
      </c>
      <c r="AD43899">
        <v>7</v>
      </c>
      <c r="AE43899">
        <v>7</v>
      </c>
      <c r="AF43899">
        <v>7</v>
      </c>
      <c r="AG43899">
        <v>7</v>
      </c>
      <c r="AH43899">
        <v>8</v>
      </c>
      <c r="AI43899">
        <v>8</v>
      </c>
      <c r="AJ43899">
        <v>8</v>
      </c>
      <c r="AK43899">
        <v>8</v>
      </c>
      <c r="AL43899">
        <v>8</v>
      </c>
      <c r="AM43899">
        <v>8</v>
      </c>
      <c r="AN43899">
        <v>8</v>
      </c>
      <c r="AO43899">
        <v>8</v>
      </c>
      <c r="AP43899">
        <v>8</v>
      </c>
      <c r="AQ43899">
        <v>8</v>
      </c>
    </row>
    <row r="43900" spans="1:43">
      <c r="A43900" t="s">
        <v>26771</v>
      </c>
      <c r="B43900" t="s">
        <v>26772</v>
      </c>
      <c r="C43900" t="s">
        <v>9082</v>
      </c>
      <c r="D43900" t="s">
        <v>9083</v>
      </c>
      <c r="E43900" t="s">
        <v>8938</v>
      </c>
      <c r="F43900" t="s">
        <v>8939</v>
      </c>
      <c r="G43900" t="s">
        <v>80</v>
      </c>
      <c r="H43900" t="s">
        <v>81</v>
      </c>
      <c r="I43900" s="2">
        <v>0</v>
      </c>
      <c r="J43900" s="2">
        <v>1</v>
      </c>
      <c r="K43900" s="2">
        <v>0</v>
      </c>
      <c r="L43900" t="s">
        <v>82</v>
      </c>
      <c r="M43900" t="s">
        <v>89</v>
      </c>
      <c r="N43900" t="s">
        <v>90</v>
      </c>
      <c r="O43900" t="s">
        <v>85</v>
      </c>
      <c r="P43900" t="s">
        <v>86</v>
      </c>
      <c r="Q43900">
        <v>6</v>
      </c>
      <c r="R43900">
        <v>6</v>
      </c>
      <c r="S43900">
        <v>6</v>
      </c>
      <c r="T43900">
        <v>7</v>
      </c>
      <c r="U43900">
        <v>7</v>
      </c>
      <c r="V43900">
        <v>7</v>
      </c>
      <c r="W43900">
        <v>7</v>
      </c>
      <c r="X43900">
        <v>7</v>
      </c>
      <c r="Y43900">
        <v>8</v>
      </c>
      <c r="Z43900">
        <v>8</v>
      </c>
      <c r="AA43900">
        <v>8</v>
      </c>
      <c r="AB43900">
        <v>8</v>
      </c>
      <c r="AC43900">
        <v>8</v>
      </c>
      <c r="AD43900">
        <v>9</v>
      </c>
      <c r="AE43900">
        <v>9</v>
      </c>
      <c r="AF43900">
        <v>9</v>
      </c>
      <c r="AG43900">
        <v>9</v>
      </c>
      <c r="AH43900">
        <v>9</v>
      </c>
      <c r="AI43900">
        <v>9</v>
      </c>
      <c r="AJ43900">
        <v>9</v>
      </c>
      <c r="AK43900">
        <v>9</v>
      </c>
      <c r="AL43900">
        <v>9</v>
      </c>
      <c r="AM43900">
        <v>9</v>
      </c>
      <c r="AN43900">
        <v>10</v>
      </c>
      <c r="AO43900">
        <v>10</v>
      </c>
      <c r="AP43900">
        <v>10</v>
      </c>
      <c r="AQ43900">
        <v>10</v>
      </c>
    </row>
    <row r="43901" spans="1:43">
      <c r="A43901" t="s">
        <v>26771</v>
      </c>
      <c r="B43901" t="s">
        <v>26772</v>
      </c>
      <c r="C43901" t="s">
        <v>9082</v>
      </c>
      <c r="D43901" t="s">
        <v>9083</v>
      </c>
      <c r="E43901" t="s">
        <v>8938</v>
      </c>
      <c r="F43901" t="s">
        <v>8939</v>
      </c>
      <c r="G43901" t="s">
        <v>80</v>
      </c>
      <c r="H43901" t="s">
        <v>81</v>
      </c>
      <c r="I43901" s="2">
        <v>0</v>
      </c>
      <c r="J43901" s="2">
        <v>1</v>
      </c>
      <c r="K43901" s="2">
        <v>0</v>
      </c>
      <c r="L43901" t="s">
        <v>82</v>
      </c>
      <c r="M43901" t="s">
        <v>83</v>
      </c>
      <c r="N43901" t="s">
        <v>91</v>
      </c>
      <c r="O43901" t="s">
        <v>85</v>
      </c>
      <c r="P43901" t="s">
        <v>86</v>
      </c>
      <c r="Q43901">
        <v>6</v>
      </c>
      <c r="R43901">
        <v>6</v>
      </c>
      <c r="S43901">
        <v>6</v>
      </c>
      <c r="T43901">
        <v>6</v>
      </c>
      <c r="U43901">
        <v>6</v>
      </c>
      <c r="V43901">
        <v>7</v>
      </c>
      <c r="W43901">
        <v>7</v>
      </c>
      <c r="X43901">
        <v>7</v>
      </c>
      <c r="Y43901">
        <v>7</v>
      </c>
      <c r="Z43901">
        <v>7</v>
      </c>
      <c r="AA43901">
        <v>7</v>
      </c>
      <c r="AB43901">
        <v>8</v>
      </c>
      <c r="AC43901">
        <v>8</v>
      </c>
      <c r="AD43901">
        <v>8</v>
      </c>
      <c r="AE43901">
        <v>8</v>
      </c>
      <c r="AF43901">
        <v>8</v>
      </c>
      <c r="AG43901">
        <v>8</v>
      </c>
      <c r="AH43901">
        <v>9</v>
      </c>
      <c r="AI43901">
        <v>9</v>
      </c>
      <c r="AJ43901">
        <v>9</v>
      </c>
      <c r="AK43901">
        <v>9</v>
      </c>
      <c r="AL43901">
        <v>9</v>
      </c>
      <c r="AM43901">
        <v>9</v>
      </c>
      <c r="AN43901">
        <v>10</v>
      </c>
      <c r="AO43901">
        <v>10</v>
      </c>
      <c r="AP43901">
        <v>10</v>
      </c>
      <c r="AQ43901">
        <v>10</v>
      </c>
    </row>
    <row r="43902" spans="1:43">
      <c r="A43902" t="s">
        <v>26773</v>
      </c>
      <c r="B43902" t="s">
        <v>26774</v>
      </c>
      <c r="C43902" t="s">
        <v>9082</v>
      </c>
      <c r="D43902" t="s">
        <v>9083</v>
      </c>
      <c r="E43902" t="s">
        <v>8938</v>
      </c>
      <c r="F43902" t="s">
        <v>8939</v>
      </c>
      <c r="G43902" t="s">
        <v>80</v>
      </c>
      <c r="H43902" t="s">
        <v>81</v>
      </c>
      <c r="I43902" s="2">
        <v>0</v>
      </c>
      <c r="J43902" s="2">
        <v>1</v>
      </c>
      <c r="K43902" s="2">
        <v>0</v>
      </c>
      <c r="L43902" t="s">
        <v>82</v>
      </c>
      <c r="M43902" t="s">
        <v>83</v>
      </c>
      <c r="N43902" t="s">
        <v>84</v>
      </c>
      <c r="O43902" t="s">
        <v>85</v>
      </c>
      <c r="P43902" t="s">
        <v>86</v>
      </c>
      <c r="Q43902">
        <v>62</v>
      </c>
      <c r="R43902">
        <v>63</v>
      </c>
      <c r="S43902">
        <v>65</v>
      </c>
      <c r="T43902">
        <v>66</v>
      </c>
      <c r="U43902">
        <v>68</v>
      </c>
      <c r="V43902">
        <v>70</v>
      </c>
      <c r="W43902">
        <v>71</v>
      </c>
      <c r="X43902">
        <v>73</v>
      </c>
      <c r="Y43902">
        <v>75</v>
      </c>
      <c r="Z43902">
        <v>77</v>
      </c>
      <c r="AA43902">
        <v>78</v>
      </c>
      <c r="AB43902">
        <v>80</v>
      </c>
      <c r="AC43902">
        <v>82</v>
      </c>
      <c r="AD43902">
        <v>84</v>
      </c>
      <c r="AE43902">
        <v>85</v>
      </c>
      <c r="AF43902">
        <v>87</v>
      </c>
      <c r="AG43902">
        <v>89</v>
      </c>
      <c r="AH43902">
        <v>91</v>
      </c>
      <c r="AI43902">
        <v>93</v>
      </c>
      <c r="AJ43902">
        <v>95</v>
      </c>
      <c r="AK43902">
        <v>97</v>
      </c>
      <c r="AL43902">
        <v>98</v>
      </c>
      <c r="AM43902">
        <v>99</v>
      </c>
      <c r="AN43902">
        <v>100</v>
      </c>
      <c r="AO43902">
        <v>101</v>
      </c>
      <c r="AP43902">
        <v>102</v>
      </c>
      <c r="AQ43902">
        <v>103</v>
      </c>
    </row>
    <row r="43903" spans="1:43">
      <c r="A43903" t="s">
        <v>26773</v>
      </c>
      <c r="B43903" t="s">
        <v>26774</v>
      </c>
      <c r="C43903" t="s">
        <v>9082</v>
      </c>
      <c r="D43903" t="s">
        <v>9083</v>
      </c>
      <c r="E43903" t="s">
        <v>8938</v>
      </c>
      <c r="F43903" t="s">
        <v>8939</v>
      </c>
      <c r="G43903" t="s">
        <v>80</v>
      </c>
      <c r="H43903" t="s">
        <v>81</v>
      </c>
      <c r="I43903" s="2">
        <v>0</v>
      </c>
      <c r="J43903" s="2">
        <v>1</v>
      </c>
      <c r="K43903" s="2">
        <v>0</v>
      </c>
      <c r="L43903" t="s">
        <v>82</v>
      </c>
      <c r="M43903" t="s">
        <v>87</v>
      </c>
      <c r="N43903" t="s">
        <v>88</v>
      </c>
      <c r="O43903" t="s">
        <v>85</v>
      </c>
      <c r="P43903" t="s">
        <v>86</v>
      </c>
      <c r="Q43903">
        <v>62</v>
      </c>
      <c r="R43903">
        <v>63</v>
      </c>
      <c r="S43903">
        <v>64</v>
      </c>
      <c r="T43903">
        <v>65</v>
      </c>
      <c r="U43903">
        <v>66</v>
      </c>
      <c r="V43903">
        <v>67</v>
      </c>
      <c r="W43903">
        <v>68</v>
      </c>
      <c r="X43903">
        <v>69</v>
      </c>
      <c r="Y43903">
        <v>70</v>
      </c>
      <c r="Z43903">
        <v>71</v>
      </c>
      <c r="AA43903">
        <v>72</v>
      </c>
      <c r="AB43903">
        <v>73</v>
      </c>
      <c r="AC43903">
        <v>74</v>
      </c>
      <c r="AD43903">
        <v>75</v>
      </c>
      <c r="AE43903">
        <v>76</v>
      </c>
      <c r="AF43903">
        <v>78</v>
      </c>
      <c r="AG43903">
        <v>79</v>
      </c>
      <c r="AH43903">
        <v>80</v>
      </c>
      <c r="AI43903">
        <v>81</v>
      </c>
      <c r="AJ43903">
        <v>82</v>
      </c>
      <c r="AK43903">
        <v>83</v>
      </c>
      <c r="AL43903">
        <v>84</v>
      </c>
      <c r="AM43903">
        <v>85</v>
      </c>
      <c r="AN43903">
        <v>87</v>
      </c>
      <c r="AO43903">
        <v>88</v>
      </c>
      <c r="AP43903">
        <v>89</v>
      </c>
      <c r="AQ43903">
        <v>90</v>
      </c>
    </row>
    <row r="43904" spans="1:43">
      <c r="A43904" t="s">
        <v>26773</v>
      </c>
      <c r="B43904" t="s">
        <v>26774</v>
      </c>
      <c r="C43904" t="s">
        <v>9082</v>
      </c>
      <c r="D43904" t="s">
        <v>9083</v>
      </c>
      <c r="E43904" t="s">
        <v>8938</v>
      </c>
      <c r="F43904" t="s">
        <v>8939</v>
      </c>
      <c r="G43904" t="s">
        <v>80</v>
      </c>
      <c r="H43904" t="s">
        <v>81</v>
      </c>
      <c r="I43904" s="2">
        <v>0</v>
      </c>
      <c r="J43904" s="2">
        <v>1</v>
      </c>
      <c r="K43904" s="2">
        <v>0</v>
      </c>
      <c r="L43904" t="s">
        <v>82</v>
      </c>
      <c r="M43904" t="s">
        <v>89</v>
      </c>
      <c r="N43904" t="s">
        <v>90</v>
      </c>
      <c r="O43904" t="s">
        <v>85</v>
      </c>
      <c r="P43904" t="s">
        <v>86</v>
      </c>
      <c r="Q43904">
        <v>62</v>
      </c>
      <c r="R43904">
        <v>64</v>
      </c>
      <c r="S43904">
        <v>66</v>
      </c>
      <c r="T43904">
        <v>69</v>
      </c>
      <c r="U43904">
        <v>71</v>
      </c>
      <c r="V43904">
        <v>73</v>
      </c>
      <c r="W43904">
        <v>75</v>
      </c>
      <c r="X43904">
        <v>77</v>
      </c>
      <c r="Y43904">
        <v>79</v>
      </c>
      <c r="Z43904">
        <v>81</v>
      </c>
      <c r="AA43904">
        <v>83</v>
      </c>
      <c r="AB43904">
        <v>86</v>
      </c>
      <c r="AC43904">
        <v>88</v>
      </c>
      <c r="AD43904">
        <v>90</v>
      </c>
      <c r="AE43904">
        <v>92</v>
      </c>
      <c r="AF43904">
        <v>93</v>
      </c>
      <c r="AG43904">
        <v>94</v>
      </c>
      <c r="AH43904">
        <v>95</v>
      </c>
      <c r="AI43904">
        <v>96</v>
      </c>
      <c r="AJ43904">
        <v>97</v>
      </c>
      <c r="AK43904">
        <v>98</v>
      </c>
      <c r="AL43904">
        <v>99</v>
      </c>
      <c r="AM43904">
        <v>100</v>
      </c>
      <c r="AN43904">
        <v>100</v>
      </c>
      <c r="AO43904">
        <v>101</v>
      </c>
      <c r="AP43904">
        <v>102</v>
      </c>
      <c r="AQ43904">
        <v>103</v>
      </c>
    </row>
    <row r="43905" spans="1:43">
      <c r="A43905" t="s">
        <v>26773</v>
      </c>
      <c r="B43905" t="s">
        <v>26774</v>
      </c>
      <c r="C43905" t="s">
        <v>9082</v>
      </c>
      <c r="D43905" t="s">
        <v>9083</v>
      </c>
      <c r="E43905" t="s">
        <v>8938</v>
      </c>
      <c r="F43905" t="s">
        <v>8939</v>
      </c>
      <c r="G43905" t="s">
        <v>80</v>
      </c>
      <c r="H43905" t="s">
        <v>81</v>
      </c>
      <c r="I43905" s="2">
        <v>0</v>
      </c>
      <c r="J43905" s="2">
        <v>1</v>
      </c>
      <c r="K43905" s="2">
        <v>0</v>
      </c>
      <c r="L43905" t="s">
        <v>82</v>
      </c>
      <c r="M43905" t="s">
        <v>83</v>
      </c>
      <c r="N43905" t="s">
        <v>91</v>
      </c>
      <c r="O43905" t="s">
        <v>85</v>
      </c>
      <c r="P43905" t="s">
        <v>86</v>
      </c>
      <c r="Q43905">
        <v>62</v>
      </c>
      <c r="R43905">
        <v>63</v>
      </c>
      <c r="S43905">
        <v>65</v>
      </c>
      <c r="T43905">
        <v>66</v>
      </c>
      <c r="U43905">
        <v>68</v>
      </c>
      <c r="V43905">
        <v>70</v>
      </c>
      <c r="W43905">
        <v>71</v>
      </c>
      <c r="X43905">
        <v>73</v>
      </c>
      <c r="Y43905">
        <v>75</v>
      </c>
      <c r="Z43905">
        <v>77</v>
      </c>
      <c r="AA43905">
        <v>78</v>
      </c>
      <c r="AB43905">
        <v>80</v>
      </c>
      <c r="AC43905">
        <v>82</v>
      </c>
      <c r="AD43905">
        <v>84</v>
      </c>
      <c r="AE43905">
        <v>85</v>
      </c>
      <c r="AF43905">
        <v>87</v>
      </c>
      <c r="AG43905">
        <v>89</v>
      </c>
      <c r="AH43905">
        <v>91</v>
      </c>
      <c r="AI43905">
        <v>93</v>
      </c>
      <c r="AJ43905">
        <v>95</v>
      </c>
      <c r="AK43905">
        <v>97</v>
      </c>
      <c r="AL43905">
        <v>98</v>
      </c>
      <c r="AM43905">
        <v>99</v>
      </c>
      <c r="AN43905">
        <v>100</v>
      </c>
      <c r="AO43905">
        <v>101</v>
      </c>
      <c r="AP43905">
        <v>102</v>
      </c>
      <c r="AQ43905">
        <v>103</v>
      </c>
    </row>
    <row r="43906" spans="1:43">
      <c r="A43906" t="s">
        <v>26775</v>
      </c>
      <c r="B43906" t="s">
        <v>26776</v>
      </c>
      <c r="C43906" t="s">
        <v>9082</v>
      </c>
      <c r="D43906" t="s">
        <v>9083</v>
      </c>
      <c r="E43906" t="s">
        <v>8938</v>
      </c>
      <c r="F43906" t="s">
        <v>8939</v>
      </c>
      <c r="G43906" t="s">
        <v>80</v>
      </c>
      <c r="H43906" t="s">
        <v>81</v>
      </c>
      <c r="I43906" s="2">
        <v>0</v>
      </c>
      <c r="J43906" s="2">
        <v>1</v>
      </c>
      <c r="K43906" s="2">
        <v>0</v>
      </c>
      <c r="L43906" t="s">
        <v>82</v>
      </c>
      <c r="M43906" t="s">
        <v>83</v>
      </c>
      <c r="N43906" t="s">
        <v>84</v>
      </c>
      <c r="O43906" t="s">
        <v>85</v>
      </c>
      <c r="P43906" t="s">
        <v>86</v>
      </c>
      <c r="Q43906">
        <v>1</v>
      </c>
      <c r="R43906">
        <v>1</v>
      </c>
      <c r="S43906">
        <v>1</v>
      </c>
      <c r="T43906">
        <v>1</v>
      </c>
      <c r="U43906">
        <v>1</v>
      </c>
      <c r="V43906">
        <v>1</v>
      </c>
      <c r="W43906">
        <v>1</v>
      </c>
      <c r="X43906">
        <v>1</v>
      </c>
      <c r="Y43906">
        <v>1</v>
      </c>
      <c r="Z43906">
        <v>1</v>
      </c>
      <c r="AA43906">
        <v>1</v>
      </c>
      <c r="AB43906">
        <v>1</v>
      </c>
      <c r="AC43906">
        <v>1</v>
      </c>
      <c r="AD43906">
        <v>1</v>
      </c>
      <c r="AE43906">
        <v>1</v>
      </c>
      <c r="AF43906">
        <v>1</v>
      </c>
      <c r="AG43906">
        <v>1</v>
      </c>
      <c r="AH43906">
        <v>1</v>
      </c>
      <c r="AI43906">
        <v>1</v>
      </c>
      <c r="AJ43906">
        <v>1</v>
      </c>
      <c r="AK43906">
        <v>1</v>
      </c>
      <c r="AL43906">
        <v>1</v>
      </c>
      <c r="AM43906">
        <v>1</v>
      </c>
      <c r="AN43906">
        <v>1</v>
      </c>
      <c r="AO43906">
        <v>1</v>
      </c>
      <c r="AP43906">
        <v>1</v>
      </c>
      <c r="AQ43906">
        <v>1</v>
      </c>
    </row>
    <row r="43907" spans="1:43">
      <c r="A43907" t="s">
        <v>26775</v>
      </c>
      <c r="B43907" t="s">
        <v>26776</v>
      </c>
      <c r="C43907" t="s">
        <v>9082</v>
      </c>
      <c r="D43907" t="s">
        <v>9083</v>
      </c>
      <c r="E43907" t="s">
        <v>8938</v>
      </c>
      <c r="F43907" t="s">
        <v>8939</v>
      </c>
      <c r="G43907" t="s">
        <v>80</v>
      </c>
      <c r="H43907" t="s">
        <v>81</v>
      </c>
      <c r="I43907" s="2">
        <v>0</v>
      </c>
      <c r="J43907" s="2">
        <v>1</v>
      </c>
      <c r="K43907" s="2">
        <v>0</v>
      </c>
      <c r="L43907" t="s">
        <v>82</v>
      </c>
      <c r="M43907" t="s">
        <v>87</v>
      </c>
      <c r="N43907" t="s">
        <v>88</v>
      </c>
      <c r="O43907" t="s">
        <v>85</v>
      </c>
      <c r="P43907" t="s">
        <v>86</v>
      </c>
      <c r="Q43907">
        <v>1</v>
      </c>
      <c r="R43907">
        <v>1</v>
      </c>
      <c r="S43907">
        <v>1</v>
      </c>
      <c r="T43907">
        <v>1</v>
      </c>
      <c r="U43907">
        <v>1</v>
      </c>
      <c r="V43907">
        <v>1</v>
      </c>
      <c r="W43907">
        <v>1</v>
      </c>
      <c r="X43907">
        <v>1</v>
      </c>
      <c r="Y43907">
        <v>1</v>
      </c>
      <c r="Z43907">
        <v>1</v>
      </c>
      <c r="AA43907">
        <v>1</v>
      </c>
      <c r="AB43907">
        <v>1</v>
      </c>
      <c r="AC43907">
        <v>1</v>
      </c>
      <c r="AD43907">
        <v>1</v>
      </c>
      <c r="AE43907">
        <v>1</v>
      </c>
      <c r="AF43907">
        <v>1</v>
      </c>
      <c r="AG43907">
        <v>1</v>
      </c>
      <c r="AH43907">
        <v>1</v>
      </c>
      <c r="AI43907">
        <v>1</v>
      </c>
      <c r="AJ43907">
        <v>1</v>
      </c>
      <c r="AK43907">
        <v>1</v>
      </c>
      <c r="AL43907">
        <v>1</v>
      </c>
      <c r="AM43907">
        <v>1</v>
      </c>
      <c r="AN43907">
        <v>1</v>
      </c>
      <c r="AO43907">
        <v>1</v>
      </c>
      <c r="AP43907">
        <v>1</v>
      </c>
      <c r="AQ43907">
        <v>1</v>
      </c>
    </row>
    <row r="43908" spans="1:43">
      <c r="A43908" t="s">
        <v>26775</v>
      </c>
      <c r="B43908" t="s">
        <v>26776</v>
      </c>
      <c r="C43908" t="s">
        <v>9082</v>
      </c>
      <c r="D43908" t="s">
        <v>9083</v>
      </c>
      <c r="E43908" t="s">
        <v>8938</v>
      </c>
      <c r="F43908" t="s">
        <v>8939</v>
      </c>
      <c r="G43908" t="s">
        <v>80</v>
      </c>
      <c r="H43908" t="s">
        <v>81</v>
      </c>
      <c r="I43908" s="2">
        <v>0</v>
      </c>
      <c r="J43908" s="2">
        <v>1</v>
      </c>
      <c r="K43908" s="2">
        <v>0</v>
      </c>
      <c r="L43908" t="s">
        <v>82</v>
      </c>
      <c r="M43908" t="s">
        <v>89</v>
      </c>
      <c r="N43908" t="s">
        <v>90</v>
      </c>
      <c r="O43908" t="s">
        <v>85</v>
      </c>
      <c r="P43908" t="s">
        <v>86</v>
      </c>
      <c r="Q43908">
        <v>1</v>
      </c>
      <c r="R43908">
        <v>1</v>
      </c>
      <c r="S43908">
        <v>1</v>
      </c>
      <c r="T43908">
        <v>1</v>
      </c>
      <c r="U43908">
        <v>1</v>
      </c>
      <c r="V43908">
        <v>1</v>
      </c>
      <c r="W43908">
        <v>1</v>
      </c>
      <c r="X43908">
        <v>1</v>
      </c>
      <c r="Y43908">
        <v>1</v>
      </c>
      <c r="Z43908">
        <v>1</v>
      </c>
      <c r="AA43908">
        <v>1</v>
      </c>
      <c r="AB43908">
        <v>1</v>
      </c>
      <c r="AC43908">
        <v>1</v>
      </c>
      <c r="AD43908">
        <v>1</v>
      </c>
      <c r="AE43908">
        <v>1</v>
      </c>
      <c r="AF43908">
        <v>1</v>
      </c>
      <c r="AG43908">
        <v>1</v>
      </c>
      <c r="AH43908">
        <v>1</v>
      </c>
      <c r="AI43908">
        <v>1</v>
      </c>
      <c r="AJ43908">
        <v>1</v>
      </c>
      <c r="AK43908">
        <v>1</v>
      </c>
      <c r="AL43908">
        <v>1</v>
      </c>
      <c r="AM43908">
        <v>1</v>
      </c>
      <c r="AN43908">
        <v>1</v>
      </c>
      <c r="AO43908">
        <v>1</v>
      </c>
      <c r="AP43908">
        <v>1</v>
      </c>
      <c r="AQ43908">
        <v>1</v>
      </c>
    </row>
    <row r="43909" spans="1:43">
      <c r="A43909" t="s">
        <v>26775</v>
      </c>
      <c r="B43909" t="s">
        <v>26776</v>
      </c>
      <c r="C43909" t="s">
        <v>9082</v>
      </c>
      <c r="D43909" t="s">
        <v>9083</v>
      </c>
      <c r="E43909" t="s">
        <v>8938</v>
      </c>
      <c r="F43909" t="s">
        <v>8939</v>
      </c>
      <c r="G43909" t="s">
        <v>80</v>
      </c>
      <c r="H43909" t="s">
        <v>81</v>
      </c>
      <c r="I43909" s="2">
        <v>0</v>
      </c>
      <c r="J43909" s="2">
        <v>1</v>
      </c>
      <c r="K43909" s="2">
        <v>0</v>
      </c>
      <c r="L43909" t="s">
        <v>82</v>
      </c>
      <c r="M43909" t="s">
        <v>83</v>
      </c>
      <c r="N43909" t="s">
        <v>91</v>
      </c>
      <c r="O43909" t="s">
        <v>85</v>
      </c>
      <c r="P43909" t="s">
        <v>86</v>
      </c>
      <c r="Q43909">
        <v>1</v>
      </c>
      <c r="R43909">
        <v>1</v>
      </c>
      <c r="S43909">
        <v>1</v>
      </c>
      <c r="T43909">
        <v>1</v>
      </c>
      <c r="U43909">
        <v>1</v>
      </c>
      <c r="V43909">
        <v>1</v>
      </c>
      <c r="W43909">
        <v>1</v>
      </c>
      <c r="X43909">
        <v>1</v>
      </c>
      <c r="Y43909">
        <v>1</v>
      </c>
      <c r="Z43909">
        <v>1</v>
      </c>
      <c r="AA43909">
        <v>1</v>
      </c>
      <c r="AB43909">
        <v>1</v>
      </c>
      <c r="AC43909">
        <v>1</v>
      </c>
      <c r="AD43909">
        <v>1</v>
      </c>
      <c r="AE43909">
        <v>1</v>
      </c>
      <c r="AF43909">
        <v>1</v>
      </c>
      <c r="AG43909">
        <v>1</v>
      </c>
      <c r="AH43909">
        <v>1</v>
      </c>
      <c r="AI43909">
        <v>1</v>
      </c>
      <c r="AJ43909">
        <v>1</v>
      </c>
      <c r="AK43909">
        <v>1</v>
      </c>
      <c r="AL43909">
        <v>1</v>
      </c>
      <c r="AM43909">
        <v>1</v>
      </c>
      <c r="AN43909">
        <v>1</v>
      </c>
      <c r="AO43909">
        <v>1</v>
      </c>
      <c r="AP43909">
        <v>1</v>
      </c>
      <c r="AQ43909">
        <v>1</v>
      </c>
    </row>
    <row r="43910" spans="1:43">
      <c r="A43910" t="s">
        <v>26777</v>
      </c>
      <c r="B43910" t="s">
        <v>26778</v>
      </c>
      <c r="C43910" t="s">
        <v>9082</v>
      </c>
      <c r="D43910" t="s">
        <v>9083</v>
      </c>
      <c r="E43910" t="s">
        <v>8938</v>
      </c>
      <c r="F43910" t="s">
        <v>8939</v>
      </c>
      <c r="G43910" t="s">
        <v>80</v>
      </c>
      <c r="H43910" t="s">
        <v>81</v>
      </c>
      <c r="I43910" s="2">
        <v>0</v>
      </c>
      <c r="J43910" s="2">
        <v>1</v>
      </c>
      <c r="K43910" s="2">
        <v>0</v>
      </c>
      <c r="L43910" t="s">
        <v>82</v>
      </c>
      <c r="M43910" t="s">
        <v>83</v>
      </c>
      <c r="N43910" t="s">
        <v>84</v>
      </c>
      <c r="O43910" t="s">
        <v>85</v>
      </c>
      <c r="P43910" t="s">
        <v>86</v>
      </c>
      <c r="Q43910">
        <v>41</v>
      </c>
      <c r="R43910">
        <v>42</v>
      </c>
      <c r="S43910">
        <v>43</v>
      </c>
      <c r="T43910">
        <v>44</v>
      </c>
      <c r="U43910">
        <v>45</v>
      </c>
      <c r="V43910">
        <v>46</v>
      </c>
      <c r="W43910">
        <v>47</v>
      </c>
      <c r="X43910">
        <v>48</v>
      </c>
      <c r="Y43910">
        <v>49</v>
      </c>
      <c r="Z43910">
        <v>50</v>
      </c>
      <c r="AA43910">
        <v>52</v>
      </c>
      <c r="AB43910">
        <v>53</v>
      </c>
      <c r="AC43910">
        <v>54</v>
      </c>
      <c r="AD43910">
        <v>55</v>
      </c>
      <c r="AE43910">
        <v>56</v>
      </c>
      <c r="AF43910">
        <v>57</v>
      </c>
      <c r="AG43910">
        <v>59</v>
      </c>
      <c r="AH43910">
        <v>60</v>
      </c>
      <c r="AI43910">
        <v>61</v>
      </c>
      <c r="AJ43910">
        <v>62</v>
      </c>
      <c r="AK43910">
        <v>64</v>
      </c>
      <c r="AL43910">
        <v>64</v>
      </c>
      <c r="AM43910">
        <v>65</v>
      </c>
      <c r="AN43910">
        <v>66</v>
      </c>
      <c r="AO43910">
        <v>66</v>
      </c>
      <c r="AP43910">
        <v>67</v>
      </c>
      <c r="AQ43910">
        <v>68</v>
      </c>
    </row>
    <row r="43911" spans="1:43">
      <c r="A43911" t="s">
        <v>26777</v>
      </c>
      <c r="B43911" t="s">
        <v>26778</v>
      </c>
      <c r="C43911" t="s">
        <v>9082</v>
      </c>
      <c r="D43911" t="s">
        <v>9083</v>
      </c>
      <c r="E43911" t="s">
        <v>8938</v>
      </c>
      <c r="F43911" t="s">
        <v>8939</v>
      </c>
      <c r="G43911" t="s">
        <v>80</v>
      </c>
      <c r="H43911" t="s">
        <v>81</v>
      </c>
      <c r="I43911" s="2">
        <v>0</v>
      </c>
      <c r="J43911" s="2">
        <v>1</v>
      </c>
      <c r="K43911" s="2">
        <v>0</v>
      </c>
      <c r="L43911" t="s">
        <v>82</v>
      </c>
      <c r="M43911" t="s">
        <v>87</v>
      </c>
      <c r="N43911" t="s">
        <v>88</v>
      </c>
      <c r="O43911" t="s">
        <v>85</v>
      </c>
      <c r="P43911" t="s">
        <v>86</v>
      </c>
      <c r="Q43911">
        <v>41</v>
      </c>
      <c r="R43911">
        <v>42</v>
      </c>
      <c r="S43911">
        <v>42</v>
      </c>
      <c r="T43911">
        <v>43</v>
      </c>
      <c r="U43911">
        <v>44</v>
      </c>
      <c r="V43911">
        <v>44</v>
      </c>
      <c r="W43911">
        <v>45</v>
      </c>
      <c r="X43911">
        <v>46</v>
      </c>
      <c r="Y43911">
        <v>46</v>
      </c>
      <c r="Z43911">
        <v>47</v>
      </c>
      <c r="AA43911">
        <v>48</v>
      </c>
      <c r="AB43911">
        <v>49</v>
      </c>
      <c r="AC43911">
        <v>49</v>
      </c>
      <c r="AD43911">
        <v>50</v>
      </c>
      <c r="AE43911">
        <v>51</v>
      </c>
      <c r="AF43911">
        <v>51</v>
      </c>
      <c r="AG43911">
        <v>52</v>
      </c>
      <c r="AH43911">
        <v>53</v>
      </c>
      <c r="AI43911">
        <v>54</v>
      </c>
      <c r="AJ43911">
        <v>54</v>
      </c>
      <c r="AK43911">
        <v>55</v>
      </c>
      <c r="AL43911">
        <v>56</v>
      </c>
      <c r="AM43911">
        <v>57</v>
      </c>
      <c r="AN43911">
        <v>57</v>
      </c>
      <c r="AO43911">
        <v>58</v>
      </c>
      <c r="AP43911">
        <v>59</v>
      </c>
      <c r="AQ43911">
        <v>60</v>
      </c>
    </row>
    <row r="43912" spans="1:43">
      <c r="A43912" t="s">
        <v>26777</v>
      </c>
      <c r="B43912" t="s">
        <v>26778</v>
      </c>
      <c r="C43912" t="s">
        <v>9082</v>
      </c>
      <c r="D43912" t="s">
        <v>9083</v>
      </c>
      <c r="E43912" t="s">
        <v>8938</v>
      </c>
      <c r="F43912" t="s">
        <v>8939</v>
      </c>
      <c r="G43912" t="s">
        <v>80</v>
      </c>
      <c r="H43912" t="s">
        <v>81</v>
      </c>
      <c r="I43912" s="2">
        <v>0</v>
      </c>
      <c r="J43912" s="2">
        <v>1</v>
      </c>
      <c r="K43912" s="2">
        <v>0</v>
      </c>
      <c r="L43912" t="s">
        <v>82</v>
      </c>
      <c r="M43912" t="s">
        <v>89</v>
      </c>
      <c r="N43912" t="s">
        <v>90</v>
      </c>
      <c r="O43912" t="s">
        <v>85</v>
      </c>
      <c r="P43912" t="s">
        <v>86</v>
      </c>
      <c r="Q43912">
        <v>41</v>
      </c>
      <c r="R43912">
        <v>42</v>
      </c>
      <c r="S43912">
        <v>44</v>
      </c>
      <c r="T43912">
        <v>45</v>
      </c>
      <c r="U43912">
        <v>47</v>
      </c>
      <c r="V43912">
        <v>48</v>
      </c>
      <c r="W43912">
        <v>49</v>
      </c>
      <c r="X43912">
        <v>51</v>
      </c>
      <c r="Y43912">
        <v>52</v>
      </c>
      <c r="Z43912">
        <v>54</v>
      </c>
      <c r="AA43912">
        <v>55</v>
      </c>
      <c r="AB43912">
        <v>56</v>
      </c>
      <c r="AC43912">
        <v>58</v>
      </c>
      <c r="AD43912">
        <v>59</v>
      </c>
      <c r="AE43912">
        <v>60</v>
      </c>
      <c r="AF43912">
        <v>61</v>
      </c>
      <c r="AG43912">
        <v>62</v>
      </c>
      <c r="AH43912">
        <v>62</v>
      </c>
      <c r="AI43912">
        <v>63</v>
      </c>
      <c r="AJ43912">
        <v>64</v>
      </c>
      <c r="AK43912">
        <v>64</v>
      </c>
      <c r="AL43912">
        <v>65</v>
      </c>
      <c r="AM43912">
        <v>65</v>
      </c>
      <c r="AN43912">
        <v>66</v>
      </c>
      <c r="AO43912">
        <v>67</v>
      </c>
      <c r="AP43912">
        <v>67</v>
      </c>
      <c r="AQ43912">
        <v>68</v>
      </c>
    </row>
    <row r="43913" spans="1:43">
      <c r="A43913" t="s">
        <v>26777</v>
      </c>
      <c r="B43913" t="s">
        <v>26778</v>
      </c>
      <c r="C43913" t="s">
        <v>9082</v>
      </c>
      <c r="D43913" t="s">
        <v>9083</v>
      </c>
      <c r="E43913" t="s">
        <v>8938</v>
      </c>
      <c r="F43913" t="s">
        <v>8939</v>
      </c>
      <c r="G43913" t="s">
        <v>80</v>
      </c>
      <c r="H43913" t="s">
        <v>81</v>
      </c>
      <c r="I43913" s="2">
        <v>0</v>
      </c>
      <c r="J43913" s="2">
        <v>1</v>
      </c>
      <c r="K43913" s="2">
        <v>0</v>
      </c>
      <c r="L43913" t="s">
        <v>82</v>
      </c>
      <c r="M43913" t="s">
        <v>83</v>
      </c>
      <c r="N43913" t="s">
        <v>91</v>
      </c>
      <c r="O43913" t="s">
        <v>85</v>
      </c>
      <c r="P43913" t="s">
        <v>86</v>
      </c>
      <c r="Q43913">
        <v>41</v>
      </c>
      <c r="R43913">
        <v>42</v>
      </c>
      <c r="S43913">
        <v>43</v>
      </c>
      <c r="T43913">
        <v>44</v>
      </c>
      <c r="U43913">
        <v>45</v>
      </c>
      <c r="V43913">
        <v>46</v>
      </c>
      <c r="W43913">
        <v>47</v>
      </c>
      <c r="X43913">
        <v>48</v>
      </c>
      <c r="Y43913">
        <v>49</v>
      </c>
      <c r="Z43913">
        <v>50</v>
      </c>
      <c r="AA43913">
        <v>52</v>
      </c>
      <c r="AB43913">
        <v>53</v>
      </c>
      <c r="AC43913">
        <v>54</v>
      </c>
      <c r="AD43913">
        <v>55</v>
      </c>
      <c r="AE43913">
        <v>56</v>
      </c>
      <c r="AF43913">
        <v>57</v>
      </c>
      <c r="AG43913">
        <v>59</v>
      </c>
      <c r="AH43913">
        <v>60</v>
      </c>
      <c r="AI43913">
        <v>61</v>
      </c>
      <c r="AJ43913">
        <v>62</v>
      </c>
      <c r="AK43913">
        <v>64</v>
      </c>
      <c r="AL43913">
        <v>64</v>
      </c>
      <c r="AM43913">
        <v>65</v>
      </c>
      <c r="AN43913">
        <v>66</v>
      </c>
      <c r="AO43913">
        <v>66</v>
      </c>
      <c r="AP43913">
        <v>67</v>
      </c>
      <c r="AQ43913">
        <v>68</v>
      </c>
    </row>
    <row r="43914" spans="1:43">
      <c r="A43914" t="s">
        <v>26779</v>
      </c>
      <c r="B43914" t="s">
        <v>26780</v>
      </c>
      <c r="C43914" t="s">
        <v>9040</v>
      </c>
      <c r="D43914" t="s">
        <v>9041</v>
      </c>
      <c r="E43914" t="s">
        <v>8938</v>
      </c>
      <c r="F43914" t="s">
        <v>8939</v>
      </c>
      <c r="G43914" t="s">
        <v>80</v>
      </c>
      <c r="H43914" t="s">
        <v>81</v>
      </c>
      <c r="I43914" s="2">
        <v>0</v>
      </c>
      <c r="J43914" s="2">
        <v>1</v>
      </c>
      <c r="K43914" s="2">
        <v>0</v>
      </c>
      <c r="L43914" t="s">
        <v>82</v>
      </c>
      <c r="M43914" t="s">
        <v>83</v>
      </c>
      <c r="N43914" t="s">
        <v>84</v>
      </c>
      <c r="O43914" t="s">
        <v>85</v>
      </c>
      <c r="P43914" t="s">
        <v>86</v>
      </c>
      <c r="Q43914">
        <v>19</v>
      </c>
      <c r="R43914">
        <v>20</v>
      </c>
      <c r="S43914">
        <v>20</v>
      </c>
      <c r="T43914">
        <v>21</v>
      </c>
      <c r="U43914">
        <v>21</v>
      </c>
      <c r="V43914">
        <v>22</v>
      </c>
      <c r="W43914">
        <v>22</v>
      </c>
      <c r="X43914">
        <v>23</v>
      </c>
      <c r="Y43914">
        <v>23</v>
      </c>
      <c r="Z43914">
        <v>24</v>
      </c>
      <c r="AA43914">
        <v>24</v>
      </c>
      <c r="AB43914">
        <v>25</v>
      </c>
      <c r="AC43914">
        <v>25</v>
      </c>
      <c r="AD43914">
        <v>26</v>
      </c>
      <c r="AE43914">
        <v>26</v>
      </c>
      <c r="AF43914">
        <v>27</v>
      </c>
      <c r="AG43914">
        <v>27</v>
      </c>
      <c r="AH43914">
        <v>28</v>
      </c>
      <c r="AI43914">
        <v>29</v>
      </c>
      <c r="AJ43914">
        <v>29</v>
      </c>
      <c r="AK43914">
        <v>30</v>
      </c>
      <c r="AL43914">
        <v>30</v>
      </c>
      <c r="AM43914">
        <v>31</v>
      </c>
      <c r="AN43914">
        <v>31</v>
      </c>
      <c r="AO43914">
        <v>31</v>
      </c>
      <c r="AP43914">
        <v>31</v>
      </c>
      <c r="AQ43914">
        <v>32</v>
      </c>
    </row>
    <row r="43915" spans="1:43">
      <c r="A43915" t="s">
        <v>26779</v>
      </c>
      <c r="B43915" t="s">
        <v>26780</v>
      </c>
      <c r="C43915" t="s">
        <v>9040</v>
      </c>
      <c r="D43915" t="s">
        <v>9041</v>
      </c>
      <c r="E43915" t="s">
        <v>8938</v>
      </c>
      <c r="F43915" t="s">
        <v>8939</v>
      </c>
      <c r="G43915" t="s">
        <v>80</v>
      </c>
      <c r="H43915" t="s">
        <v>81</v>
      </c>
      <c r="I43915" s="2">
        <v>0</v>
      </c>
      <c r="J43915" s="2">
        <v>1</v>
      </c>
      <c r="K43915" s="2">
        <v>0</v>
      </c>
      <c r="L43915" t="s">
        <v>82</v>
      </c>
      <c r="M43915" t="s">
        <v>87</v>
      </c>
      <c r="N43915" t="s">
        <v>88</v>
      </c>
      <c r="O43915" t="s">
        <v>85</v>
      </c>
      <c r="P43915" t="s">
        <v>86</v>
      </c>
      <c r="Q43915">
        <v>19</v>
      </c>
      <c r="R43915">
        <v>19</v>
      </c>
      <c r="S43915">
        <v>19</v>
      </c>
      <c r="T43915">
        <v>20</v>
      </c>
      <c r="U43915">
        <v>20</v>
      </c>
      <c r="V43915">
        <v>20</v>
      </c>
      <c r="W43915">
        <v>21</v>
      </c>
      <c r="X43915">
        <v>21</v>
      </c>
      <c r="Y43915">
        <v>21</v>
      </c>
      <c r="Z43915">
        <v>22</v>
      </c>
      <c r="AA43915">
        <v>22</v>
      </c>
      <c r="AB43915">
        <v>22</v>
      </c>
      <c r="AC43915">
        <v>23</v>
      </c>
      <c r="AD43915">
        <v>23</v>
      </c>
      <c r="AE43915">
        <v>23</v>
      </c>
      <c r="AF43915">
        <v>24</v>
      </c>
      <c r="AG43915">
        <v>24</v>
      </c>
      <c r="AH43915">
        <v>24</v>
      </c>
      <c r="AI43915">
        <v>25</v>
      </c>
      <c r="AJ43915">
        <v>25</v>
      </c>
      <c r="AK43915">
        <v>25</v>
      </c>
      <c r="AL43915">
        <v>26</v>
      </c>
      <c r="AM43915">
        <v>26</v>
      </c>
      <c r="AN43915">
        <v>26</v>
      </c>
      <c r="AO43915">
        <v>27</v>
      </c>
      <c r="AP43915">
        <v>27</v>
      </c>
      <c r="AQ43915">
        <v>28</v>
      </c>
    </row>
    <row r="43916" spans="1:43">
      <c r="A43916" t="s">
        <v>26779</v>
      </c>
      <c r="B43916" t="s">
        <v>26780</v>
      </c>
      <c r="C43916" t="s">
        <v>9040</v>
      </c>
      <c r="D43916" t="s">
        <v>9041</v>
      </c>
      <c r="E43916" t="s">
        <v>8938</v>
      </c>
      <c r="F43916" t="s">
        <v>8939</v>
      </c>
      <c r="G43916" t="s">
        <v>80</v>
      </c>
      <c r="H43916" t="s">
        <v>81</v>
      </c>
      <c r="I43916" s="2">
        <v>0</v>
      </c>
      <c r="J43916" s="2">
        <v>1</v>
      </c>
      <c r="K43916" s="2">
        <v>0</v>
      </c>
      <c r="L43916" t="s">
        <v>82</v>
      </c>
      <c r="M43916" t="s">
        <v>89</v>
      </c>
      <c r="N43916" t="s">
        <v>90</v>
      </c>
      <c r="O43916" t="s">
        <v>85</v>
      </c>
      <c r="P43916" t="s">
        <v>86</v>
      </c>
      <c r="Q43916">
        <v>19</v>
      </c>
      <c r="R43916">
        <v>20</v>
      </c>
      <c r="S43916">
        <v>21</v>
      </c>
      <c r="T43916">
        <v>21</v>
      </c>
      <c r="U43916">
        <v>22</v>
      </c>
      <c r="V43916">
        <v>23</v>
      </c>
      <c r="W43916">
        <v>23</v>
      </c>
      <c r="X43916">
        <v>24</v>
      </c>
      <c r="Y43916">
        <v>24</v>
      </c>
      <c r="Z43916">
        <v>25</v>
      </c>
      <c r="AA43916">
        <v>26</v>
      </c>
      <c r="AB43916">
        <v>26</v>
      </c>
      <c r="AC43916">
        <v>27</v>
      </c>
      <c r="AD43916">
        <v>28</v>
      </c>
      <c r="AE43916">
        <v>28</v>
      </c>
      <c r="AF43916">
        <v>29</v>
      </c>
      <c r="AG43916">
        <v>29</v>
      </c>
      <c r="AH43916">
        <v>29</v>
      </c>
      <c r="AI43916">
        <v>30</v>
      </c>
      <c r="AJ43916">
        <v>30</v>
      </c>
      <c r="AK43916">
        <v>30</v>
      </c>
      <c r="AL43916">
        <v>30</v>
      </c>
      <c r="AM43916">
        <v>31</v>
      </c>
      <c r="AN43916">
        <v>31</v>
      </c>
      <c r="AO43916">
        <v>31</v>
      </c>
      <c r="AP43916">
        <v>32</v>
      </c>
      <c r="AQ43916">
        <v>32</v>
      </c>
    </row>
    <row r="43917" spans="1:43">
      <c r="A43917" t="s">
        <v>26779</v>
      </c>
      <c r="B43917" t="s">
        <v>26780</v>
      </c>
      <c r="C43917" t="s">
        <v>9040</v>
      </c>
      <c r="D43917" t="s">
        <v>9041</v>
      </c>
      <c r="E43917" t="s">
        <v>8938</v>
      </c>
      <c r="F43917" t="s">
        <v>8939</v>
      </c>
      <c r="G43917" t="s">
        <v>80</v>
      </c>
      <c r="H43917" t="s">
        <v>81</v>
      </c>
      <c r="I43917" s="2">
        <v>0</v>
      </c>
      <c r="J43917" s="2">
        <v>1</v>
      </c>
      <c r="K43917" s="2">
        <v>0</v>
      </c>
      <c r="L43917" t="s">
        <v>82</v>
      </c>
      <c r="M43917" t="s">
        <v>83</v>
      </c>
      <c r="N43917" t="s">
        <v>91</v>
      </c>
      <c r="O43917" t="s">
        <v>85</v>
      </c>
      <c r="P43917" t="s">
        <v>86</v>
      </c>
      <c r="Q43917">
        <v>19</v>
      </c>
      <c r="R43917">
        <v>20</v>
      </c>
      <c r="S43917">
        <v>20</v>
      </c>
      <c r="T43917">
        <v>21</v>
      </c>
      <c r="U43917">
        <v>21</v>
      </c>
      <c r="V43917">
        <v>22</v>
      </c>
      <c r="W43917">
        <v>22</v>
      </c>
      <c r="X43917">
        <v>23</v>
      </c>
      <c r="Y43917">
        <v>23</v>
      </c>
      <c r="Z43917">
        <v>24</v>
      </c>
      <c r="AA43917">
        <v>24</v>
      </c>
      <c r="AB43917">
        <v>25</v>
      </c>
      <c r="AC43917">
        <v>25</v>
      </c>
      <c r="AD43917">
        <v>26</v>
      </c>
      <c r="AE43917">
        <v>26</v>
      </c>
      <c r="AF43917">
        <v>27</v>
      </c>
      <c r="AG43917">
        <v>27</v>
      </c>
      <c r="AH43917">
        <v>28</v>
      </c>
      <c r="AI43917">
        <v>29</v>
      </c>
      <c r="AJ43917">
        <v>29</v>
      </c>
      <c r="AK43917">
        <v>30</v>
      </c>
      <c r="AL43917">
        <v>30</v>
      </c>
      <c r="AM43917">
        <v>31</v>
      </c>
      <c r="AN43917">
        <v>31</v>
      </c>
      <c r="AO43917">
        <v>31</v>
      </c>
      <c r="AP43917">
        <v>31</v>
      </c>
      <c r="AQ43917">
        <v>32</v>
      </c>
    </row>
    <row r="43918" spans="1:43">
      <c r="A43918" t="s">
        <v>26781</v>
      </c>
      <c r="B43918" t="s">
        <v>26782</v>
      </c>
      <c r="C43918" t="s">
        <v>9040</v>
      </c>
      <c r="D43918" t="s">
        <v>9041</v>
      </c>
      <c r="E43918" t="s">
        <v>8938</v>
      </c>
      <c r="F43918" t="s">
        <v>8939</v>
      </c>
      <c r="G43918" t="s">
        <v>80</v>
      </c>
      <c r="H43918" t="s">
        <v>81</v>
      </c>
      <c r="I43918" s="2">
        <v>0</v>
      </c>
      <c r="J43918" s="2">
        <v>1</v>
      </c>
      <c r="K43918" s="2">
        <v>0</v>
      </c>
      <c r="L43918" t="s">
        <v>82</v>
      </c>
      <c r="M43918" t="s">
        <v>83</v>
      </c>
      <c r="N43918" t="s">
        <v>84</v>
      </c>
      <c r="O43918" t="s">
        <v>85</v>
      </c>
      <c r="P43918" t="s">
        <v>86</v>
      </c>
      <c r="Q43918">
        <v>8</v>
      </c>
      <c r="R43918">
        <v>8</v>
      </c>
      <c r="S43918">
        <v>8</v>
      </c>
      <c r="T43918">
        <v>9</v>
      </c>
      <c r="U43918">
        <v>9</v>
      </c>
      <c r="V43918">
        <v>9</v>
      </c>
      <c r="W43918">
        <v>9</v>
      </c>
      <c r="X43918">
        <v>9</v>
      </c>
      <c r="Y43918">
        <v>10</v>
      </c>
      <c r="Z43918">
        <v>10</v>
      </c>
      <c r="AA43918">
        <v>10</v>
      </c>
      <c r="AB43918">
        <v>10</v>
      </c>
      <c r="AC43918">
        <v>11</v>
      </c>
      <c r="AD43918">
        <v>11</v>
      </c>
      <c r="AE43918">
        <v>11</v>
      </c>
      <c r="AF43918">
        <v>11</v>
      </c>
      <c r="AG43918">
        <v>12</v>
      </c>
      <c r="AH43918">
        <v>12</v>
      </c>
      <c r="AI43918">
        <v>12</v>
      </c>
      <c r="AJ43918">
        <v>12</v>
      </c>
      <c r="AK43918">
        <v>13</v>
      </c>
      <c r="AL43918">
        <v>13</v>
      </c>
      <c r="AM43918">
        <v>13</v>
      </c>
      <c r="AN43918">
        <v>13</v>
      </c>
      <c r="AO43918">
        <v>13</v>
      </c>
      <c r="AP43918">
        <v>13</v>
      </c>
      <c r="AQ43918">
        <v>13</v>
      </c>
    </row>
    <row r="43919" spans="1:43">
      <c r="A43919" t="s">
        <v>26781</v>
      </c>
      <c r="B43919" t="s">
        <v>26782</v>
      </c>
      <c r="C43919" t="s">
        <v>9040</v>
      </c>
      <c r="D43919" t="s">
        <v>9041</v>
      </c>
      <c r="E43919" t="s">
        <v>8938</v>
      </c>
      <c r="F43919" t="s">
        <v>8939</v>
      </c>
      <c r="G43919" t="s">
        <v>80</v>
      </c>
      <c r="H43919" t="s">
        <v>81</v>
      </c>
      <c r="I43919" s="2">
        <v>0</v>
      </c>
      <c r="J43919" s="2">
        <v>1</v>
      </c>
      <c r="K43919" s="2">
        <v>0</v>
      </c>
      <c r="L43919" t="s">
        <v>82</v>
      </c>
      <c r="M43919" t="s">
        <v>87</v>
      </c>
      <c r="N43919" t="s">
        <v>88</v>
      </c>
      <c r="O43919" t="s">
        <v>85</v>
      </c>
      <c r="P43919" t="s">
        <v>86</v>
      </c>
      <c r="Q43919">
        <v>8</v>
      </c>
      <c r="R43919">
        <v>8</v>
      </c>
      <c r="S43919">
        <v>8</v>
      </c>
      <c r="T43919">
        <v>8</v>
      </c>
      <c r="U43919">
        <v>8</v>
      </c>
      <c r="V43919">
        <v>9</v>
      </c>
      <c r="W43919">
        <v>9</v>
      </c>
      <c r="X43919">
        <v>9</v>
      </c>
      <c r="Y43919">
        <v>9</v>
      </c>
      <c r="Z43919">
        <v>9</v>
      </c>
      <c r="AA43919">
        <v>9</v>
      </c>
      <c r="AB43919">
        <v>9</v>
      </c>
      <c r="AC43919">
        <v>10</v>
      </c>
      <c r="AD43919">
        <v>10</v>
      </c>
      <c r="AE43919">
        <v>10</v>
      </c>
      <c r="AF43919">
        <v>10</v>
      </c>
      <c r="AG43919">
        <v>10</v>
      </c>
      <c r="AH43919">
        <v>10</v>
      </c>
      <c r="AI43919">
        <v>10</v>
      </c>
      <c r="AJ43919">
        <v>11</v>
      </c>
      <c r="AK43919">
        <v>11</v>
      </c>
      <c r="AL43919">
        <v>11</v>
      </c>
      <c r="AM43919">
        <v>11</v>
      </c>
      <c r="AN43919">
        <v>11</v>
      </c>
      <c r="AO43919">
        <v>11</v>
      </c>
      <c r="AP43919">
        <v>11</v>
      </c>
      <c r="AQ43919">
        <v>12</v>
      </c>
    </row>
    <row r="43920" spans="1:43">
      <c r="A43920" t="s">
        <v>26781</v>
      </c>
      <c r="B43920" t="s">
        <v>26782</v>
      </c>
      <c r="C43920" t="s">
        <v>9040</v>
      </c>
      <c r="D43920" t="s">
        <v>9041</v>
      </c>
      <c r="E43920" t="s">
        <v>8938</v>
      </c>
      <c r="F43920" t="s">
        <v>8939</v>
      </c>
      <c r="G43920" t="s">
        <v>80</v>
      </c>
      <c r="H43920" t="s">
        <v>81</v>
      </c>
      <c r="I43920" s="2">
        <v>0</v>
      </c>
      <c r="J43920" s="2">
        <v>1</v>
      </c>
      <c r="K43920" s="2">
        <v>0</v>
      </c>
      <c r="L43920" t="s">
        <v>82</v>
      </c>
      <c r="M43920" t="s">
        <v>89</v>
      </c>
      <c r="N43920" t="s">
        <v>90</v>
      </c>
      <c r="O43920" t="s">
        <v>85</v>
      </c>
      <c r="P43920" t="s">
        <v>86</v>
      </c>
      <c r="Q43920">
        <v>8</v>
      </c>
      <c r="R43920">
        <v>8</v>
      </c>
      <c r="S43920">
        <v>9</v>
      </c>
      <c r="T43920">
        <v>9</v>
      </c>
      <c r="U43920">
        <v>9</v>
      </c>
      <c r="V43920">
        <v>9</v>
      </c>
      <c r="W43920">
        <v>10</v>
      </c>
      <c r="X43920">
        <v>10</v>
      </c>
      <c r="Y43920">
        <v>10</v>
      </c>
      <c r="Z43920">
        <v>11</v>
      </c>
      <c r="AA43920">
        <v>11</v>
      </c>
      <c r="AB43920">
        <v>11</v>
      </c>
      <c r="AC43920">
        <v>11</v>
      </c>
      <c r="AD43920">
        <v>12</v>
      </c>
      <c r="AE43920">
        <v>12</v>
      </c>
      <c r="AF43920">
        <v>12</v>
      </c>
      <c r="AG43920">
        <v>12</v>
      </c>
      <c r="AH43920">
        <v>12</v>
      </c>
      <c r="AI43920">
        <v>12</v>
      </c>
      <c r="AJ43920">
        <v>13</v>
      </c>
      <c r="AK43920">
        <v>13</v>
      </c>
      <c r="AL43920">
        <v>13</v>
      </c>
      <c r="AM43920">
        <v>13</v>
      </c>
      <c r="AN43920">
        <v>13</v>
      </c>
      <c r="AO43920">
        <v>13</v>
      </c>
      <c r="AP43920">
        <v>13</v>
      </c>
      <c r="AQ43920">
        <v>13</v>
      </c>
    </row>
    <row r="43921" spans="1:43">
      <c r="A43921" t="s">
        <v>26781</v>
      </c>
      <c r="B43921" t="s">
        <v>26782</v>
      </c>
      <c r="C43921" t="s">
        <v>9040</v>
      </c>
      <c r="D43921" t="s">
        <v>9041</v>
      </c>
      <c r="E43921" t="s">
        <v>8938</v>
      </c>
      <c r="F43921" t="s">
        <v>8939</v>
      </c>
      <c r="G43921" t="s">
        <v>80</v>
      </c>
      <c r="H43921" t="s">
        <v>81</v>
      </c>
      <c r="I43921" s="2">
        <v>0</v>
      </c>
      <c r="J43921" s="2">
        <v>1</v>
      </c>
      <c r="K43921" s="2">
        <v>0</v>
      </c>
      <c r="L43921" t="s">
        <v>82</v>
      </c>
      <c r="M43921" t="s">
        <v>83</v>
      </c>
      <c r="N43921" t="s">
        <v>91</v>
      </c>
      <c r="O43921" t="s">
        <v>85</v>
      </c>
      <c r="P43921" t="s">
        <v>86</v>
      </c>
      <c r="Q43921">
        <v>8</v>
      </c>
      <c r="R43921">
        <v>8</v>
      </c>
      <c r="S43921">
        <v>8</v>
      </c>
      <c r="T43921">
        <v>9</v>
      </c>
      <c r="U43921">
        <v>9</v>
      </c>
      <c r="V43921">
        <v>9</v>
      </c>
      <c r="W43921">
        <v>9</v>
      </c>
      <c r="X43921">
        <v>9</v>
      </c>
      <c r="Y43921">
        <v>10</v>
      </c>
      <c r="Z43921">
        <v>10</v>
      </c>
      <c r="AA43921">
        <v>10</v>
      </c>
      <c r="AB43921">
        <v>10</v>
      </c>
      <c r="AC43921">
        <v>11</v>
      </c>
      <c r="AD43921">
        <v>11</v>
      </c>
      <c r="AE43921">
        <v>11</v>
      </c>
      <c r="AF43921">
        <v>11</v>
      </c>
      <c r="AG43921">
        <v>12</v>
      </c>
      <c r="AH43921">
        <v>12</v>
      </c>
      <c r="AI43921">
        <v>12</v>
      </c>
      <c r="AJ43921">
        <v>12</v>
      </c>
      <c r="AK43921">
        <v>13</v>
      </c>
      <c r="AL43921">
        <v>13</v>
      </c>
      <c r="AM43921">
        <v>13</v>
      </c>
      <c r="AN43921">
        <v>13</v>
      </c>
      <c r="AO43921">
        <v>13</v>
      </c>
      <c r="AP43921">
        <v>13</v>
      </c>
      <c r="AQ43921">
        <v>13</v>
      </c>
    </row>
    <row r="43922" spans="1:43">
      <c r="A43922" t="s">
        <v>26783</v>
      </c>
      <c r="B43922" t="s">
        <v>26784</v>
      </c>
      <c r="C43922" t="s">
        <v>9112</v>
      </c>
      <c r="D43922" t="s">
        <v>9113</v>
      </c>
      <c r="E43922" t="s">
        <v>8938</v>
      </c>
      <c r="F43922" t="s">
        <v>8939</v>
      </c>
      <c r="G43922" t="s">
        <v>80</v>
      </c>
      <c r="H43922" t="s">
        <v>81</v>
      </c>
      <c r="I43922" s="2">
        <v>0</v>
      </c>
      <c r="J43922" s="2">
        <v>1</v>
      </c>
      <c r="K43922" s="2">
        <v>0</v>
      </c>
      <c r="L43922" t="s">
        <v>82</v>
      </c>
      <c r="M43922" t="s">
        <v>83</v>
      </c>
      <c r="N43922" t="s">
        <v>84</v>
      </c>
      <c r="O43922" t="s">
        <v>85</v>
      </c>
      <c r="P43922" t="s">
        <v>86</v>
      </c>
      <c r="Q43922">
        <v>12</v>
      </c>
      <c r="R43922">
        <v>12</v>
      </c>
      <c r="S43922">
        <v>13</v>
      </c>
      <c r="T43922">
        <v>13</v>
      </c>
      <c r="U43922">
        <v>13</v>
      </c>
      <c r="V43922">
        <v>14</v>
      </c>
      <c r="W43922">
        <v>14</v>
      </c>
      <c r="X43922">
        <v>14</v>
      </c>
      <c r="Y43922">
        <v>15</v>
      </c>
      <c r="Z43922">
        <v>15</v>
      </c>
      <c r="AA43922">
        <v>15</v>
      </c>
      <c r="AB43922">
        <v>16</v>
      </c>
      <c r="AC43922">
        <v>16</v>
      </c>
      <c r="AD43922">
        <v>16</v>
      </c>
      <c r="AE43922">
        <v>17</v>
      </c>
      <c r="AF43922">
        <v>17</v>
      </c>
      <c r="AG43922">
        <v>17</v>
      </c>
      <c r="AH43922">
        <v>18</v>
      </c>
      <c r="AI43922">
        <v>18</v>
      </c>
      <c r="AJ43922">
        <v>18</v>
      </c>
      <c r="AK43922">
        <v>19</v>
      </c>
      <c r="AL43922">
        <v>19</v>
      </c>
      <c r="AM43922">
        <v>19</v>
      </c>
      <c r="AN43922">
        <v>20</v>
      </c>
      <c r="AO43922">
        <v>20</v>
      </c>
      <c r="AP43922">
        <v>20</v>
      </c>
      <c r="AQ43922">
        <v>20</v>
      </c>
    </row>
    <row r="43923" spans="1:43">
      <c r="A43923" t="s">
        <v>26783</v>
      </c>
      <c r="B43923" t="s">
        <v>26784</v>
      </c>
      <c r="C43923" t="s">
        <v>9112</v>
      </c>
      <c r="D43923" t="s">
        <v>9113</v>
      </c>
      <c r="E43923" t="s">
        <v>8938</v>
      </c>
      <c r="F43923" t="s">
        <v>8939</v>
      </c>
      <c r="G43923" t="s">
        <v>80</v>
      </c>
      <c r="H43923" t="s">
        <v>81</v>
      </c>
      <c r="I43923" s="2">
        <v>0</v>
      </c>
      <c r="J43923" s="2">
        <v>1</v>
      </c>
      <c r="K43923" s="2">
        <v>0</v>
      </c>
      <c r="L43923" t="s">
        <v>82</v>
      </c>
      <c r="M43923" t="s">
        <v>87</v>
      </c>
      <c r="N43923" t="s">
        <v>88</v>
      </c>
      <c r="O43923" t="s">
        <v>85</v>
      </c>
      <c r="P43923" t="s">
        <v>86</v>
      </c>
      <c r="Q43923">
        <v>12</v>
      </c>
      <c r="R43923">
        <v>12</v>
      </c>
      <c r="S43923">
        <v>12</v>
      </c>
      <c r="T43923">
        <v>13</v>
      </c>
      <c r="U43923">
        <v>13</v>
      </c>
      <c r="V43923">
        <v>13</v>
      </c>
      <c r="W43923">
        <v>13</v>
      </c>
      <c r="X43923">
        <v>13</v>
      </c>
      <c r="Y43923">
        <v>14</v>
      </c>
      <c r="Z43923">
        <v>14</v>
      </c>
      <c r="AA43923">
        <v>14</v>
      </c>
      <c r="AB43923">
        <v>14</v>
      </c>
      <c r="AC43923">
        <v>14</v>
      </c>
      <c r="AD43923">
        <v>15</v>
      </c>
      <c r="AE43923">
        <v>15</v>
      </c>
      <c r="AF43923">
        <v>15</v>
      </c>
      <c r="AG43923">
        <v>15</v>
      </c>
      <c r="AH43923">
        <v>15</v>
      </c>
      <c r="AI43923">
        <v>16</v>
      </c>
      <c r="AJ43923">
        <v>16</v>
      </c>
      <c r="AK43923">
        <v>16</v>
      </c>
      <c r="AL43923">
        <v>16</v>
      </c>
      <c r="AM43923">
        <v>17</v>
      </c>
      <c r="AN43923">
        <v>17</v>
      </c>
      <c r="AO43923">
        <v>17</v>
      </c>
      <c r="AP43923">
        <v>17</v>
      </c>
      <c r="AQ43923">
        <v>18</v>
      </c>
    </row>
    <row r="43924" spans="1:43">
      <c r="A43924" t="s">
        <v>26783</v>
      </c>
      <c r="B43924" t="s">
        <v>26784</v>
      </c>
      <c r="C43924" t="s">
        <v>9112</v>
      </c>
      <c r="D43924" t="s">
        <v>9113</v>
      </c>
      <c r="E43924" t="s">
        <v>8938</v>
      </c>
      <c r="F43924" t="s">
        <v>8939</v>
      </c>
      <c r="G43924" t="s">
        <v>80</v>
      </c>
      <c r="H43924" t="s">
        <v>81</v>
      </c>
      <c r="I43924" s="2">
        <v>0</v>
      </c>
      <c r="J43924" s="2">
        <v>1</v>
      </c>
      <c r="K43924" s="2">
        <v>0</v>
      </c>
      <c r="L43924" t="s">
        <v>82</v>
      </c>
      <c r="M43924" t="s">
        <v>89</v>
      </c>
      <c r="N43924" t="s">
        <v>90</v>
      </c>
      <c r="O43924" t="s">
        <v>85</v>
      </c>
      <c r="P43924" t="s">
        <v>86</v>
      </c>
      <c r="Q43924">
        <v>12</v>
      </c>
      <c r="R43924">
        <v>13</v>
      </c>
      <c r="S43924">
        <v>13</v>
      </c>
      <c r="T43924">
        <v>13</v>
      </c>
      <c r="U43924">
        <v>14</v>
      </c>
      <c r="V43924">
        <v>14</v>
      </c>
      <c r="W43924">
        <v>15</v>
      </c>
      <c r="X43924">
        <v>15</v>
      </c>
      <c r="Y43924">
        <v>16</v>
      </c>
      <c r="Z43924">
        <v>16</v>
      </c>
      <c r="AA43924">
        <v>16</v>
      </c>
      <c r="AB43924">
        <v>17</v>
      </c>
      <c r="AC43924">
        <v>17</v>
      </c>
      <c r="AD43924">
        <v>18</v>
      </c>
      <c r="AE43924">
        <v>18</v>
      </c>
      <c r="AF43924">
        <v>18</v>
      </c>
      <c r="AG43924">
        <v>18</v>
      </c>
      <c r="AH43924">
        <v>18</v>
      </c>
      <c r="AI43924">
        <v>19</v>
      </c>
      <c r="AJ43924">
        <v>19</v>
      </c>
      <c r="AK43924">
        <v>19</v>
      </c>
      <c r="AL43924">
        <v>19</v>
      </c>
      <c r="AM43924">
        <v>19</v>
      </c>
      <c r="AN43924">
        <v>20</v>
      </c>
      <c r="AO43924">
        <v>20</v>
      </c>
      <c r="AP43924">
        <v>20</v>
      </c>
      <c r="AQ43924">
        <v>20</v>
      </c>
    </row>
    <row r="43925" spans="1:43">
      <c r="A43925" t="s">
        <v>26783</v>
      </c>
      <c r="B43925" t="s">
        <v>26784</v>
      </c>
      <c r="C43925" t="s">
        <v>9112</v>
      </c>
      <c r="D43925" t="s">
        <v>9113</v>
      </c>
      <c r="E43925" t="s">
        <v>8938</v>
      </c>
      <c r="F43925" t="s">
        <v>8939</v>
      </c>
      <c r="G43925" t="s">
        <v>80</v>
      </c>
      <c r="H43925" t="s">
        <v>81</v>
      </c>
      <c r="I43925" s="2">
        <v>0</v>
      </c>
      <c r="J43925" s="2">
        <v>1</v>
      </c>
      <c r="K43925" s="2">
        <v>0</v>
      </c>
      <c r="L43925" t="s">
        <v>82</v>
      </c>
      <c r="M43925" t="s">
        <v>83</v>
      </c>
      <c r="N43925" t="s">
        <v>91</v>
      </c>
      <c r="O43925" t="s">
        <v>85</v>
      </c>
      <c r="P43925" t="s">
        <v>86</v>
      </c>
      <c r="Q43925">
        <v>12</v>
      </c>
      <c r="R43925">
        <v>12</v>
      </c>
      <c r="S43925">
        <v>13</v>
      </c>
      <c r="T43925">
        <v>13</v>
      </c>
      <c r="U43925">
        <v>13</v>
      </c>
      <c r="V43925">
        <v>14</v>
      </c>
      <c r="W43925">
        <v>14</v>
      </c>
      <c r="X43925">
        <v>14</v>
      </c>
      <c r="Y43925">
        <v>15</v>
      </c>
      <c r="Z43925">
        <v>15</v>
      </c>
      <c r="AA43925">
        <v>15</v>
      </c>
      <c r="AB43925">
        <v>16</v>
      </c>
      <c r="AC43925">
        <v>16</v>
      </c>
      <c r="AD43925">
        <v>16</v>
      </c>
      <c r="AE43925">
        <v>17</v>
      </c>
      <c r="AF43925">
        <v>17</v>
      </c>
      <c r="AG43925">
        <v>17</v>
      </c>
      <c r="AH43925">
        <v>18</v>
      </c>
      <c r="AI43925">
        <v>18</v>
      </c>
      <c r="AJ43925">
        <v>18</v>
      </c>
      <c r="AK43925">
        <v>19</v>
      </c>
      <c r="AL43925">
        <v>19</v>
      </c>
      <c r="AM43925">
        <v>19</v>
      </c>
      <c r="AN43925">
        <v>20</v>
      </c>
      <c r="AO43925">
        <v>20</v>
      </c>
      <c r="AP43925">
        <v>20</v>
      </c>
      <c r="AQ43925">
        <v>20</v>
      </c>
    </row>
    <row r="43926" spans="1:43">
      <c r="A43926" t="s">
        <v>26785</v>
      </c>
      <c r="B43926" t="s">
        <v>26786</v>
      </c>
      <c r="C43926" t="s">
        <v>9112</v>
      </c>
      <c r="D43926" t="s">
        <v>9113</v>
      </c>
      <c r="E43926" t="s">
        <v>8938</v>
      </c>
      <c r="F43926" t="s">
        <v>8939</v>
      </c>
      <c r="G43926" t="s">
        <v>80</v>
      </c>
      <c r="H43926" t="s">
        <v>81</v>
      </c>
      <c r="I43926" s="2">
        <v>0</v>
      </c>
      <c r="J43926" s="2">
        <v>1</v>
      </c>
      <c r="K43926" s="2">
        <v>0</v>
      </c>
      <c r="L43926" t="s">
        <v>82</v>
      </c>
      <c r="M43926" t="s">
        <v>83</v>
      </c>
      <c r="N43926" t="s">
        <v>84</v>
      </c>
      <c r="O43926" t="s">
        <v>85</v>
      </c>
      <c r="P43926" t="s">
        <v>86</v>
      </c>
      <c r="Q43926">
        <v>19</v>
      </c>
      <c r="R43926">
        <v>19</v>
      </c>
      <c r="S43926">
        <v>20</v>
      </c>
      <c r="T43926">
        <v>20</v>
      </c>
      <c r="U43926">
        <v>21</v>
      </c>
      <c r="V43926">
        <v>21</v>
      </c>
      <c r="W43926">
        <v>22</v>
      </c>
      <c r="X43926">
        <v>22</v>
      </c>
      <c r="Y43926">
        <v>23</v>
      </c>
      <c r="Z43926">
        <v>23</v>
      </c>
      <c r="AA43926">
        <v>24</v>
      </c>
      <c r="AB43926">
        <v>24</v>
      </c>
      <c r="AC43926">
        <v>25</v>
      </c>
      <c r="AD43926">
        <v>25</v>
      </c>
      <c r="AE43926">
        <v>26</v>
      </c>
      <c r="AF43926">
        <v>26</v>
      </c>
      <c r="AG43926">
        <v>27</v>
      </c>
      <c r="AH43926">
        <v>27</v>
      </c>
      <c r="AI43926">
        <v>28</v>
      </c>
      <c r="AJ43926">
        <v>28</v>
      </c>
      <c r="AK43926">
        <v>29</v>
      </c>
      <c r="AL43926">
        <v>29</v>
      </c>
      <c r="AM43926">
        <v>30</v>
      </c>
      <c r="AN43926">
        <v>30</v>
      </c>
      <c r="AO43926">
        <v>30</v>
      </c>
      <c r="AP43926">
        <v>31</v>
      </c>
      <c r="AQ43926">
        <v>31</v>
      </c>
    </row>
    <row r="43927" spans="1:43">
      <c r="A43927" t="s">
        <v>26785</v>
      </c>
      <c r="B43927" t="s">
        <v>26786</v>
      </c>
      <c r="C43927" t="s">
        <v>9112</v>
      </c>
      <c r="D43927" t="s">
        <v>9113</v>
      </c>
      <c r="E43927" t="s">
        <v>8938</v>
      </c>
      <c r="F43927" t="s">
        <v>8939</v>
      </c>
      <c r="G43927" t="s">
        <v>80</v>
      </c>
      <c r="H43927" t="s">
        <v>81</v>
      </c>
      <c r="I43927" s="2">
        <v>0</v>
      </c>
      <c r="J43927" s="2">
        <v>1</v>
      </c>
      <c r="K43927" s="2">
        <v>0</v>
      </c>
      <c r="L43927" t="s">
        <v>82</v>
      </c>
      <c r="M43927" t="s">
        <v>87</v>
      </c>
      <c r="N43927" t="s">
        <v>88</v>
      </c>
      <c r="O43927" t="s">
        <v>85</v>
      </c>
      <c r="P43927" t="s">
        <v>86</v>
      </c>
      <c r="Q43927">
        <v>19</v>
      </c>
      <c r="R43927">
        <v>20</v>
      </c>
      <c r="S43927">
        <v>20</v>
      </c>
      <c r="T43927">
        <v>20</v>
      </c>
      <c r="U43927">
        <v>21</v>
      </c>
      <c r="V43927">
        <v>21</v>
      </c>
      <c r="W43927">
        <v>21</v>
      </c>
      <c r="X43927">
        <v>22</v>
      </c>
      <c r="Y43927">
        <v>22</v>
      </c>
      <c r="Z43927">
        <v>22</v>
      </c>
      <c r="AA43927">
        <v>22</v>
      </c>
      <c r="AB43927">
        <v>23</v>
      </c>
      <c r="AC43927">
        <v>23</v>
      </c>
      <c r="AD43927">
        <v>23</v>
      </c>
      <c r="AE43927">
        <v>24</v>
      </c>
      <c r="AF43927">
        <v>24</v>
      </c>
      <c r="AG43927">
        <v>24</v>
      </c>
      <c r="AH43927">
        <v>25</v>
      </c>
      <c r="AI43927">
        <v>25</v>
      </c>
      <c r="AJ43927">
        <v>25</v>
      </c>
      <c r="AK43927">
        <v>26</v>
      </c>
      <c r="AL43927">
        <v>26</v>
      </c>
      <c r="AM43927">
        <v>27</v>
      </c>
      <c r="AN43927">
        <v>27</v>
      </c>
      <c r="AO43927">
        <v>27</v>
      </c>
      <c r="AP43927">
        <v>28</v>
      </c>
      <c r="AQ43927">
        <v>28</v>
      </c>
    </row>
    <row r="43928" spans="1:43">
      <c r="A43928" t="s">
        <v>26785</v>
      </c>
      <c r="B43928" t="s">
        <v>26786</v>
      </c>
      <c r="C43928" t="s">
        <v>9112</v>
      </c>
      <c r="D43928" t="s">
        <v>9113</v>
      </c>
      <c r="E43928" t="s">
        <v>8938</v>
      </c>
      <c r="F43928" t="s">
        <v>8939</v>
      </c>
      <c r="G43928" t="s">
        <v>80</v>
      </c>
      <c r="H43928" t="s">
        <v>81</v>
      </c>
      <c r="I43928" s="2">
        <v>0</v>
      </c>
      <c r="J43928" s="2">
        <v>1</v>
      </c>
      <c r="K43928" s="2">
        <v>0</v>
      </c>
      <c r="L43928" t="s">
        <v>82</v>
      </c>
      <c r="M43928" t="s">
        <v>89</v>
      </c>
      <c r="N43928" t="s">
        <v>90</v>
      </c>
      <c r="O43928" t="s">
        <v>85</v>
      </c>
      <c r="P43928" t="s">
        <v>86</v>
      </c>
      <c r="Q43928">
        <v>19</v>
      </c>
      <c r="R43928">
        <v>19</v>
      </c>
      <c r="S43928">
        <v>20</v>
      </c>
      <c r="T43928">
        <v>21</v>
      </c>
      <c r="U43928">
        <v>21</v>
      </c>
      <c r="V43928">
        <v>22</v>
      </c>
      <c r="W43928">
        <v>23</v>
      </c>
      <c r="X43928">
        <v>23</v>
      </c>
      <c r="Y43928">
        <v>24</v>
      </c>
      <c r="Z43928">
        <v>24</v>
      </c>
      <c r="AA43928">
        <v>25</v>
      </c>
      <c r="AB43928">
        <v>26</v>
      </c>
      <c r="AC43928">
        <v>26</v>
      </c>
      <c r="AD43928">
        <v>27</v>
      </c>
      <c r="AE43928">
        <v>28</v>
      </c>
      <c r="AF43928">
        <v>28</v>
      </c>
      <c r="AG43928">
        <v>28</v>
      </c>
      <c r="AH43928">
        <v>28</v>
      </c>
      <c r="AI43928">
        <v>29</v>
      </c>
      <c r="AJ43928">
        <v>29</v>
      </c>
      <c r="AK43928">
        <v>29</v>
      </c>
      <c r="AL43928">
        <v>30</v>
      </c>
      <c r="AM43928">
        <v>30</v>
      </c>
      <c r="AN43928">
        <v>30</v>
      </c>
      <c r="AO43928">
        <v>31</v>
      </c>
      <c r="AP43928">
        <v>31</v>
      </c>
      <c r="AQ43928">
        <v>31</v>
      </c>
    </row>
    <row r="43929" spans="1:43">
      <c r="A43929" t="s">
        <v>26785</v>
      </c>
      <c r="B43929" t="s">
        <v>26786</v>
      </c>
      <c r="C43929" t="s">
        <v>9112</v>
      </c>
      <c r="D43929" t="s">
        <v>9113</v>
      </c>
      <c r="E43929" t="s">
        <v>8938</v>
      </c>
      <c r="F43929" t="s">
        <v>8939</v>
      </c>
      <c r="G43929" t="s">
        <v>80</v>
      </c>
      <c r="H43929" t="s">
        <v>81</v>
      </c>
      <c r="I43929" s="2">
        <v>0</v>
      </c>
      <c r="J43929" s="2">
        <v>1</v>
      </c>
      <c r="K43929" s="2">
        <v>0</v>
      </c>
      <c r="L43929" t="s">
        <v>82</v>
      </c>
      <c r="M43929" t="s">
        <v>83</v>
      </c>
      <c r="N43929" t="s">
        <v>91</v>
      </c>
      <c r="O43929" t="s">
        <v>85</v>
      </c>
      <c r="P43929" t="s">
        <v>86</v>
      </c>
      <c r="Q43929">
        <v>19</v>
      </c>
      <c r="R43929">
        <v>19</v>
      </c>
      <c r="S43929">
        <v>20</v>
      </c>
      <c r="T43929">
        <v>20</v>
      </c>
      <c r="U43929">
        <v>21</v>
      </c>
      <c r="V43929">
        <v>21</v>
      </c>
      <c r="W43929">
        <v>22</v>
      </c>
      <c r="X43929">
        <v>22</v>
      </c>
      <c r="Y43929">
        <v>23</v>
      </c>
      <c r="Z43929">
        <v>23</v>
      </c>
      <c r="AA43929">
        <v>24</v>
      </c>
      <c r="AB43929">
        <v>24</v>
      </c>
      <c r="AC43929">
        <v>25</v>
      </c>
      <c r="AD43929">
        <v>25</v>
      </c>
      <c r="AE43929">
        <v>26</v>
      </c>
      <c r="AF43929">
        <v>26</v>
      </c>
      <c r="AG43929">
        <v>27</v>
      </c>
      <c r="AH43929">
        <v>27</v>
      </c>
      <c r="AI43929">
        <v>28</v>
      </c>
      <c r="AJ43929">
        <v>28</v>
      </c>
      <c r="AK43929">
        <v>29</v>
      </c>
      <c r="AL43929">
        <v>29</v>
      </c>
      <c r="AM43929">
        <v>30</v>
      </c>
      <c r="AN43929">
        <v>30</v>
      </c>
      <c r="AO43929">
        <v>30</v>
      </c>
      <c r="AP43929">
        <v>31</v>
      </c>
      <c r="AQ43929">
        <v>31</v>
      </c>
    </row>
    <row r="43930" spans="1:43">
      <c r="A43930" t="s">
        <v>26787</v>
      </c>
      <c r="B43930" t="s">
        <v>26788</v>
      </c>
      <c r="C43930" t="s">
        <v>9112</v>
      </c>
      <c r="D43930" t="s">
        <v>9113</v>
      </c>
      <c r="E43930" t="s">
        <v>8938</v>
      </c>
      <c r="F43930" t="s">
        <v>8939</v>
      </c>
      <c r="G43930" t="s">
        <v>80</v>
      </c>
      <c r="H43930" t="s">
        <v>81</v>
      </c>
      <c r="I43930" s="2">
        <v>0</v>
      </c>
      <c r="J43930" s="2">
        <v>1</v>
      </c>
      <c r="K43930" s="2">
        <v>0</v>
      </c>
      <c r="L43930" t="s">
        <v>82</v>
      </c>
      <c r="M43930" t="s">
        <v>83</v>
      </c>
      <c r="N43930" t="s">
        <v>84</v>
      </c>
      <c r="O43930" t="s">
        <v>85</v>
      </c>
      <c r="P43930" t="s">
        <v>86</v>
      </c>
      <c r="Q43930">
        <v>21</v>
      </c>
      <c r="R43930">
        <v>21</v>
      </c>
      <c r="S43930">
        <v>22</v>
      </c>
      <c r="T43930">
        <v>22</v>
      </c>
      <c r="U43930">
        <v>22</v>
      </c>
      <c r="V43930">
        <v>22</v>
      </c>
      <c r="W43930">
        <v>23</v>
      </c>
      <c r="X43930">
        <v>23</v>
      </c>
      <c r="Y43930">
        <v>23</v>
      </c>
      <c r="Z43930">
        <v>24</v>
      </c>
      <c r="AA43930">
        <v>24</v>
      </c>
      <c r="AB43930">
        <v>24</v>
      </c>
      <c r="AC43930">
        <v>24</v>
      </c>
      <c r="AD43930">
        <v>25</v>
      </c>
      <c r="AE43930">
        <v>25</v>
      </c>
      <c r="AF43930">
        <v>25</v>
      </c>
      <c r="AG43930">
        <v>26</v>
      </c>
      <c r="AH43930">
        <v>26</v>
      </c>
      <c r="AI43930">
        <v>26</v>
      </c>
      <c r="AJ43930">
        <v>26</v>
      </c>
      <c r="AK43930">
        <v>27</v>
      </c>
      <c r="AL43930">
        <v>27</v>
      </c>
      <c r="AM43930">
        <v>27</v>
      </c>
      <c r="AN43930">
        <v>27</v>
      </c>
      <c r="AO43930">
        <v>27</v>
      </c>
      <c r="AP43930">
        <v>27</v>
      </c>
      <c r="AQ43930">
        <v>27</v>
      </c>
    </row>
    <row r="43931" spans="1:43">
      <c r="A43931" t="s">
        <v>26787</v>
      </c>
      <c r="B43931" t="s">
        <v>26788</v>
      </c>
      <c r="C43931" t="s">
        <v>9112</v>
      </c>
      <c r="D43931" t="s">
        <v>9113</v>
      </c>
      <c r="E43931" t="s">
        <v>8938</v>
      </c>
      <c r="F43931" t="s">
        <v>8939</v>
      </c>
      <c r="G43931" t="s">
        <v>80</v>
      </c>
      <c r="H43931" t="s">
        <v>81</v>
      </c>
      <c r="I43931" s="2">
        <v>0</v>
      </c>
      <c r="J43931" s="2">
        <v>1</v>
      </c>
      <c r="K43931" s="2">
        <v>0</v>
      </c>
      <c r="L43931" t="s">
        <v>82</v>
      </c>
      <c r="M43931" t="s">
        <v>87</v>
      </c>
      <c r="N43931" t="s">
        <v>88</v>
      </c>
      <c r="O43931" t="s">
        <v>85</v>
      </c>
      <c r="P43931" t="s">
        <v>86</v>
      </c>
      <c r="Q43931">
        <v>21</v>
      </c>
      <c r="R43931">
        <v>21</v>
      </c>
      <c r="S43931">
        <v>21</v>
      </c>
      <c r="T43931">
        <v>21</v>
      </c>
      <c r="U43931">
        <v>21</v>
      </c>
      <c r="V43931">
        <v>21</v>
      </c>
      <c r="W43931">
        <v>21</v>
      </c>
      <c r="X43931">
        <v>21</v>
      </c>
      <c r="Y43931">
        <v>22</v>
      </c>
      <c r="Z43931">
        <v>22</v>
      </c>
      <c r="AA43931">
        <v>22</v>
      </c>
      <c r="AB43931">
        <v>22</v>
      </c>
      <c r="AC43931">
        <v>22</v>
      </c>
      <c r="AD43931">
        <v>22</v>
      </c>
      <c r="AE43931">
        <v>22</v>
      </c>
      <c r="AF43931">
        <v>22</v>
      </c>
      <c r="AG43931">
        <v>22</v>
      </c>
      <c r="AH43931">
        <v>22</v>
      </c>
      <c r="AI43931">
        <v>23</v>
      </c>
      <c r="AJ43931">
        <v>23</v>
      </c>
      <c r="AK43931">
        <v>23</v>
      </c>
      <c r="AL43931">
        <v>23</v>
      </c>
      <c r="AM43931">
        <v>23</v>
      </c>
      <c r="AN43931">
        <v>23</v>
      </c>
      <c r="AO43931">
        <v>23</v>
      </c>
      <c r="AP43931">
        <v>23</v>
      </c>
      <c r="AQ43931">
        <v>23</v>
      </c>
    </row>
    <row r="43932" spans="1:43">
      <c r="A43932" t="s">
        <v>26787</v>
      </c>
      <c r="B43932" t="s">
        <v>26788</v>
      </c>
      <c r="C43932" t="s">
        <v>9112</v>
      </c>
      <c r="D43932" t="s">
        <v>9113</v>
      </c>
      <c r="E43932" t="s">
        <v>8938</v>
      </c>
      <c r="F43932" t="s">
        <v>8939</v>
      </c>
      <c r="G43932" t="s">
        <v>80</v>
      </c>
      <c r="H43932" t="s">
        <v>81</v>
      </c>
      <c r="I43932" s="2">
        <v>0</v>
      </c>
      <c r="J43932" s="2">
        <v>1</v>
      </c>
      <c r="K43932" s="2">
        <v>0</v>
      </c>
      <c r="L43932" t="s">
        <v>82</v>
      </c>
      <c r="M43932" t="s">
        <v>89</v>
      </c>
      <c r="N43932" t="s">
        <v>90</v>
      </c>
      <c r="O43932" t="s">
        <v>85</v>
      </c>
      <c r="P43932" t="s">
        <v>86</v>
      </c>
      <c r="Q43932">
        <v>21</v>
      </c>
      <c r="R43932">
        <v>22</v>
      </c>
      <c r="S43932">
        <v>22</v>
      </c>
      <c r="T43932">
        <v>23</v>
      </c>
      <c r="U43932">
        <v>23</v>
      </c>
      <c r="V43932">
        <v>23</v>
      </c>
      <c r="W43932">
        <v>24</v>
      </c>
      <c r="X43932">
        <v>24</v>
      </c>
      <c r="Y43932">
        <v>25</v>
      </c>
      <c r="Z43932">
        <v>25</v>
      </c>
      <c r="AA43932">
        <v>25</v>
      </c>
      <c r="AB43932">
        <v>26</v>
      </c>
      <c r="AC43932">
        <v>26</v>
      </c>
      <c r="AD43932">
        <v>27</v>
      </c>
      <c r="AE43932">
        <v>27</v>
      </c>
      <c r="AF43932">
        <v>27</v>
      </c>
      <c r="AG43932">
        <v>27</v>
      </c>
      <c r="AH43932">
        <v>27</v>
      </c>
      <c r="AI43932">
        <v>27</v>
      </c>
      <c r="AJ43932">
        <v>27</v>
      </c>
      <c r="AK43932">
        <v>27</v>
      </c>
      <c r="AL43932">
        <v>27</v>
      </c>
      <c r="AM43932">
        <v>27</v>
      </c>
      <c r="AN43932">
        <v>27</v>
      </c>
      <c r="AO43932">
        <v>27</v>
      </c>
      <c r="AP43932">
        <v>27</v>
      </c>
      <c r="AQ43932">
        <v>27</v>
      </c>
    </row>
    <row r="43933" spans="1:43">
      <c r="A43933" t="s">
        <v>26787</v>
      </c>
      <c r="B43933" t="s">
        <v>26788</v>
      </c>
      <c r="C43933" t="s">
        <v>9112</v>
      </c>
      <c r="D43933" t="s">
        <v>9113</v>
      </c>
      <c r="E43933" t="s">
        <v>8938</v>
      </c>
      <c r="F43933" t="s">
        <v>8939</v>
      </c>
      <c r="G43933" t="s">
        <v>80</v>
      </c>
      <c r="H43933" t="s">
        <v>81</v>
      </c>
      <c r="I43933" s="2">
        <v>0</v>
      </c>
      <c r="J43933" s="2">
        <v>1</v>
      </c>
      <c r="K43933" s="2">
        <v>0</v>
      </c>
      <c r="L43933" t="s">
        <v>82</v>
      </c>
      <c r="M43933" t="s">
        <v>83</v>
      </c>
      <c r="N43933" t="s">
        <v>91</v>
      </c>
      <c r="O43933" t="s">
        <v>85</v>
      </c>
      <c r="P43933" t="s">
        <v>86</v>
      </c>
      <c r="Q43933">
        <v>21</v>
      </c>
      <c r="R43933">
        <v>21</v>
      </c>
      <c r="S43933">
        <v>22</v>
      </c>
      <c r="T43933">
        <v>22</v>
      </c>
      <c r="U43933">
        <v>22</v>
      </c>
      <c r="V43933">
        <v>22</v>
      </c>
      <c r="W43933">
        <v>23</v>
      </c>
      <c r="X43933">
        <v>23</v>
      </c>
      <c r="Y43933">
        <v>23</v>
      </c>
      <c r="Z43933">
        <v>24</v>
      </c>
      <c r="AA43933">
        <v>24</v>
      </c>
      <c r="AB43933">
        <v>24</v>
      </c>
      <c r="AC43933">
        <v>24</v>
      </c>
      <c r="AD43933">
        <v>25</v>
      </c>
      <c r="AE43933">
        <v>25</v>
      </c>
      <c r="AF43933">
        <v>25</v>
      </c>
      <c r="AG43933">
        <v>26</v>
      </c>
      <c r="AH43933">
        <v>26</v>
      </c>
      <c r="AI43933">
        <v>26</v>
      </c>
      <c r="AJ43933">
        <v>26</v>
      </c>
      <c r="AK43933">
        <v>27</v>
      </c>
      <c r="AL43933">
        <v>27</v>
      </c>
      <c r="AM43933">
        <v>27</v>
      </c>
      <c r="AN43933">
        <v>27</v>
      </c>
      <c r="AO43933">
        <v>27</v>
      </c>
      <c r="AP43933">
        <v>27</v>
      </c>
      <c r="AQ43933">
        <v>27</v>
      </c>
    </row>
    <row r="43934" spans="1:43">
      <c r="A43934" t="s">
        <v>26789</v>
      </c>
      <c r="B43934" t="s">
        <v>26790</v>
      </c>
      <c r="C43934" t="s">
        <v>9112</v>
      </c>
      <c r="D43934" t="s">
        <v>9113</v>
      </c>
      <c r="E43934" t="s">
        <v>8938</v>
      </c>
      <c r="F43934" t="s">
        <v>8939</v>
      </c>
      <c r="G43934" t="s">
        <v>80</v>
      </c>
      <c r="H43934" t="s">
        <v>81</v>
      </c>
      <c r="I43934" s="2">
        <v>0</v>
      </c>
      <c r="J43934" s="2">
        <v>1</v>
      </c>
      <c r="K43934" s="2">
        <v>0</v>
      </c>
      <c r="L43934" t="s">
        <v>82</v>
      </c>
      <c r="M43934" t="s">
        <v>83</v>
      </c>
      <c r="N43934" t="s">
        <v>84</v>
      </c>
      <c r="O43934" t="s">
        <v>85</v>
      </c>
      <c r="P43934" t="s">
        <v>86</v>
      </c>
      <c r="Q43934">
        <v>6</v>
      </c>
      <c r="R43934">
        <v>6</v>
      </c>
      <c r="S43934">
        <v>7</v>
      </c>
      <c r="T43934">
        <v>7</v>
      </c>
      <c r="U43934">
        <v>7</v>
      </c>
      <c r="V43934">
        <v>7</v>
      </c>
      <c r="W43934">
        <v>7</v>
      </c>
      <c r="X43934">
        <v>7</v>
      </c>
      <c r="Y43934">
        <v>7</v>
      </c>
      <c r="Z43934">
        <v>7</v>
      </c>
      <c r="AA43934">
        <v>7</v>
      </c>
      <c r="AB43934">
        <v>7</v>
      </c>
      <c r="AC43934">
        <v>7</v>
      </c>
      <c r="AD43934">
        <v>8</v>
      </c>
      <c r="AE43934">
        <v>8</v>
      </c>
      <c r="AF43934">
        <v>8</v>
      </c>
      <c r="AG43934">
        <v>8</v>
      </c>
      <c r="AH43934">
        <v>8</v>
      </c>
      <c r="AI43934">
        <v>8</v>
      </c>
      <c r="AJ43934">
        <v>8</v>
      </c>
      <c r="AK43934">
        <v>8</v>
      </c>
      <c r="AL43934">
        <v>8</v>
      </c>
      <c r="AM43934">
        <v>8</v>
      </c>
      <c r="AN43934">
        <v>8</v>
      </c>
      <c r="AO43934">
        <v>8</v>
      </c>
      <c r="AP43934">
        <v>8</v>
      </c>
      <c r="AQ43934">
        <v>8</v>
      </c>
    </row>
    <row r="43935" spans="1:43">
      <c r="A43935" t="s">
        <v>26789</v>
      </c>
      <c r="B43935" t="s">
        <v>26790</v>
      </c>
      <c r="C43935" t="s">
        <v>9112</v>
      </c>
      <c r="D43935" t="s">
        <v>9113</v>
      </c>
      <c r="E43935" t="s">
        <v>8938</v>
      </c>
      <c r="F43935" t="s">
        <v>8939</v>
      </c>
      <c r="G43935" t="s">
        <v>80</v>
      </c>
      <c r="H43935" t="s">
        <v>81</v>
      </c>
      <c r="I43935" s="2">
        <v>0</v>
      </c>
      <c r="J43935" s="2">
        <v>1</v>
      </c>
      <c r="K43935" s="2">
        <v>0</v>
      </c>
      <c r="L43935" t="s">
        <v>82</v>
      </c>
      <c r="M43935" t="s">
        <v>87</v>
      </c>
      <c r="N43935" t="s">
        <v>88</v>
      </c>
      <c r="O43935" t="s">
        <v>85</v>
      </c>
      <c r="P43935" t="s">
        <v>86</v>
      </c>
      <c r="Q43935">
        <v>6</v>
      </c>
      <c r="R43935">
        <v>6</v>
      </c>
      <c r="S43935">
        <v>6</v>
      </c>
      <c r="T43935">
        <v>6</v>
      </c>
      <c r="U43935">
        <v>6</v>
      </c>
      <c r="V43935">
        <v>6</v>
      </c>
      <c r="W43935">
        <v>7</v>
      </c>
      <c r="X43935">
        <v>7</v>
      </c>
      <c r="Y43935">
        <v>7</v>
      </c>
      <c r="Z43935">
        <v>7</v>
      </c>
      <c r="AA43935">
        <v>7</v>
      </c>
      <c r="AB43935">
        <v>7</v>
      </c>
      <c r="AC43935">
        <v>7</v>
      </c>
      <c r="AD43935">
        <v>7</v>
      </c>
      <c r="AE43935">
        <v>7</v>
      </c>
      <c r="AF43935">
        <v>7</v>
      </c>
      <c r="AG43935">
        <v>7</v>
      </c>
      <c r="AH43935">
        <v>7</v>
      </c>
      <c r="AI43935">
        <v>7</v>
      </c>
      <c r="AJ43935">
        <v>7</v>
      </c>
      <c r="AK43935">
        <v>7</v>
      </c>
      <c r="AL43935">
        <v>7</v>
      </c>
      <c r="AM43935">
        <v>7</v>
      </c>
      <c r="AN43935">
        <v>7</v>
      </c>
      <c r="AO43935">
        <v>7</v>
      </c>
      <c r="AP43935">
        <v>7</v>
      </c>
      <c r="AQ43935">
        <v>7</v>
      </c>
    </row>
    <row r="43936" spans="1:43">
      <c r="A43936" t="s">
        <v>26789</v>
      </c>
      <c r="B43936" t="s">
        <v>26790</v>
      </c>
      <c r="C43936" t="s">
        <v>9112</v>
      </c>
      <c r="D43936" t="s">
        <v>9113</v>
      </c>
      <c r="E43936" t="s">
        <v>8938</v>
      </c>
      <c r="F43936" t="s">
        <v>8939</v>
      </c>
      <c r="G43936" t="s">
        <v>80</v>
      </c>
      <c r="H43936" t="s">
        <v>81</v>
      </c>
      <c r="I43936" s="2">
        <v>0</v>
      </c>
      <c r="J43936" s="2">
        <v>1</v>
      </c>
      <c r="K43936" s="2">
        <v>0</v>
      </c>
      <c r="L43936" t="s">
        <v>82</v>
      </c>
      <c r="M43936" t="s">
        <v>89</v>
      </c>
      <c r="N43936" t="s">
        <v>90</v>
      </c>
      <c r="O43936" t="s">
        <v>85</v>
      </c>
      <c r="P43936" t="s">
        <v>86</v>
      </c>
      <c r="Q43936">
        <v>6</v>
      </c>
      <c r="R43936">
        <v>7</v>
      </c>
      <c r="S43936">
        <v>7</v>
      </c>
      <c r="T43936">
        <v>7</v>
      </c>
      <c r="U43936">
        <v>7</v>
      </c>
      <c r="V43936">
        <v>7</v>
      </c>
      <c r="W43936">
        <v>7</v>
      </c>
      <c r="X43936">
        <v>7</v>
      </c>
      <c r="Y43936">
        <v>8</v>
      </c>
      <c r="Z43936">
        <v>8</v>
      </c>
      <c r="AA43936">
        <v>8</v>
      </c>
      <c r="AB43936">
        <v>8</v>
      </c>
      <c r="AC43936">
        <v>8</v>
      </c>
      <c r="AD43936">
        <v>8</v>
      </c>
      <c r="AE43936">
        <v>8</v>
      </c>
      <c r="AF43936">
        <v>8</v>
      </c>
      <c r="AG43936">
        <v>8</v>
      </c>
      <c r="AH43936">
        <v>8</v>
      </c>
      <c r="AI43936">
        <v>8</v>
      </c>
      <c r="AJ43936">
        <v>8</v>
      </c>
      <c r="AK43936">
        <v>8</v>
      </c>
      <c r="AL43936">
        <v>8</v>
      </c>
      <c r="AM43936">
        <v>8</v>
      </c>
      <c r="AN43936">
        <v>8</v>
      </c>
      <c r="AO43936">
        <v>8</v>
      </c>
      <c r="AP43936">
        <v>8</v>
      </c>
      <c r="AQ43936">
        <v>8</v>
      </c>
    </row>
    <row r="43937" spans="1:43">
      <c r="A43937" t="s">
        <v>26789</v>
      </c>
      <c r="B43937" t="s">
        <v>26790</v>
      </c>
      <c r="C43937" t="s">
        <v>9112</v>
      </c>
      <c r="D43937" t="s">
        <v>9113</v>
      </c>
      <c r="E43937" t="s">
        <v>8938</v>
      </c>
      <c r="F43937" t="s">
        <v>8939</v>
      </c>
      <c r="G43937" t="s">
        <v>80</v>
      </c>
      <c r="H43937" t="s">
        <v>81</v>
      </c>
      <c r="I43937" s="2">
        <v>0</v>
      </c>
      <c r="J43937" s="2">
        <v>1</v>
      </c>
      <c r="K43937" s="2">
        <v>0</v>
      </c>
      <c r="L43937" t="s">
        <v>82</v>
      </c>
      <c r="M43937" t="s">
        <v>83</v>
      </c>
      <c r="N43937" t="s">
        <v>91</v>
      </c>
      <c r="O43937" t="s">
        <v>85</v>
      </c>
      <c r="P43937" t="s">
        <v>86</v>
      </c>
      <c r="Q43937">
        <v>6</v>
      </c>
      <c r="R43937">
        <v>6</v>
      </c>
      <c r="S43937">
        <v>7</v>
      </c>
      <c r="T43937">
        <v>7</v>
      </c>
      <c r="U43937">
        <v>7</v>
      </c>
      <c r="V43937">
        <v>7</v>
      </c>
      <c r="W43937">
        <v>7</v>
      </c>
      <c r="X43937">
        <v>7</v>
      </c>
      <c r="Y43937">
        <v>7</v>
      </c>
      <c r="Z43937">
        <v>7</v>
      </c>
      <c r="AA43937">
        <v>7</v>
      </c>
      <c r="AB43937">
        <v>7</v>
      </c>
      <c r="AC43937">
        <v>7</v>
      </c>
      <c r="AD43937">
        <v>8</v>
      </c>
      <c r="AE43937">
        <v>8</v>
      </c>
      <c r="AF43937">
        <v>8</v>
      </c>
      <c r="AG43937">
        <v>8</v>
      </c>
      <c r="AH43937">
        <v>8</v>
      </c>
      <c r="AI43937">
        <v>8</v>
      </c>
      <c r="AJ43937">
        <v>8</v>
      </c>
      <c r="AK43937">
        <v>8</v>
      </c>
      <c r="AL43937">
        <v>8</v>
      </c>
      <c r="AM43937">
        <v>8</v>
      </c>
      <c r="AN43937">
        <v>8</v>
      </c>
      <c r="AO43937">
        <v>8</v>
      </c>
      <c r="AP43937">
        <v>8</v>
      </c>
      <c r="AQ43937">
        <v>8</v>
      </c>
    </row>
    <row r="43938" spans="1:43">
      <c r="A43938" t="s">
        <v>26791</v>
      </c>
      <c r="B43938" t="s">
        <v>26792</v>
      </c>
      <c r="C43938" t="s">
        <v>9034</v>
      </c>
      <c r="D43938" t="s">
        <v>9035</v>
      </c>
      <c r="E43938" t="s">
        <v>8938</v>
      </c>
      <c r="F43938" t="s">
        <v>8939</v>
      </c>
      <c r="G43938" t="s">
        <v>80</v>
      </c>
      <c r="H43938" t="s">
        <v>81</v>
      </c>
      <c r="I43938" s="2">
        <v>0</v>
      </c>
      <c r="J43938" s="2">
        <v>1</v>
      </c>
      <c r="K43938" s="2">
        <v>0</v>
      </c>
      <c r="L43938" t="s">
        <v>82</v>
      </c>
      <c r="M43938" t="s">
        <v>83</v>
      </c>
      <c r="N43938" t="s">
        <v>84</v>
      </c>
      <c r="O43938" t="s">
        <v>85</v>
      </c>
      <c r="P43938" t="s">
        <v>86</v>
      </c>
      <c r="Q43938">
        <v>6</v>
      </c>
      <c r="R43938">
        <v>7</v>
      </c>
      <c r="S43938">
        <v>7</v>
      </c>
      <c r="T43938">
        <v>7</v>
      </c>
      <c r="U43938">
        <v>7</v>
      </c>
      <c r="V43938">
        <v>7</v>
      </c>
      <c r="W43938">
        <v>7</v>
      </c>
      <c r="X43938">
        <v>8</v>
      </c>
      <c r="Y43938">
        <v>8</v>
      </c>
      <c r="Z43938">
        <v>8</v>
      </c>
      <c r="AA43938">
        <v>8</v>
      </c>
      <c r="AB43938">
        <v>8</v>
      </c>
      <c r="AC43938">
        <v>9</v>
      </c>
      <c r="AD43938">
        <v>9</v>
      </c>
      <c r="AE43938">
        <v>9</v>
      </c>
      <c r="AF43938">
        <v>9</v>
      </c>
      <c r="AG43938">
        <v>9</v>
      </c>
      <c r="AH43938">
        <v>9</v>
      </c>
      <c r="AI43938">
        <v>10</v>
      </c>
      <c r="AJ43938">
        <v>10</v>
      </c>
      <c r="AK43938">
        <v>10</v>
      </c>
      <c r="AL43938">
        <v>10</v>
      </c>
      <c r="AM43938">
        <v>10</v>
      </c>
      <c r="AN43938">
        <v>10</v>
      </c>
      <c r="AO43938">
        <v>11</v>
      </c>
      <c r="AP43938">
        <v>11</v>
      </c>
      <c r="AQ43938">
        <v>11</v>
      </c>
    </row>
    <row r="43939" spans="1:43">
      <c r="A43939" t="s">
        <v>26791</v>
      </c>
      <c r="B43939" t="s">
        <v>26792</v>
      </c>
      <c r="C43939" t="s">
        <v>9034</v>
      </c>
      <c r="D43939" t="s">
        <v>9035</v>
      </c>
      <c r="E43939" t="s">
        <v>8938</v>
      </c>
      <c r="F43939" t="s">
        <v>8939</v>
      </c>
      <c r="G43939" t="s">
        <v>80</v>
      </c>
      <c r="H43939" t="s">
        <v>81</v>
      </c>
      <c r="I43939" s="2">
        <v>0</v>
      </c>
      <c r="J43939" s="2">
        <v>1</v>
      </c>
      <c r="K43939" s="2">
        <v>0</v>
      </c>
      <c r="L43939" t="s">
        <v>82</v>
      </c>
      <c r="M43939" t="s">
        <v>87</v>
      </c>
      <c r="N43939" t="s">
        <v>88</v>
      </c>
      <c r="O43939" t="s">
        <v>85</v>
      </c>
      <c r="P43939" t="s">
        <v>86</v>
      </c>
      <c r="Q43939">
        <v>6</v>
      </c>
      <c r="R43939">
        <v>6</v>
      </c>
      <c r="S43939">
        <v>7</v>
      </c>
      <c r="T43939">
        <v>7</v>
      </c>
      <c r="U43939">
        <v>7</v>
      </c>
      <c r="V43939">
        <v>7</v>
      </c>
      <c r="W43939">
        <v>7</v>
      </c>
      <c r="X43939">
        <v>7</v>
      </c>
      <c r="Y43939">
        <v>7</v>
      </c>
      <c r="Z43939">
        <v>7</v>
      </c>
      <c r="AA43939">
        <v>7</v>
      </c>
      <c r="AB43939">
        <v>8</v>
      </c>
      <c r="AC43939">
        <v>8</v>
      </c>
      <c r="AD43939">
        <v>8</v>
      </c>
      <c r="AE43939">
        <v>8</v>
      </c>
      <c r="AF43939">
        <v>8</v>
      </c>
      <c r="AG43939">
        <v>8</v>
      </c>
      <c r="AH43939">
        <v>8</v>
      </c>
      <c r="AI43939">
        <v>8</v>
      </c>
      <c r="AJ43939">
        <v>8</v>
      </c>
      <c r="AK43939">
        <v>9</v>
      </c>
      <c r="AL43939">
        <v>9</v>
      </c>
      <c r="AM43939">
        <v>9</v>
      </c>
      <c r="AN43939">
        <v>9</v>
      </c>
      <c r="AO43939">
        <v>9</v>
      </c>
      <c r="AP43939">
        <v>9</v>
      </c>
      <c r="AQ43939">
        <v>9</v>
      </c>
    </row>
    <row r="43940" spans="1:43">
      <c r="A43940" t="s">
        <v>26791</v>
      </c>
      <c r="B43940" t="s">
        <v>26792</v>
      </c>
      <c r="C43940" t="s">
        <v>9034</v>
      </c>
      <c r="D43940" t="s">
        <v>9035</v>
      </c>
      <c r="E43940" t="s">
        <v>8938</v>
      </c>
      <c r="F43940" t="s">
        <v>8939</v>
      </c>
      <c r="G43940" t="s">
        <v>80</v>
      </c>
      <c r="H43940" t="s">
        <v>81</v>
      </c>
      <c r="I43940" s="2">
        <v>0</v>
      </c>
      <c r="J43940" s="2">
        <v>1</v>
      </c>
      <c r="K43940" s="2">
        <v>0</v>
      </c>
      <c r="L43940" t="s">
        <v>82</v>
      </c>
      <c r="M43940" t="s">
        <v>89</v>
      </c>
      <c r="N43940" t="s">
        <v>90</v>
      </c>
      <c r="O43940" t="s">
        <v>85</v>
      </c>
      <c r="P43940" t="s">
        <v>86</v>
      </c>
      <c r="Q43940">
        <v>6</v>
      </c>
      <c r="R43940">
        <v>7</v>
      </c>
      <c r="S43940">
        <v>7</v>
      </c>
      <c r="T43940">
        <v>7</v>
      </c>
      <c r="U43940">
        <v>7</v>
      </c>
      <c r="V43940">
        <v>8</v>
      </c>
      <c r="W43940">
        <v>8</v>
      </c>
      <c r="X43940">
        <v>8</v>
      </c>
      <c r="Y43940">
        <v>8</v>
      </c>
      <c r="Z43940">
        <v>8</v>
      </c>
      <c r="AA43940">
        <v>9</v>
      </c>
      <c r="AB43940">
        <v>9</v>
      </c>
      <c r="AC43940">
        <v>9</v>
      </c>
      <c r="AD43940">
        <v>9</v>
      </c>
      <c r="AE43940">
        <v>10</v>
      </c>
      <c r="AF43940">
        <v>10</v>
      </c>
      <c r="AG43940">
        <v>10</v>
      </c>
      <c r="AH43940">
        <v>10</v>
      </c>
      <c r="AI43940">
        <v>10</v>
      </c>
      <c r="AJ43940">
        <v>10</v>
      </c>
      <c r="AK43940">
        <v>10</v>
      </c>
      <c r="AL43940">
        <v>10</v>
      </c>
      <c r="AM43940">
        <v>10</v>
      </c>
      <c r="AN43940">
        <v>10</v>
      </c>
      <c r="AO43940">
        <v>11</v>
      </c>
      <c r="AP43940">
        <v>11</v>
      </c>
      <c r="AQ43940">
        <v>11</v>
      </c>
    </row>
    <row r="43941" spans="1:43">
      <c r="A43941" t="s">
        <v>26791</v>
      </c>
      <c r="B43941" t="s">
        <v>26792</v>
      </c>
      <c r="C43941" t="s">
        <v>9034</v>
      </c>
      <c r="D43941" t="s">
        <v>9035</v>
      </c>
      <c r="E43941" t="s">
        <v>8938</v>
      </c>
      <c r="F43941" t="s">
        <v>8939</v>
      </c>
      <c r="G43941" t="s">
        <v>80</v>
      </c>
      <c r="H43941" t="s">
        <v>81</v>
      </c>
      <c r="I43941" s="2">
        <v>0</v>
      </c>
      <c r="J43941" s="2">
        <v>1</v>
      </c>
      <c r="K43941" s="2">
        <v>0</v>
      </c>
      <c r="L43941" t="s">
        <v>82</v>
      </c>
      <c r="M43941" t="s">
        <v>83</v>
      </c>
      <c r="N43941" t="s">
        <v>91</v>
      </c>
      <c r="O43941" t="s">
        <v>85</v>
      </c>
      <c r="P43941" t="s">
        <v>86</v>
      </c>
      <c r="Q43941">
        <v>6</v>
      </c>
      <c r="R43941">
        <v>7</v>
      </c>
      <c r="S43941">
        <v>7</v>
      </c>
      <c r="T43941">
        <v>7</v>
      </c>
      <c r="U43941">
        <v>7</v>
      </c>
      <c r="V43941">
        <v>7</v>
      </c>
      <c r="W43941">
        <v>7</v>
      </c>
      <c r="X43941">
        <v>8</v>
      </c>
      <c r="Y43941">
        <v>8</v>
      </c>
      <c r="Z43941">
        <v>8</v>
      </c>
      <c r="AA43941">
        <v>8</v>
      </c>
      <c r="AB43941">
        <v>8</v>
      </c>
      <c r="AC43941">
        <v>9</v>
      </c>
      <c r="AD43941">
        <v>9</v>
      </c>
      <c r="AE43941">
        <v>9</v>
      </c>
      <c r="AF43941">
        <v>9</v>
      </c>
      <c r="AG43941">
        <v>9</v>
      </c>
      <c r="AH43941">
        <v>9</v>
      </c>
      <c r="AI43941">
        <v>10</v>
      </c>
      <c r="AJ43941">
        <v>10</v>
      </c>
      <c r="AK43941">
        <v>10</v>
      </c>
      <c r="AL43941">
        <v>10</v>
      </c>
      <c r="AM43941">
        <v>10</v>
      </c>
      <c r="AN43941">
        <v>10</v>
      </c>
      <c r="AO43941">
        <v>11</v>
      </c>
      <c r="AP43941">
        <v>11</v>
      </c>
      <c r="AQ43941">
        <v>11</v>
      </c>
    </row>
    <row r="43942" spans="1:43">
      <c r="A43942" t="s">
        <v>26793</v>
      </c>
      <c r="B43942" t="s">
        <v>26794</v>
      </c>
      <c r="C43942" t="s">
        <v>9034</v>
      </c>
      <c r="D43942" t="s">
        <v>9035</v>
      </c>
      <c r="E43942" t="s">
        <v>8938</v>
      </c>
      <c r="F43942" t="s">
        <v>8939</v>
      </c>
      <c r="G43942" t="s">
        <v>80</v>
      </c>
      <c r="H43942" t="s">
        <v>81</v>
      </c>
      <c r="I43942" s="2">
        <v>0</v>
      </c>
      <c r="J43942" s="2">
        <v>1</v>
      </c>
      <c r="K43942" s="2">
        <v>0</v>
      </c>
      <c r="L43942" t="s">
        <v>82</v>
      </c>
      <c r="M43942" t="s">
        <v>83</v>
      </c>
      <c r="N43942" t="s">
        <v>84</v>
      </c>
      <c r="O43942" t="s">
        <v>85</v>
      </c>
      <c r="P43942" t="s">
        <v>86</v>
      </c>
      <c r="Q43942">
        <v>29</v>
      </c>
      <c r="R43942">
        <v>30</v>
      </c>
      <c r="S43942">
        <v>31</v>
      </c>
      <c r="T43942">
        <v>32</v>
      </c>
      <c r="U43942">
        <v>32</v>
      </c>
      <c r="V43942">
        <v>33</v>
      </c>
      <c r="W43942">
        <v>34</v>
      </c>
      <c r="X43942">
        <v>35</v>
      </c>
      <c r="Y43942">
        <v>36</v>
      </c>
      <c r="Z43942">
        <v>36</v>
      </c>
      <c r="AA43942">
        <v>37</v>
      </c>
      <c r="AB43942">
        <v>38</v>
      </c>
      <c r="AC43942">
        <v>39</v>
      </c>
      <c r="AD43942">
        <v>40</v>
      </c>
      <c r="AE43942">
        <v>41</v>
      </c>
      <c r="AF43942">
        <v>41</v>
      </c>
      <c r="AG43942">
        <v>42</v>
      </c>
      <c r="AH43942">
        <v>43</v>
      </c>
      <c r="AI43942">
        <v>44</v>
      </c>
      <c r="AJ43942">
        <v>45</v>
      </c>
      <c r="AK43942">
        <v>46</v>
      </c>
      <c r="AL43942">
        <v>47</v>
      </c>
      <c r="AM43942">
        <v>47</v>
      </c>
      <c r="AN43942">
        <v>48</v>
      </c>
      <c r="AO43942">
        <v>48</v>
      </c>
      <c r="AP43942">
        <v>48</v>
      </c>
      <c r="AQ43942">
        <v>49</v>
      </c>
    </row>
    <row r="43943" spans="1:43">
      <c r="A43943" t="s">
        <v>26793</v>
      </c>
      <c r="B43943" t="s">
        <v>26794</v>
      </c>
      <c r="C43943" t="s">
        <v>9034</v>
      </c>
      <c r="D43943" t="s">
        <v>9035</v>
      </c>
      <c r="E43943" t="s">
        <v>8938</v>
      </c>
      <c r="F43943" t="s">
        <v>8939</v>
      </c>
      <c r="G43943" t="s">
        <v>80</v>
      </c>
      <c r="H43943" t="s">
        <v>81</v>
      </c>
      <c r="I43943" s="2">
        <v>0</v>
      </c>
      <c r="J43943" s="2">
        <v>1</v>
      </c>
      <c r="K43943" s="2">
        <v>0</v>
      </c>
      <c r="L43943" t="s">
        <v>82</v>
      </c>
      <c r="M43943" t="s">
        <v>87</v>
      </c>
      <c r="N43943" t="s">
        <v>88</v>
      </c>
      <c r="O43943" t="s">
        <v>85</v>
      </c>
      <c r="P43943" t="s">
        <v>86</v>
      </c>
      <c r="Q43943">
        <v>29</v>
      </c>
      <c r="R43943">
        <v>30</v>
      </c>
      <c r="S43943">
        <v>30</v>
      </c>
      <c r="T43943">
        <v>30</v>
      </c>
      <c r="U43943">
        <v>31</v>
      </c>
      <c r="V43943">
        <v>31</v>
      </c>
      <c r="W43943">
        <v>32</v>
      </c>
      <c r="X43943">
        <v>32</v>
      </c>
      <c r="Y43943">
        <v>33</v>
      </c>
      <c r="Z43943">
        <v>33</v>
      </c>
      <c r="AA43943">
        <v>34</v>
      </c>
      <c r="AB43943">
        <v>34</v>
      </c>
      <c r="AC43943">
        <v>35</v>
      </c>
      <c r="AD43943">
        <v>35</v>
      </c>
      <c r="AE43943">
        <v>36</v>
      </c>
      <c r="AF43943">
        <v>36</v>
      </c>
      <c r="AG43943">
        <v>37</v>
      </c>
      <c r="AH43943">
        <v>38</v>
      </c>
      <c r="AI43943">
        <v>38</v>
      </c>
      <c r="AJ43943">
        <v>39</v>
      </c>
      <c r="AK43943">
        <v>39</v>
      </c>
      <c r="AL43943">
        <v>40</v>
      </c>
      <c r="AM43943">
        <v>40</v>
      </c>
      <c r="AN43943">
        <v>41</v>
      </c>
      <c r="AO43943">
        <v>41</v>
      </c>
      <c r="AP43943">
        <v>42</v>
      </c>
      <c r="AQ43943">
        <v>42</v>
      </c>
    </row>
    <row r="43944" spans="1:43">
      <c r="A43944" t="s">
        <v>26793</v>
      </c>
      <c r="B43944" t="s">
        <v>26794</v>
      </c>
      <c r="C43944" t="s">
        <v>9034</v>
      </c>
      <c r="D43944" t="s">
        <v>9035</v>
      </c>
      <c r="E43944" t="s">
        <v>8938</v>
      </c>
      <c r="F43944" t="s">
        <v>8939</v>
      </c>
      <c r="G43944" t="s">
        <v>80</v>
      </c>
      <c r="H43944" t="s">
        <v>81</v>
      </c>
      <c r="I43944" s="2">
        <v>0</v>
      </c>
      <c r="J43944" s="2">
        <v>1</v>
      </c>
      <c r="K43944" s="2">
        <v>0</v>
      </c>
      <c r="L43944" t="s">
        <v>82</v>
      </c>
      <c r="M43944" t="s">
        <v>89</v>
      </c>
      <c r="N43944" t="s">
        <v>90</v>
      </c>
      <c r="O43944" t="s">
        <v>85</v>
      </c>
      <c r="P43944" t="s">
        <v>86</v>
      </c>
      <c r="Q43944">
        <v>29</v>
      </c>
      <c r="R43944">
        <v>30</v>
      </c>
      <c r="S43944">
        <v>31</v>
      </c>
      <c r="T43944">
        <v>32</v>
      </c>
      <c r="U43944">
        <v>33</v>
      </c>
      <c r="V43944">
        <v>34</v>
      </c>
      <c r="W43944">
        <v>35</v>
      </c>
      <c r="X43944">
        <v>36</v>
      </c>
      <c r="Y43944">
        <v>37</v>
      </c>
      <c r="Z43944">
        <v>38</v>
      </c>
      <c r="AA43944">
        <v>39</v>
      </c>
      <c r="AB43944">
        <v>40</v>
      </c>
      <c r="AC43944">
        <v>41</v>
      </c>
      <c r="AD43944">
        <v>42</v>
      </c>
      <c r="AE43944">
        <v>43</v>
      </c>
      <c r="AF43944">
        <v>43</v>
      </c>
      <c r="AG43944">
        <v>44</v>
      </c>
      <c r="AH43944">
        <v>44</v>
      </c>
      <c r="AI43944">
        <v>44</v>
      </c>
      <c r="AJ43944">
        <v>45</v>
      </c>
      <c r="AK43944">
        <v>45</v>
      </c>
      <c r="AL43944">
        <v>46</v>
      </c>
      <c r="AM43944">
        <v>46</v>
      </c>
      <c r="AN43944">
        <v>47</v>
      </c>
      <c r="AO43944">
        <v>47</v>
      </c>
      <c r="AP43944">
        <v>48</v>
      </c>
      <c r="AQ43944">
        <v>48</v>
      </c>
    </row>
    <row r="43945" spans="1:43">
      <c r="A43945" t="s">
        <v>26793</v>
      </c>
      <c r="B43945" t="s">
        <v>26794</v>
      </c>
      <c r="C43945" t="s">
        <v>9034</v>
      </c>
      <c r="D43945" t="s">
        <v>9035</v>
      </c>
      <c r="E43945" t="s">
        <v>8938</v>
      </c>
      <c r="F43945" t="s">
        <v>8939</v>
      </c>
      <c r="G43945" t="s">
        <v>80</v>
      </c>
      <c r="H43945" t="s">
        <v>81</v>
      </c>
      <c r="I43945" s="2">
        <v>0</v>
      </c>
      <c r="J43945" s="2">
        <v>1</v>
      </c>
      <c r="K43945" s="2">
        <v>0</v>
      </c>
      <c r="L43945" t="s">
        <v>82</v>
      </c>
      <c r="M43945" t="s">
        <v>83</v>
      </c>
      <c r="N43945" t="s">
        <v>91</v>
      </c>
      <c r="O43945" t="s">
        <v>85</v>
      </c>
      <c r="P43945" t="s">
        <v>86</v>
      </c>
      <c r="Q43945">
        <v>29</v>
      </c>
      <c r="R43945">
        <v>30</v>
      </c>
      <c r="S43945">
        <v>31</v>
      </c>
      <c r="T43945">
        <v>32</v>
      </c>
      <c r="U43945">
        <v>32</v>
      </c>
      <c r="V43945">
        <v>33</v>
      </c>
      <c r="W43945">
        <v>34</v>
      </c>
      <c r="X43945">
        <v>35</v>
      </c>
      <c r="Y43945">
        <v>36</v>
      </c>
      <c r="Z43945">
        <v>36</v>
      </c>
      <c r="AA43945">
        <v>37</v>
      </c>
      <c r="AB43945">
        <v>38</v>
      </c>
      <c r="AC43945">
        <v>39</v>
      </c>
      <c r="AD43945">
        <v>40</v>
      </c>
      <c r="AE43945">
        <v>41</v>
      </c>
      <c r="AF43945">
        <v>41</v>
      </c>
      <c r="AG43945">
        <v>42</v>
      </c>
      <c r="AH43945">
        <v>43</v>
      </c>
      <c r="AI43945">
        <v>44</v>
      </c>
      <c r="AJ43945">
        <v>45</v>
      </c>
      <c r="AK43945">
        <v>46</v>
      </c>
      <c r="AL43945">
        <v>47</v>
      </c>
      <c r="AM43945">
        <v>47</v>
      </c>
      <c r="AN43945">
        <v>48</v>
      </c>
      <c r="AO43945">
        <v>48</v>
      </c>
      <c r="AP43945">
        <v>48</v>
      </c>
      <c r="AQ43945">
        <v>49</v>
      </c>
    </row>
    <row r="43946" spans="1:43">
      <c r="A43946" t="s">
        <v>26795</v>
      </c>
      <c r="B43946" t="s">
        <v>26796</v>
      </c>
      <c r="C43946" t="s">
        <v>9184</v>
      </c>
      <c r="D43946" t="s">
        <v>9185</v>
      </c>
      <c r="E43946" t="s">
        <v>8938</v>
      </c>
      <c r="F43946" t="s">
        <v>8939</v>
      </c>
      <c r="G43946" t="s">
        <v>80</v>
      </c>
      <c r="H43946" t="s">
        <v>81</v>
      </c>
      <c r="I43946" s="2">
        <v>0</v>
      </c>
      <c r="J43946" s="2">
        <v>1</v>
      </c>
      <c r="K43946" s="2">
        <v>0</v>
      </c>
      <c r="L43946" t="s">
        <v>82</v>
      </c>
      <c r="M43946" t="s">
        <v>83</v>
      </c>
      <c r="N43946" t="s">
        <v>84</v>
      </c>
      <c r="O43946" t="s">
        <v>85</v>
      </c>
      <c r="P43946" t="s">
        <v>86</v>
      </c>
      <c r="Q43946">
        <v>64</v>
      </c>
      <c r="R43946">
        <v>66</v>
      </c>
      <c r="S43946">
        <v>67</v>
      </c>
      <c r="T43946">
        <v>69</v>
      </c>
      <c r="U43946">
        <v>71</v>
      </c>
      <c r="V43946">
        <v>72</v>
      </c>
      <c r="W43946">
        <v>74</v>
      </c>
      <c r="X43946">
        <v>76</v>
      </c>
      <c r="Y43946">
        <v>78</v>
      </c>
      <c r="Z43946">
        <v>79</v>
      </c>
      <c r="AA43946">
        <v>81</v>
      </c>
      <c r="AB43946">
        <v>83</v>
      </c>
      <c r="AC43946">
        <v>85</v>
      </c>
      <c r="AD43946">
        <v>87</v>
      </c>
      <c r="AE43946">
        <v>89</v>
      </c>
      <c r="AF43946">
        <v>90</v>
      </c>
      <c r="AG43946">
        <v>92</v>
      </c>
      <c r="AH43946">
        <v>94</v>
      </c>
      <c r="AI43946">
        <v>96</v>
      </c>
      <c r="AJ43946">
        <v>98</v>
      </c>
      <c r="AK43946">
        <v>100</v>
      </c>
      <c r="AL43946">
        <v>101</v>
      </c>
      <c r="AM43946">
        <v>102</v>
      </c>
      <c r="AN43946">
        <v>104</v>
      </c>
      <c r="AO43946">
        <v>105</v>
      </c>
      <c r="AP43946">
        <v>106</v>
      </c>
      <c r="AQ43946">
        <v>107</v>
      </c>
    </row>
    <row r="43947" spans="1:43">
      <c r="A43947" t="s">
        <v>26795</v>
      </c>
      <c r="B43947" t="s">
        <v>26796</v>
      </c>
      <c r="C43947" t="s">
        <v>9184</v>
      </c>
      <c r="D43947" t="s">
        <v>9185</v>
      </c>
      <c r="E43947" t="s">
        <v>8938</v>
      </c>
      <c r="F43947" t="s">
        <v>8939</v>
      </c>
      <c r="G43947" t="s">
        <v>80</v>
      </c>
      <c r="H43947" t="s">
        <v>81</v>
      </c>
      <c r="I43947" s="2">
        <v>0</v>
      </c>
      <c r="J43947" s="2">
        <v>1</v>
      </c>
      <c r="K43947" s="2">
        <v>0</v>
      </c>
      <c r="L43947" t="s">
        <v>82</v>
      </c>
      <c r="M43947" t="s">
        <v>87</v>
      </c>
      <c r="N43947" t="s">
        <v>88</v>
      </c>
      <c r="O43947" t="s">
        <v>85</v>
      </c>
      <c r="P43947" t="s">
        <v>86</v>
      </c>
      <c r="Q43947">
        <v>64</v>
      </c>
      <c r="R43947">
        <v>65</v>
      </c>
      <c r="S43947">
        <v>66</v>
      </c>
      <c r="T43947">
        <v>68</v>
      </c>
      <c r="U43947">
        <v>69</v>
      </c>
      <c r="V43947">
        <v>70</v>
      </c>
      <c r="W43947">
        <v>71</v>
      </c>
      <c r="X43947">
        <v>72</v>
      </c>
      <c r="Y43947">
        <v>73</v>
      </c>
      <c r="Z43947">
        <v>74</v>
      </c>
      <c r="AA43947">
        <v>75</v>
      </c>
      <c r="AB43947">
        <v>76</v>
      </c>
      <c r="AC43947">
        <v>77</v>
      </c>
      <c r="AD43947">
        <v>78</v>
      </c>
      <c r="AE43947">
        <v>79</v>
      </c>
      <c r="AF43947">
        <v>80</v>
      </c>
      <c r="AG43947">
        <v>82</v>
      </c>
      <c r="AH43947">
        <v>83</v>
      </c>
      <c r="AI43947">
        <v>84</v>
      </c>
      <c r="AJ43947">
        <v>85</v>
      </c>
      <c r="AK43947">
        <v>86</v>
      </c>
      <c r="AL43947">
        <v>87</v>
      </c>
      <c r="AM43947">
        <v>89</v>
      </c>
      <c r="AN43947">
        <v>90</v>
      </c>
      <c r="AO43947">
        <v>91</v>
      </c>
      <c r="AP43947">
        <v>92</v>
      </c>
      <c r="AQ43947">
        <v>93</v>
      </c>
    </row>
    <row r="43948" spans="1:43">
      <c r="A43948" t="s">
        <v>26795</v>
      </c>
      <c r="B43948" t="s">
        <v>26796</v>
      </c>
      <c r="C43948" t="s">
        <v>9184</v>
      </c>
      <c r="D43948" t="s">
        <v>9185</v>
      </c>
      <c r="E43948" t="s">
        <v>8938</v>
      </c>
      <c r="F43948" t="s">
        <v>8939</v>
      </c>
      <c r="G43948" t="s">
        <v>80</v>
      </c>
      <c r="H43948" t="s">
        <v>81</v>
      </c>
      <c r="I43948" s="2">
        <v>0</v>
      </c>
      <c r="J43948" s="2">
        <v>1</v>
      </c>
      <c r="K43948" s="2">
        <v>0</v>
      </c>
      <c r="L43948" t="s">
        <v>82</v>
      </c>
      <c r="M43948" t="s">
        <v>89</v>
      </c>
      <c r="N43948" t="s">
        <v>90</v>
      </c>
      <c r="O43948" t="s">
        <v>85</v>
      </c>
      <c r="P43948" t="s">
        <v>86</v>
      </c>
      <c r="Q43948">
        <v>64</v>
      </c>
      <c r="R43948">
        <v>66</v>
      </c>
      <c r="S43948">
        <v>68</v>
      </c>
      <c r="T43948">
        <v>70</v>
      </c>
      <c r="U43948">
        <v>72</v>
      </c>
      <c r="V43948">
        <v>75</v>
      </c>
      <c r="W43948">
        <v>77</v>
      </c>
      <c r="X43948">
        <v>79</v>
      </c>
      <c r="Y43948">
        <v>81</v>
      </c>
      <c r="Z43948">
        <v>83</v>
      </c>
      <c r="AA43948">
        <v>86</v>
      </c>
      <c r="AB43948">
        <v>88</v>
      </c>
      <c r="AC43948">
        <v>90</v>
      </c>
      <c r="AD43948">
        <v>92</v>
      </c>
      <c r="AE43948">
        <v>94</v>
      </c>
      <c r="AF43948">
        <v>95</v>
      </c>
      <c r="AG43948">
        <v>96</v>
      </c>
      <c r="AH43948">
        <v>97</v>
      </c>
      <c r="AI43948">
        <v>98</v>
      </c>
      <c r="AJ43948">
        <v>99</v>
      </c>
      <c r="AK43948">
        <v>100</v>
      </c>
      <c r="AL43948">
        <v>101</v>
      </c>
      <c r="AM43948">
        <v>102</v>
      </c>
      <c r="AN43948">
        <v>104</v>
      </c>
      <c r="AO43948">
        <v>105</v>
      </c>
      <c r="AP43948">
        <v>106</v>
      </c>
      <c r="AQ43948">
        <v>107</v>
      </c>
    </row>
    <row r="43949" spans="1:43">
      <c r="A43949" t="s">
        <v>26795</v>
      </c>
      <c r="B43949" t="s">
        <v>26796</v>
      </c>
      <c r="C43949" t="s">
        <v>9184</v>
      </c>
      <c r="D43949" t="s">
        <v>9185</v>
      </c>
      <c r="E43949" t="s">
        <v>8938</v>
      </c>
      <c r="F43949" t="s">
        <v>8939</v>
      </c>
      <c r="G43949" t="s">
        <v>80</v>
      </c>
      <c r="H43949" t="s">
        <v>81</v>
      </c>
      <c r="I43949" s="2">
        <v>0</v>
      </c>
      <c r="J43949" s="2">
        <v>1</v>
      </c>
      <c r="K43949" s="2">
        <v>0</v>
      </c>
      <c r="L43949" t="s">
        <v>82</v>
      </c>
      <c r="M43949" t="s">
        <v>83</v>
      </c>
      <c r="N43949" t="s">
        <v>91</v>
      </c>
      <c r="O43949" t="s">
        <v>85</v>
      </c>
      <c r="P43949" t="s">
        <v>86</v>
      </c>
      <c r="Q43949">
        <v>64</v>
      </c>
      <c r="R43949">
        <v>66</v>
      </c>
      <c r="S43949">
        <v>67</v>
      </c>
      <c r="T43949">
        <v>69</v>
      </c>
      <c r="U43949">
        <v>71</v>
      </c>
      <c r="V43949">
        <v>72</v>
      </c>
      <c r="W43949">
        <v>74</v>
      </c>
      <c r="X43949">
        <v>76</v>
      </c>
      <c r="Y43949">
        <v>78</v>
      </c>
      <c r="Z43949">
        <v>79</v>
      </c>
      <c r="AA43949">
        <v>81</v>
      </c>
      <c r="AB43949">
        <v>83</v>
      </c>
      <c r="AC43949">
        <v>85</v>
      </c>
      <c r="AD43949">
        <v>87</v>
      </c>
      <c r="AE43949">
        <v>89</v>
      </c>
      <c r="AF43949">
        <v>90</v>
      </c>
      <c r="AG43949">
        <v>92</v>
      </c>
      <c r="AH43949">
        <v>94</v>
      </c>
      <c r="AI43949">
        <v>96</v>
      </c>
      <c r="AJ43949">
        <v>98</v>
      </c>
      <c r="AK43949">
        <v>100</v>
      </c>
      <c r="AL43949">
        <v>101</v>
      </c>
      <c r="AM43949">
        <v>102</v>
      </c>
      <c r="AN43949">
        <v>104</v>
      </c>
      <c r="AO43949">
        <v>105</v>
      </c>
      <c r="AP43949">
        <v>106</v>
      </c>
      <c r="AQ43949">
        <v>107</v>
      </c>
    </row>
    <row r="43950" spans="1:43">
      <c r="A43950" t="s">
        <v>26797</v>
      </c>
      <c r="B43950" t="s">
        <v>26798</v>
      </c>
      <c r="C43950" t="s">
        <v>9184</v>
      </c>
      <c r="D43950" t="s">
        <v>9185</v>
      </c>
      <c r="E43950" t="s">
        <v>8938</v>
      </c>
      <c r="F43950" t="s">
        <v>8939</v>
      </c>
      <c r="G43950" t="s">
        <v>80</v>
      </c>
      <c r="H43950" t="s">
        <v>81</v>
      </c>
      <c r="I43950" s="2">
        <v>0</v>
      </c>
      <c r="J43950" s="2">
        <v>1</v>
      </c>
      <c r="K43950" s="2">
        <v>0</v>
      </c>
      <c r="L43950" t="s">
        <v>82</v>
      </c>
      <c r="M43950" t="s">
        <v>83</v>
      </c>
      <c r="N43950" t="s">
        <v>84</v>
      </c>
      <c r="O43950" t="s">
        <v>85</v>
      </c>
      <c r="P43950" t="s">
        <v>86</v>
      </c>
      <c r="Q43950">
        <v>47</v>
      </c>
      <c r="R43950">
        <v>48</v>
      </c>
      <c r="S43950">
        <v>50</v>
      </c>
      <c r="T43950">
        <v>51</v>
      </c>
      <c r="U43950">
        <v>52</v>
      </c>
      <c r="V43950">
        <v>53</v>
      </c>
      <c r="W43950">
        <v>55</v>
      </c>
      <c r="X43950">
        <v>56</v>
      </c>
      <c r="Y43950">
        <v>57</v>
      </c>
      <c r="Z43950">
        <v>59</v>
      </c>
      <c r="AA43950">
        <v>60</v>
      </c>
      <c r="AB43950">
        <v>61</v>
      </c>
      <c r="AC43950">
        <v>63</v>
      </c>
      <c r="AD43950">
        <v>64</v>
      </c>
      <c r="AE43950">
        <v>65</v>
      </c>
      <c r="AF43950">
        <v>67</v>
      </c>
      <c r="AG43950">
        <v>68</v>
      </c>
      <c r="AH43950">
        <v>69</v>
      </c>
      <c r="AI43950">
        <v>71</v>
      </c>
      <c r="AJ43950">
        <v>72</v>
      </c>
      <c r="AK43950">
        <v>74</v>
      </c>
      <c r="AL43950">
        <v>75</v>
      </c>
      <c r="AM43950">
        <v>76</v>
      </c>
      <c r="AN43950">
        <v>76</v>
      </c>
      <c r="AO43950">
        <v>77</v>
      </c>
      <c r="AP43950">
        <v>78</v>
      </c>
      <c r="AQ43950">
        <v>79</v>
      </c>
    </row>
    <row r="43951" spans="1:43">
      <c r="A43951" t="s">
        <v>26797</v>
      </c>
      <c r="B43951" t="s">
        <v>26798</v>
      </c>
      <c r="C43951" t="s">
        <v>9184</v>
      </c>
      <c r="D43951" t="s">
        <v>9185</v>
      </c>
      <c r="E43951" t="s">
        <v>8938</v>
      </c>
      <c r="F43951" t="s">
        <v>8939</v>
      </c>
      <c r="G43951" t="s">
        <v>80</v>
      </c>
      <c r="H43951" t="s">
        <v>81</v>
      </c>
      <c r="I43951" s="2">
        <v>0</v>
      </c>
      <c r="J43951" s="2">
        <v>1</v>
      </c>
      <c r="K43951" s="2">
        <v>0</v>
      </c>
      <c r="L43951" t="s">
        <v>82</v>
      </c>
      <c r="M43951" t="s">
        <v>87</v>
      </c>
      <c r="N43951" t="s">
        <v>88</v>
      </c>
      <c r="O43951" t="s">
        <v>85</v>
      </c>
      <c r="P43951" t="s">
        <v>86</v>
      </c>
      <c r="Q43951">
        <v>47</v>
      </c>
      <c r="R43951">
        <v>48</v>
      </c>
      <c r="S43951">
        <v>48</v>
      </c>
      <c r="T43951">
        <v>49</v>
      </c>
      <c r="U43951">
        <v>50</v>
      </c>
      <c r="V43951">
        <v>51</v>
      </c>
      <c r="W43951">
        <v>51</v>
      </c>
      <c r="X43951">
        <v>52</v>
      </c>
      <c r="Y43951">
        <v>53</v>
      </c>
      <c r="Z43951">
        <v>54</v>
      </c>
      <c r="AA43951">
        <v>54</v>
      </c>
      <c r="AB43951">
        <v>55</v>
      </c>
      <c r="AC43951">
        <v>56</v>
      </c>
      <c r="AD43951">
        <v>57</v>
      </c>
      <c r="AE43951">
        <v>58</v>
      </c>
      <c r="AF43951">
        <v>59</v>
      </c>
      <c r="AG43951">
        <v>59</v>
      </c>
      <c r="AH43951">
        <v>60</v>
      </c>
      <c r="AI43951">
        <v>61</v>
      </c>
      <c r="AJ43951">
        <v>62</v>
      </c>
      <c r="AK43951">
        <v>63</v>
      </c>
      <c r="AL43951">
        <v>64</v>
      </c>
      <c r="AM43951">
        <v>65</v>
      </c>
      <c r="AN43951">
        <v>65</v>
      </c>
      <c r="AO43951">
        <v>66</v>
      </c>
      <c r="AP43951">
        <v>67</v>
      </c>
      <c r="AQ43951">
        <v>68</v>
      </c>
    </row>
    <row r="43952" spans="1:43">
      <c r="A43952" t="s">
        <v>26797</v>
      </c>
      <c r="B43952" t="s">
        <v>26798</v>
      </c>
      <c r="C43952" t="s">
        <v>9184</v>
      </c>
      <c r="D43952" t="s">
        <v>9185</v>
      </c>
      <c r="E43952" t="s">
        <v>8938</v>
      </c>
      <c r="F43952" t="s">
        <v>8939</v>
      </c>
      <c r="G43952" t="s">
        <v>80</v>
      </c>
      <c r="H43952" t="s">
        <v>81</v>
      </c>
      <c r="I43952" s="2">
        <v>0</v>
      </c>
      <c r="J43952" s="2">
        <v>1</v>
      </c>
      <c r="K43952" s="2">
        <v>0</v>
      </c>
      <c r="L43952" t="s">
        <v>82</v>
      </c>
      <c r="M43952" t="s">
        <v>89</v>
      </c>
      <c r="N43952" t="s">
        <v>90</v>
      </c>
      <c r="O43952" t="s">
        <v>85</v>
      </c>
      <c r="P43952" t="s">
        <v>86</v>
      </c>
      <c r="Q43952">
        <v>47</v>
      </c>
      <c r="R43952">
        <v>48</v>
      </c>
      <c r="S43952">
        <v>50</v>
      </c>
      <c r="T43952">
        <v>52</v>
      </c>
      <c r="U43952">
        <v>53</v>
      </c>
      <c r="V43952">
        <v>55</v>
      </c>
      <c r="W43952">
        <v>56</v>
      </c>
      <c r="X43952">
        <v>58</v>
      </c>
      <c r="Y43952">
        <v>60</v>
      </c>
      <c r="Z43952">
        <v>61</v>
      </c>
      <c r="AA43952">
        <v>63</v>
      </c>
      <c r="AB43952">
        <v>64</v>
      </c>
      <c r="AC43952">
        <v>66</v>
      </c>
      <c r="AD43952">
        <v>68</v>
      </c>
      <c r="AE43952">
        <v>69</v>
      </c>
      <c r="AF43952">
        <v>70</v>
      </c>
      <c r="AG43952">
        <v>71</v>
      </c>
      <c r="AH43952">
        <v>71</v>
      </c>
      <c r="AI43952">
        <v>72</v>
      </c>
      <c r="AJ43952">
        <v>73</v>
      </c>
      <c r="AK43952">
        <v>74</v>
      </c>
      <c r="AL43952">
        <v>75</v>
      </c>
      <c r="AM43952">
        <v>75</v>
      </c>
      <c r="AN43952">
        <v>76</v>
      </c>
      <c r="AO43952">
        <v>77</v>
      </c>
      <c r="AP43952">
        <v>78</v>
      </c>
      <c r="AQ43952">
        <v>78</v>
      </c>
    </row>
    <row r="43953" spans="1:43">
      <c r="A43953" t="s">
        <v>26797</v>
      </c>
      <c r="B43953" t="s">
        <v>26798</v>
      </c>
      <c r="C43953" t="s">
        <v>9184</v>
      </c>
      <c r="D43953" t="s">
        <v>9185</v>
      </c>
      <c r="E43953" t="s">
        <v>8938</v>
      </c>
      <c r="F43953" t="s">
        <v>8939</v>
      </c>
      <c r="G43953" t="s">
        <v>80</v>
      </c>
      <c r="H43953" t="s">
        <v>81</v>
      </c>
      <c r="I43953" s="2">
        <v>0</v>
      </c>
      <c r="J43953" s="2">
        <v>1</v>
      </c>
      <c r="K43953" s="2">
        <v>0</v>
      </c>
      <c r="L43953" t="s">
        <v>82</v>
      </c>
      <c r="M43953" t="s">
        <v>83</v>
      </c>
      <c r="N43953" t="s">
        <v>91</v>
      </c>
      <c r="O43953" t="s">
        <v>85</v>
      </c>
      <c r="P43953" t="s">
        <v>86</v>
      </c>
      <c r="Q43953">
        <v>47</v>
      </c>
      <c r="R43953">
        <v>48</v>
      </c>
      <c r="S43953">
        <v>50</v>
      </c>
      <c r="T43953">
        <v>51</v>
      </c>
      <c r="U43953">
        <v>52</v>
      </c>
      <c r="V43953">
        <v>53</v>
      </c>
      <c r="W43953">
        <v>55</v>
      </c>
      <c r="X43953">
        <v>56</v>
      </c>
      <c r="Y43953">
        <v>57</v>
      </c>
      <c r="Z43953">
        <v>59</v>
      </c>
      <c r="AA43953">
        <v>60</v>
      </c>
      <c r="AB43953">
        <v>61</v>
      </c>
      <c r="AC43953">
        <v>63</v>
      </c>
      <c r="AD43953">
        <v>64</v>
      </c>
      <c r="AE43953">
        <v>65</v>
      </c>
      <c r="AF43953">
        <v>67</v>
      </c>
      <c r="AG43953">
        <v>68</v>
      </c>
      <c r="AH43953">
        <v>69</v>
      </c>
      <c r="AI43953">
        <v>71</v>
      </c>
      <c r="AJ43953">
        <v>72</v>
      </c>
      <c r="AK43953">
        <v>74</v>
      </c>
      <c r="AL43953">
        <v>75</v>
      </c>
      <c r="AM43953">
        <v>76</v>
      </c>
      <c r="AN43953">
        <v>76</v>
      </c>
      <c r="AO43953">
        <v>77</v>
      </c>
      <c r="AP43953">
        <v>78</v>
      </c>
      <c r="AQ43953">
        <v>79</v>
      </c>
    </row>
    <row r="43954" spans="1:43">
      <c r="A43954" t="s">
        <v>26799</v>
      </c>
      <c r="B43954" t="s">
        <v>26800</v>
      </c>
      <c r="C43954" t="s">
        <v>9184</v>
      </c>
      <c r="D43954" t="s">
        <v>9185</v>
      </c>
      <c r="E43954" t="s">
        <v>8938</v>
      </c>
      <c r="F43954" t="s">
        <v>8939</v>
      </c>
      <c r="G43954" t="s">
        <v>80</v>
      </c>
      <c r="H43954" t="s">
        <v>81</v>
      </c>
      <c r="I43954" s="2">
        <v>0</v>
      </c>
      <c r="J43954" s="2">
        <v>1</v>
      </c>
      <c r="K43954" s="2">
        <v>0</v>
      </c>
      <c r="L43954" t="s">
        <v>82</v>
      </c>
      <c r="M43954" t="s">
        <v>83</v>
      </c>
      <c r="N43954" t="s">
        <v>84</v>
      </c>
      <c r="O43954" t="s">
        <v>85</v>
      </c>
      <c r="P43954" t="s">
        <v>86</v>
      </c>
      <c r="Q43954">
        <v>3</v>
      </c>
      <c r="R43954">
        <v>3</v>
      </c>
      <c r="S43954">
        <v>3</v>
      </c>
      <c r="T43954">
        <v>3</v>
      </c>
      <c r="U43954">
        <v>3</v>
      </c>
      <c r="V43954">
        <v>3</v>
      </c>
      <c r="W43954">
        <v>3</v>
      </c>
      <c r="X43954">
        <v>3</v>
      </c>
      <c r="Y43954">
        <v>3</v>
      </c>
      <c r="Z43954">
        <v>3</v>
      </c>
      <c r="AA43954">
        <v>3</v>
      </c>
      <c r="AB43954">
        <v>3</v>
      </c>
      <c r="AC43954">
        <v>3</v>
      </c>
      <c r="AD43954">
        <v>3</v>
      </c>
      <c r="AE43954">
        <v>4</v>
      </c>
      <c r="AF43954">
        <v>4</v>
      </c>
      <c r="AG43954">
        <v>4</v>
      </c>
      <c r="AH43954">
        <v>4</v>
      </c>
      <c r="AI43954">
        <v>4</v>
      </c>
      <c r="AJ43954">
        <v>4</v>
      </c>
      <c r="AK43954">
        <v>4</v>
      </c>
      <c r="AL43954">
        <v>4</v>
      </c>
      <c r="AM43954">
        <v>4</v>
      </c>
      <c r="AN43954">
        <v>4</v>
      </c>
      <c r="AO43954">
        <v>4</v>
      </c>
      <c r="AP43954">
        <v>4</v>
      </c>
      <c r="AQ43954">
        <v>4</v>
      </c>
    </row>
    <row r="43955" spans="1:43">
      <c r="A43955" t="s">
        <v>26799</v>
      </c>
      <c r="B43955" t="s">
        <v>26800</v>
      </c>
      <c r="C43955" t="s">
        <v>9184</v>
      </c>
      <c r="D43955" t="s">
        <v>9185</v>
      </c>
      <c r="E43955" t="s">
        <v>8938</v>
      </c>
      <c r="F43955" t="s">
        <v>8939</v>
      </c>
      <c r="G43955" t="s">
        <v>80</v>
      </c>
      <c r="H43955" t="s">
        <v>81</v>
      </c>
      <c r="I43955" s="2">
        <v>0</v>
      </c>
      <c r="J43955" s="2">
        <v>1</v>
      </c>
      <c r="K43955" s="2">
        <v>0</v>
      </c>
      <c r="L43955" t="s">
        <v>82</v>
      </c>
      <c r="M43955" t="s">
        <v>87</v>
      </c>
      <c r="N43955" t="s">
        <v>88</v>
      </c>
      <c r="O43955" t="s">
        <v>85</v>
      </c>
      <c r="P43955" t="s">
        <v>86</v>
      </c>
      <c r="Q43955">
        <v>3</v>
      </c>
      <c r="R43955">
        <v>3</v>
      </c>
      <c r="S43955">
        <v>3</v>
      </c>
      <c r="T43955">
        <v>3</v>
      </c>
      <c r="U43955">
        <v>3</v>
      </c>
      <c r="V43955">
        <v>3</v>
      </c>
      <c r="W43955">
        <v>3</v>
      </c>
      <c r="X43955">
        <v>3</v>
      </c>
      <c r="Y43955">
        <v>3</v>
      </c>
      <c r="Z43955">
        <v>3</v>
      </c>
      <c r="AA43955">
        <v>3</v>
      </c>
      <c r="AB43955">
        <v>3</v>
      </c>
      <c r="AC43955">
        <v>3</v>
      </c>
      <c r="AD43955">
        <v>3</v>
      </c>
      <c r="AE43955">
        <v>3</v>
      </c>
      <c r="AF43955">
        <v>3</v>
      </c>
      <c r="AG43955">
        <v>3</v>
      </c>
      <c r="AH43955">
        <v>3</v>
      </c>
      <c r="AI43955">
        <v>3</v>
      </c>
      <c r="AJ43955">
        <v>3</v>
      </c>
      <c r="AK43955">
        <v>3</v>
      </c>
      <c r="AL43955">
        <v>3</v>
      </c>
      <c r="AM43955">
        <v>3</v>
      </c>
      <c r="AN43955">
        <v>4</v>
      </c>
      <c r="AO43955">
        <v>4</v>
      </c>
      <c r="AP43955">
        <v>4</v>
      </c>
      <c r="AQ43955">
        <v>4</v>
      </c>
    </row>
    <row r="43956" spans="1:43">
      <c r="A43956" t="s">
        <v>26799</v>
      </c>
      <c r="B43956" t="s">
        <v>26800</v>
      </c>
      <c r="C43956" t="s">
        <v>9184</v>
      </c>
      <c r="D43956" t="s">
        <v>9185</v>
      </c>
      <c r="E43956" t="s">
        <v>8938</v>
      </c>
      <c r="F43956" t="s">
        <v>8939</v>
      </c>
      <c r="G43956" t="s">
        <v>80</v>
      </c>
      <c r="H43956" t="s">
        <v>81</v>
      </c>
      <c r="I43956" s="2">
        <v>0</v>
      </c>
      <c r="J43956" s="2">
        <v>1</v>
      </c>
      <c r="K43956" s="2">
        <v>0</v>
      </c>
      <c r="L43956" t="s">
        <v>82</v>
      </c>
      <c r="M43956" t="s">
        <v>89</v>
      </c>
      <c r="N43956" t="s">
        <v>90</v>
      </c>
      <c r="O43956" t="s">
        <v>85</v>
      </c>
      <c r="P43956" t="s">
        <v>86</v>
      </c>
      <c r="Q43956">
        <v>3</v>
      </c>
      <c r="R43956">
        <v>3</v>
      </c>
      <c r="S43956">
        <v>3</v>
      </c>
      <c r="T43956">
        <v>3</v>
      </c>
      <c r="U43956">
        <v>3</v>
      </c>
      <c r="V43956">
        <v>3</v>
      </c>
      <c r="W43956">
        <v>3</v>
      </c>
      <c r="X43956">
        <v>3</v>
      </c>
      <c r="Y43956">
        <v>3</v>
      </c>
      <c r="Z43956">
        <v>3</v>
      </c>
      <c r="AA43956">
        <v>3</v>
      </c>
      <c r="AB43956">
        <v>4</v>
      </c>
      <c r="AC43956">
        <v>4</v>
      </c>
      <c r="AD43956">
        <v>4</v>
      </c>
      <c r="AE43956">
        <v>4</v>
      </c>
      <c r="AF43956">
        <v>4</v>
      </c>
      <c r="AG43956">
        <v>4</v>
      </c>
      <c r="AH43956">
        <v>4</v>
      </c>
      <c r="AI43956">
        <v>4</v>
      </c>
      <c r="AJ43956">
        <v>4</v>
      </c>
      <c r="AK43956">
        <v>4</v>
      </c>
      <c r="AL43956">
        <v>4</v>
      </c>
      <c r="AM43956">
        <v>4</v>
      </c>
      <c r="AN43956">
        <v>4</v>
      </c>
      <c r="AO43956">
        <v>4</v>
      </c>
      <c r="AP43956">
        <v>4</v>
      </c>
      <c r="AQ43956">
        <v>4</v>
      </c>
    </row>
    <row r="43957" spans="1:43">
      <c r="A43957" t="s">
        <v>26799</v>
      </c>
      <c r="B43957" t="s">
        <v>26800</v>
      </c>
      <c r="C43957" t="s">
        <v>9184</v>
      </c>
      <c r="D43957" t="s">
        <v>9185</v>
      </c>
      <c r="E43957" t="s">
        <v>8938</v>
      </c>
      <c r="F43957" t="s">
        <v>8939</v>
      </c>
      <c r="G43957" t="s">
        <v>80</v>
      </c>
      <c r="H43957" t="s">
        <v>81</v>
      </c>
      <c r="I43957" s="2">
        <v>0</v>
      </c>
      <c r="J43957" s="2">
        <v>1</v>
      </c>
      <c r="K43957" s="2">
        <v>0</v>
      </c>
      <c r="L43957" t="s">
        <v>82</v>
      </c>
      <c r="M43957" t="s">
        <v>83</v>
      </c>
      <c r="N43957" t="s">
        <v>91</v>
      </c>
      <c r="O43957" t="s">
        <v>85</v>
      </c>
      <c r="P43957" t="s">
        <v>86</v>
      </c>
      <c r="Q43957">
        <v>3</v>
      </c>
      <c r="R43957">
        <v>3</v>
      </c>
      <c r="S43957">
        <v>3</v>
      </c>
      <c r="T43957">
        <v>3</v>
      </c>
      <c r="U43957">
        <v>3</v>
      </c>
      <c r="V43957">
        <v>3</v>
      </c>
      <c r="W43957">
        <v>3</v>
      </c>
      <c r="X43957">
        <v>3</v>
      </c>
      <c r="Y43957">
        <v>3</v>
      </c>
      <c r="Z43957">
        <v>3</v>
      </c>
      <c r="AA43957">
        <v>3</v>
      </c>
      <c r="AB43957">
        <v>3</v>
      </c>
      <c r="AC43957">
        <v>3</v>
      </c>
      <c r="AD43957">
        <v>3</v>
      </c>
      <c r="AE43957">
        <v>4</v>
      </c>
      <c r="AF43957">
        <v>4</v>
      </c>
      <c r="AG43957">
        <v>4</v>
      </c>
      <c r="AH43957">
        <v>4</v>
      </c>
      <c r="AI43957">
        <v>4</v>
      </c>
      <c r="AJ43957">
        <v>4</v>
      </c>
      <c r="AK43957">
        <v>4</v>
      </c>
      <c r="AL43957">
        <v>4</v>
      </c>
      <c r="AM43957">
        <v>4</v>
      </c>
      <c r="AN43957">
        <v>4</v>
      </c>
      <c r="AO43957">
        <v>4</v>
      </c>
      <c r="AP43957">
        <v>4</v>
      </c>
      <c r="AQ43957">
        <v>4</v>
      </c>
    </row>
    <row r="43958" spans="1:43">
      <c r="A43958" t="s">
        <v>26801</v>
      </c>
      <c r="B43958" t="s">
        <v>26802</v>
      </c>
      <c r="C43958" t="s">
        <v>9184</v>
      </c>
      <c r="D43958" t="s">
        <v>9185</v>
      </c>
      <c r="E43958" t="s">
        <v>8938</v>
      </c>
      <c r="F43958" t="s">
        <v>8939</v>
      </c>
      <c r="G43958" t="s">
        <v>80</v>
      </c>
      <c r="H43958" t="s">
        <v>81</v>
      </c>
      <c r="I43958" s="2">
        <v>0</v>
      </c>
      <c r="J43958" s="2">
        <v>1</v>
      </c>
      <c r="K43958" s="2">
        <v>0</v>
      </c>
      <c r="L43958" t="s">
        <v>82</v>
      </c>
      <c r="M43958" t="s">
        <v>83</v>
      </c>
      <c r="N43958" t="s">
        <v>84</v>
      </c>
      <c r="O43958" t="s">
        <v>85</v>
      </c>
      <c r="P43958" t="s">
        <v>86</v>
      </c>
      <c r="Q43958">
        <v>56</v>
      </c>
      <c r="R43958">
        <v>58</v>
      </c>
      <c r="S43958">
        <v>59</v>
      </c>
      <c r="T43958">
        <v>60</v>
      </c>
      <c r="U43958">
        <v>62</v>
      </c>
      <c r="V43958">
        <v>63</v>
      </c>
      <c r="W43958">
        <v>65</v>
      </c>
      <c r="X43958">
        <v>66</v>
      </c>
      <c r="Y43958">
        <v>68</v>
      </c>
      <c r="Z43958">
        <v>70</v>
      </c>
      <c r="AA43958">
        <v>71</v>
      </c>
      <c r="AB43958">
        <v>73</v>
      </c>
      <c r="AC43958">
        <v>74</v>
      </c>
      <c r="AD43958">
        <v>76</v>
      </c>
      <c r="AE43958">
        <v>78</v>
      </c>
      <c r="AF43958">
        <v>79</v>
      </c>
      <c r="AG43958">
        <v>81</v>
      </c>
      <c r="AH43958">
        <v>83</v>
      </c>
      <c r="AI43958">
        <v>84</v>
      </c>
      <c r="AJ43958">
        <v>86</v>
      </c>
      <c r="AK43958">
        <v>88</v>
      </c>
      <c r="AL43958">
        <v>89</v>
      </c>
      <c r="AM43958">
        <v>90</v>
      </c>
      <c r="AN43958">
        <v>91</v>
      </c>
      <c r="AO43958">
        <v>92</v>
      </c>
      <c r="AP43958">
        <v>93</v>
      </c>
      <c r="AQ43958">
        <v>94</v>
      </c>
    </row>
    <row r="43959" spans="1:43">
      <c r="A43959" t="s">
        <v>26801</v>
      </c>
      <c r="B43959" t="s">
        <v>26802</v>
      </c>
      <c r="C43959" t="s">
        <v>9184</v>
      </c>
      <c r="D43959" t="s">
        <v>9185</v>
      </c>
      <c r="E43959" t="s">
        <v>8938</v>
      </c>
      <c r="F43959" t="s">
        <v>8939</v>
      </c>
      <c r="G43959" t="s">
        <v>80</v>
      </c>
      <c r="H43959" t="s">
        <v>81</v>
      </c>
      <c r="I43959" s="2">
        <v>0</v>
      </c>
      <c r="J43959" s="2">
        <v>1</v>
      </c>
      <c r="K43959" s="2">
        <v>0</v>
      </c>
      <c r="L43959" t="s">
        <v>82</v>
      </c>
      <c r="M43959" t="s">
        <v>87</v>
      </c>
      <c r="N43959" t="s">
        <v>88</v>
      </c>
      <c r="O43959" t="s">
        <v>85</v>
      </c>
      <c r="P43959" t="s">
        <v>86</v>
      </c>
      <c r="Q43959">
        <v>56</v>
      </c>
      <c r="R43959">
        <v>56</v>
      </c>
      <c r="S43959">
        <v>57</v>
      </c>
      <c r="T43959">
        <v>58</v>
      </c>
      <c r="U43959">
        <v>59</v>
      </c>
      <c r="V43959">
        <v>60</v>
      </c>
      <c r="W43959">
        <v>61</v>
      </c>
      <c r="X43959">
        <v>62</v>
      </c>
      <c r="Y43959">
        <v>63</v>
      </c>
      <c r="Z43959">
        <v>64</v>
      </c>
      <c r="AA43959">
        <v>65</v>
      </c>
      <c r="AB43959">
        <v>66</v>
      </c>
      <c r="AC43959">
        <v>67</v>
      </c>
      <c r="AD43959">
        <v>68</v>
      </c>
      <c r="AE43959">
        <v>69</v>
      </c>
      <c r="AF43959">
        <v>70</v>
      </c>
      <c r="AG43959">
        <v>71</v>
      </c>
      <c r="AH43959">
        <v>72</v>
      </c>
      <c r="AI43959">
        <v>73</v>
      </c>
      <c r="AJ43959">
        <v>74</v>
      </c>
      <c r="AK43959">
        <v>75</v>
      </c>
      <c r="AL43959">
        <v>76</v>
      </c>
      <c r="AM43959">
        <v>77</v>
      </c>
      <c r="AN43959">
        <v>78</v>
      </c>
      <c r="AO43959">
        <v>79</v>
      </c>
      <c r="AP43959">
        <v>80</v>
      </c>
      <c r="AQ43959">
        <v>81</v>
      </c>
    </row>
    <row r="43960" spans="1:43">
      <c r="A43960" t="s">
        <v>26801</v>
      </c>
      <c r="B43960" t="s">
        <v>26802</v>
      </c>
      <c r="C43960" t="s">
        <v>9184</v>
      </c>
      <c r="D43960" t="s">
        <v>9185</v>
      </c>
      <c r="E43960" t="s">
        <v>8938</v>
      </c>
      <c r="F43960" t="s">
        <v>8939</v>
      </c>
      <c r="G43960" t="s">
        <v>80</v>
      </c>
      <c r="H43960" t="s">
        <v>81</v>
      </c>
      <c r="I43960" s="2">
        <v>0</v>
      </c>
      <c r="J43960" s="2">
        <v>1</v>
      </c>
      <c r="K43960" s="2">
        <v>0</v>
      </c>
      <c r="L43960" t="s">
        <v>82</v>
      </c>
      <c r="M43960" t="s">
        <v>89</v>
      </c>
      <c r="N43960" t="s">
        <v>90</v>
      </c>
      <c r="O43960" t="s">
        <v>85</v>
      </c>
      <c r="P43960" t="s">
        <v>86</v>
      </c>
      <c r="Q43960">
        <v>56</v>
      </c>
      <c r="R43960">
        <v>58</v>
      </c>
      <c r="S43960">
        <v>59</v>
      </c>
      <c r="T43960">
        <v>61</v>
      </c>
      <c r="U43960">
        <v>63</v>
      </c>
      <c r="V43960">
        <v>65</v>
      </c>
      <c r="W43960">
        <v>67</v>
      </c>
      <c r="X43960">
        <v>69</v>
      </c>
      <c r="Y43960">
        <v>71</v>
      </c>
      <c r="Z43960">
        <v>73</v>
      </c>
      <c r="AA43960">
        <v>75</v>
      </c>
      <c r="AB43960">
        <v>77</v>
      </c>
      <c r="AC43960">
        <v>79</v>
      </c>
      <c r="AD43960">
        <v>81</v>
      </c>
      <c r="AE43960">
        <v>82</v>
      </c>
      <c r="AF43960">
        <v>83</v>
      </c>
      <c r="AG43960">
        <v>84</v>
      </c>
      <c r="AH43960">
        <v>85</v>
      </c>
      <c r="AI43960">
        <v>86</v>
      </c>
      <c r="AJ43960">
        <v>87</v>
      </c>
      <c r="AK43960">
        <v>88</v>
      </c>
      <c r="AL43960">
        <v>89</v>
      </c>
      <c r="AM43960">
        <v>90</v>
      </c>
      <c r="AN43960">
        <v>90</v>
      </c>
      <c r="AO43960">
        <v>91</v>
      </c>
      <c r="AP43960">
        <v>92</v>
      </c>
      <c r="AQ43960">
        <v>93</v>
      </c>
    </row>
    <row r="43961" spans="1:43">
      <c r="A43961" t="s">
        <v>26801</v>
      </c>
      <c r="B43961" t="s">
        <v>26802</v>
      </c>
      <c r="C43961" t="s">
        <v>9184</v>
      </c>
      <c r="D43961" t="s">
        <v>9185</v>
      </c>
      <c r="E43961" t="s">
        <v>8938</v>
      </c>
      <c r="F43961" t="s">
        <v>8939</v>
      </c>
      <c r="G43961" t="s">
        <v>80</v>
      </c>
      <c r="H43961" t="s">
        <v>81</v>
      </c>
      <c r="I43961" s="2">
        <v>0</v>
      </c>
      <c r="J43961" s="2">
        <v>1</v>
      </c>
      <c r="K43961" s="2">
        <v>0</v>
      </c>
      <c r="L43961" t="s">
        <v>82</v>
      </c>
      <c r="M43961" t="s">
        <v>83</v>
      </c>
      <c r="N43961" t="s">
        <v>91</v>
      </c>
      <c r="O43961" t="s">
        <v>85</v>
      </c>
      <c r="P43961" t="s">
        <v>86</v>
      </c>
      <c r="Q43961">
        <v>56</v>
      </c>
      <c r="R43961">
        <v>58</v>
      </c>
      <c r="S43961">
        <v>59</v>
      </c>
      <c r="T43961">
        <v>60</v>
      </c>
      <c r="U43961">
        <v>62</v>
      </c>
      <c r="V43961">
        <v>63</v>
      </c>
      <c r="W43961">
        <v>65</v>
      </c>
      <c r="X43961">
        <v>66</v>
      </c>
      <c r="Y43961">
        <v>68</v>
      </c>
      <c r="Z43961">
        <v>70</v>
      </c>
      <c r="AA43961">
        <v>71</v>
      </c>
      <c r="AB43961">
        <v>73</v>
      </c>
      <c r="AC43961">
        <v>74</v>
      </c>
      <c r="AD43961">
        <v>76</v>
      </c>
      <c r="AE43961">
        <v>78</v>
      </c>
      <c r="AF43961">
        <v>79</v>
      </c>
      <c r="AG43961">
        <v>81</v>
      </c>
      <c r="AH43961">
        <v>83</v>
      </c>
      <c r="AI43961">
        <v>84</v>
      </c>
      <c r="AJ43961">
        <v>86</v>
      </c>
      <c r="AK43961">
        <v>88</v>
      </c>
      <c r="AL43961">
        <v>89</v>
      </c>
      <c r="AM43961">
        <v>90</v>
      </c>
      <c r="AN43961">
        <v>91</v>
      </c>
      <c r="AO43961">
        <v>92</v>
      </c>
      <c r="AP43961">
        <v>93</v>
      </c>
      <c r="AQ43961">
        <v>94</v>
      </c>
    </row>
    <row r="43962" spans="1:43">
      <c r="A43962" t="s">
        <v>26803</v>
      </c>
      <c r="B43962" t="s">
        <v>26804</v>
      </c>
      <c r="C43962" t="s">
        <v>9050</v>
      </c>
      <c r="D43962" t="s">
        <v>9051</v>
      </c>
      <c r="E43962" t="s">
        <v>8938</v>
      </c>
      <c r="F43962" t="s">
        <v>8939</v>
      </c>
      <c r="G43962" t="s">
        <v>80</v>
      </c>
      <c r="H43962" t="s">
        <v>81</v>
      </c>
      <c r="I43962" s="2">
        <v>0</v>
      </c>
      <c r="J43962" s="2">
        <v>1</v>
      </c>
      <c r="K43962" s="2">
        <v>0</v>
      </c>
      <c r="L43962" t="s">
        <v>82</v>
      </c>
      <c r="M43962" t="s">
        <v>83</v>
      </c>
      <c r="N43962" t="s">
        <v>84</v>
      </c>
      <c r="O43962" t="s">
        <v>85</v>
      </c>
      <c r="P43962" t="s">
        <v>86</v>
      </c>
      <c r="Q43962">
        <v>59</v>
      </c>
      <c r="R43962">
        <v>61</v>
      </c>
      <c r="S43962">
        <v>62</v>
      </c>
      <c r="T43962">
        <v>64</v>
      </c>
      <c r="U43962">
        <v>65</v>
      </c>
      <c r="V43962">
        <v>67</v>
      </c>
      <c r="W43962">
        <v>69</v>
      </c>
      <c r="X43962">
        <v>70</v>
      </c>
      <c r="Y43962">
        <v>72</v>
      </c>
      <c r="Z43962">
        <v>74</v>
      </c>
      <c r="AA43962">
        <v>75</v>
      </c>
      <c r="AB43962">
        <v>77</v>
      </c>
      <c r="AC43962">
        <v>79</v>
      </c>
      <c r="AD43962">
        <v>80</v>
      </c>
      <c r="AE43962">
        <v>82</v>
      </c>
      <c r="AF43962">
        <v>84</v>
      </c>
      <c r="AG43962">
        <v>86</v>
      </c>
      <c r="AH43962">
        <v>87</v>
      </c>
      <c r="AI43962">
        <v>89</v>
      </c>
      <c r="AJ43962">
        <v>91</v>
      </c>
      <c r="AK43962">
        <v>93</v>
      </c>
      <c r="AL43962">
        <v>94</v>
      </c>
      <c r="AM43962">
        <v>95</v>
      </c>
      <c r="AN43962">
        <v>96</v>
      </c>
      <c r="AO43962">
        <v>97</v>
      </c>
      <c r="AP43962">
        <v>98</v>
      </c>
      <c r="AQ43962">
        <v>99</v>
      </c>
    </row>
    <row r="43963" spans="1:43">
      <c r="A43963" t="s">
        <v>26803</v>
      </c>
      <c r="B43963" t="s">
        <v>26804</v>
      </c>
      <c r="C43963" t="s">
        <v>9050</v>
      </c>
      <c r="D43963" t="s">
        <v>9051</v>
      </c>
      <c r="E43963" t="s">
        <v>8938</v>
      </c>
      <c r="F43963" t="s">
        <v>8939</v>
      </c>
      <c r="G43963" t="s">
        <v>80</v>
      </c>
      <c r="H43963" t="s">
        <v>81</v>
      </c>
      <c r="I43963" s="2">
        <v>0</v>
      </c>
      <c r="J43963" s="2">
        <v>1</v>
      </c>
      <c r="K43963" s="2">
        <v>0</v>
      </c>
      <c r="L43963" t="s">
        <v>82</v>
      </c>
      <c r="M43963" t="s">
        <v>87</v>
      </c>
      <c r="N43963" t="s">
        <v>88</v>
      </c>
      <c r="O43963" t="s">
        <v>85</v>
      </c>
      <c r="P43963" t="s">
        <v>86</v>
      </c>
      <c r="Q43963">
        <v>59</v>
      </c>
      <c r="R43963">
        <v>60</v>
      </c>
      <c r="S43963">
        <v>61</v>
      </c>
      <c r="T43963">
        <v>62</v>
      </c>
      <c r="U43963">
        <v>62</v>
      </c>
      <c r="V43963">
        <v>63</v>
      </c>
      <c r="W43963">
        <v>64</v>
      </c>
      <c r="X43963">
        <v>65</v>
      </c>
      <c r="Y43963">
        <v>66</v>
      </c>
      <c r="Z43963">
        <v>67</v>
      </c>
      <c r="AA43963">
        <v>68</v>
      </c>
      <c r="AB43963">
        <v>69</v>
      </c>
      <c r="AC43963">
        <v>71</v>
      </c>
      <c r="AD43963">
        <v>72</v>
      </c>
      <c r="AE43963">
        <v>73</v>
      </c>
      <c r="AF43963">
        <v>74</v>
      </c>
      <c r="AG43963">
        <v>75</v>
      </c>
      <c r="AH43963">
        <v>76</v>
      </c>
      <c r="AI43963">
        <v>77</v>
      </c>
      <c r="AJ43963">
        <v>78</v>
      </c>
      <c r="AK43963">
        <v>79</v>
      </c>
      <c r="AL43963">
        <v>80</v>
      </c>
      <c r="AM43963">
        <v>81</v>
      </c>
      <c r="AN43963">
        <v>82</v>
      </c>
      <c r="AO43963">
        <v>83</v>
      </c>
      <c r="AP43963">
        <v>85</v>
      </c>
      <c r="AQ43963">
        <v>86</v>
      </c>
    </row>
    <row r="43964" spans="1:43">
      <c r="A43964" t="s">
        <v>26803</v>
      </c>
      <c r="B43964" t="s">
        <v>26804</v>
      </c>
      <c r="C43964" t="s">
        <v>9050</v>
      </c>
      <c r="D43964" t="s">
        <v>9051</v>
      </c>
      <c r="E43964" t="s">
        <v>8938</v>
      </c>
      <c r="F43964" t="s">
        <v>8939</v>
      </c>
      <c r="G43964" t="s">
        <v>80</v>
      </c>
      <c r="H43964" t="s">
        <v>81</v>
      </c>
      <c r="I43964" s="2">
        <v>0</v>
      </c>
      <c r="J43964" s="2">
        <v>1</v>
      </c>
      <c r="K43964" s="2">
        <v>0</v>
      </c>
      <c r="L43964" t="s">
        <v>82</v>
      </c>
      <c r="M43964" t="s">
        <v>89</v>
      </c>
      <c r="N43964" t="s">
        <v>90</v>
      </c>
      <c r="O43964" t="s">
        <v>85</v>
      </c>
      <c r="P43964" t="s">
        <v>86</v>
      </c>
      <c r="Q43964">
        <v>59</v>
      </c>
      <c r="R43964">
        <v>61</v>
      </c>
      <c r="S43964">
        <v>63</v>
      </c>
      <c r="T43964">
        <v>65</v>
      </c>
      <c r="U43964">
        <v>67</v>
      </c>
      <c r="V43964">
        <v>69</v>
      </c>
      <c r="W43964">
        <v>71</v>
      </c>
      <c r="X43964">
        <v>73</v>
      </c>
      <c r="Y43964">
        <v>75</v>
      </c>
      <c r="Z43964">
        <v>77</v>
      </c>
      <c r="AA43964">
        <v>79</v>
      </c>
      <c r="AB43964">
        <v>81</v>
      </c>
      <c r="AC43964">
        <v>83</v>
      </c>
      <c r="AD43964">
        <v>85</v>
      </c>
      <c r="AE43964">
        <v>87</v>
      </c>
      <c r="AF43964">
        <v>88</v>
      </c>
      <c r="AG43964">
        <v>89</v>
      </c>
      <c r="AH43964">
        <v>90</v>
      </c>
      <c r="AI43964">
        <v>91</v>
      </c>
      <c r="AJ43964">
        <v>92</v>
      </c>
      <c r="AK43964">
        <v>93</v>
      </c>
      <c r="AL43964">
        <v>94</v>
      </c>
      <c r="AM43964">
        <v>95</v>
      </c>
      <c r="AN43964">
        <v>95</v>
      </c>
      <c r="AO43964">
        <v>96</v>
      </c>
      <c r="AP43964">
        <v>97</v>
      </c>
      <c r="AQ43964">
        <v>98</v>
      </c>
    </row>
    <row r="43965" spans="1:43">
      <c r="A43965" t="s">
        <v>26803</v>
      </c>
      <c r="B43965" t="s">
        <v>26804</v>
      </c>
      <c r="C43965" t="s">
        <v>9050</v>
      </c>
      <c r="D43965" t="s">
        <v>9051</v>
      </c>
      <c r="E43965" t="s">
        <v>8938</v>
      </c>
      <c r="F43965" t="s">
        <v>8939</v>
      </c>
      <c r="G43965" t="s">
        <v>80</v>
      </c>
      <c r="H43965" t="s">
        <v>81</v>
      </c>
      <c r="I43965" s="2">
        <v>0</v>
      </c>
      <c r="J43965" s="2">
        <v>1</v>
      </c>
      <c r="K43965" s="2">
        <v>0</v>
      </c>
      <c r="L43965" t="s">
        <v>82</v>
      </c>
      <c r="M43965" t="s">
        <v>83</v>
      </c>
      <c r="N43965" t="s">
        <v>91</v>
      </c>
      <c r="O43965" t="s">
        <v>85</v>
      </c>
      <c r="P43965" t="s">
        <v>86</v>
      </c>
      <c r="Q43965">
        <v>59</v>
      </c>
      <c r="R43965">
        <v>61</v>
      </c>
      <c r="S43965">
        <v>62</v>
      </c>
      <c r="T43965">
        <v>64</v>
      </c>
      <c r="U43965">
        <v>65</v>
      </c>
      <c r="V43965">
        <v>67</v>
      </c>
      <c r="W43965">
        <v>69</v>
      </c>
      <c r="X43965">
        <v>70</v>
      </c>
      <c r="Y43965">
        <v>72</v>
      </c>
      <c r="Z43965">
        <v>74</v>
      </c>
      <c r="AA43965">
        <v>75</v>
      </c>
      <c r="AB43965">
        <v>77</v>
      </c>
      <c r="AC43965">
        <v>79</v>
      </c>
      <c r="AD43965">
        <v>80</v>
      </c>
      <c r="AE43965">
        <v>82</v>
      </c>
      <c r="AF43965">
        <v>84</v>
      </c>
      <c r="AG43965">
        <v>86</v>
      </c>
      <c r="AH43965">
        <v>87</v>
      </c>
      <c r="AI43965">
        <v>89</v>
      </c>
      <c r="AJ43965">
        <v>91</v>
      </c>
      <c r="AK43965">
        <v>93</v>
      </c>
      <c r="AL43965">
        <v>94</v>
      </c>
      <c r="AM43965">
        <v>95</v>
      </c>
      <c r="AN43965">
        <v>96</v>
      </c>
      <c r="AO43965">
        <v>97</v>
      </c>
      <c r="AP43965">
        <v>98</v>
      </c>
      <c r="AQ43965">
        <v>99</v>
      </c>
    </row>
    <row r="43966" spans="1:43">
      <c r="A43966" t="s">
        <v>26805</v>
      </c>
      <c r="B43966" t="s">
        <v>26806</v>
      </c>
      <c r="C43966" t="s">
        <v>9050</v>
      </c>
      <c r="D43966" t="s">
        <v>9051</v>
      </c>
      <c r="E43966" t="s">
        <v>8938</v>
      </c>
      <c r="F43966" t="s">
        <v>8939</v>
      </c>
      <c r="G43966" t="s">
        <v>80</v>
      </c>
      <c r="H43966" t="s">
        <v>81</v>
      </c>
      <c r="I43966" s="2">
        <v>0</v>
      </c>
      <c r="J43966" s="2">
        <v>1</v>
      </c>
      <c r="K43966" s="2">
        <v>0</v>
      </c>
      <c r="L43966" t="s">
        <v>82</v>
      </c>
      <c r="M43966" t="s">
        <v>83</v>
      </c>
      <c r="N43966" t="s">
        <v>84</v>
      </c>
      <c r="O43966" t="s">
        <v>85</v>
      </c>
      <c r="P43966" t="s">
        <v>86</v>
      </c>
      <c r="Q43966">
        <v>28</v>
      </c>
      <c r="R43966">
        <v>29</v>
      </c>
      <c r="S43966">
        <v>30</v>
      </c>
      <c r="T43966">
        <v>30</v>
      </c>
      <c r="U43966">
        <v>31</v>
      </c>
      <c r="V43966">
        <v>32</v>
      </c>
      <c r="W43966">
        <v>33</v>
      </c>
      <c r="X43966">
        <v>33</v>
      </c>
      <c r="Y43966">
        <v>34</v>
      </c>
      <c r="Z43966">
        <v>35</v>
      </c>
      <c r="AA43966">
        <v>36</v>
      </c>
      <c r="AB43966">
        <v>37</v>
      </c>
      <c r="AC43966">
        <v>37</v>
      </c>
      <c r="AD43966">
        <v>38</v>
      </c>
      <c r="AE43966">
        <v>39</v>
      </c>
      <c r="AF43966">
        <v>40</v>
      </c>
      <c r="AG43966">
        <v>41</v>
      </c>
      <c r="AH43966">
        <v>42</v>
      </c>
      <c r="AI43966">
        <v>43</v>
      </c>
      <c r="AJ43966">
        <v>43</v>
      </c>
      <c r="AK43966">
        <v>44</v>
      </c>
      <c r="AL43966">
        <v>45</v>
      </c>
      <c r="AM43966">
        <v>45</v>
      </c>
      <c r="AN43966">
        <v>46</v>
      </c>
      <c r="AO43966">
        <v>46</v>
      </c>
      <c r="AP43966">
        <v>47</v>
      </c>
      <c r="AQ43966">
        <v>47</v>
      </c>
    </row>
    <row r="43967" spans="1:43">
      <c r="A43967" t="s">
        <v>26805</v>
      </c>
      <c r="B43967" t="s">
        <v>26806</v>
      </c>
      <c r="C43967" t="s">
        <v>9050</v>
      </c>
      <c r="D43967" t="s">
        <v>9051</v>
      </c>
      <c r="E43967" t="s">
        <v>8938</v>
      </c>
      <c r="F43967" t="s">
        <v>8939</v>
      </c>
      <c r="G43967" t="s">
        <v>80</v>
      </c>
      <c r="H43967" t="s">
        <v>81</v>
      </c>
      <c r="I43967" s="2">
        <v>0</v>
      </c>
      <c r="J43967" s="2">
        <v>1</v>
      </c>
      <c r="K43967" s="2">
        <v>0</v>
      </c>
      <c r="L43967" t="s">
        <v>82</v>
      </c>
      <c r="M43967" t="s">
        <v>87</v>
      </c>
      <c r="N43967" t="s">
        <v>88</v>
      </c>
      <c r="O43967" t="s">
        <v>85</v>
      </c>
      <c r="P43967" t="s">
        <v>86</v>
      </c>
      <c r="Q43967">
        <v>28</v>
      </c>
      <c r="R43967">
        <v>28</v>
      </c>
      <c r="S43967">
        <v>29</v>
      </c>
      <c r="T43967">
        <v>29</v>
      </c>
      <c r="U43967">
        <v>30</v>
      </c>
      <c r="V43967">
        <v>30</v>
      </c>
      <c r="W43967">
        <v>31</v>
      </c>
      <c r="X43967">
        <v>31</v>
      </c>
      <c r="Y43967">
        <v>32</v>
      </c>
      <c r="Z43967">
        <v>32</v>
      </c>
      <c r="AA43967">
        <v>33</v>
      </c>
      <c r="AB43967">
        <v>33</v>
      </c>
      <c r="AC43967">
        <v>34</v>
      </c>
      <c r="AD43967">
        <v>34</v>
      </c>
      <c r="AE43967">
        <v>35</v>
      </c>
      <c r="AF43967">
        <v>35</v>
      </c>
      <c r="AG43967">
        <v>36</v>
      </c>
      <c r="AH43967">
        <v>36</v>
      </c>
      <c r="AI43967">
        <v>37</v>
      </c>
      <c r="AJ43967">
        <v>37</v>
      </c>
      <c r="AK43967">
        <v>38</v>
      </c>
      <c r="AL43967">
        <v>38</v>
      </c>
      <c r="AM43967">
        <v>39</v>
      </c>
      <c r="AN43967">
        <v>39</v>
      </c>
      <c r="AO43967">
        <v>40</v>
      </c>
      <c r="AP43967">
        <v>40</v>
      </c>
      <c r="AQ43967">
        <v>41</v>
      </c>
    </row>
    <row r="43968" spans="1:43">
      <c r="A43968" t="s">
        <v>26805</v>
      </c>
      <c r="B43968" t="s">
        <v>26806</v>
      </c>
      <c r="C43968" t="s">
        <v>9050</v>
      </c>
      <c r="D43968" t="s">
        <v>9051</v>
      </c>
      <c r="E43968" t="s">
        <v>8938</v>
      </c>
      <c r="F43968" t="s">
        <v>8939</v>
      </c>
      <c r="G43968" t="s">
        <v>80</v>
      </c>
      <c r="H43968" t="s">
        <v>81</v>
      </c>
      <c r="I43968" s="2">
        <v>0</v>
      </c>
      <c r="J43968" s="2">
        <v>1</v>
      </c>
      <c r="K43968" s="2">
        <v>0</v>
      </c>
      <c r="L43968" t="s">
        <v>82</v>
      </c>
      <c r="M43968" t="s">
        <v>89</v>
      </c>
      <c r="N43968" t="s">
        <v>90</v>
      </c>
      <c r="O43968" t="s">
        <v>85</v>
      </c>
      <c r="P43968" t="s">
        <v>86</v>
      </c>
      <c r="Q43968">
        <v>28</v>
      </c>
      <c r="R43968">
        <v>29</v>
      </c>
      <c r="S43968">
        <v>30</v>
      </c>
      <c r="T43968">
        <v>31</v>
      </c>
      <c r="U43968">
        <v>32</v>
      </c>
      <c r="V43968">
        <v>33</v>
      </c>
      <c r="W43968">
        <v>34</v>
      </c>
      <c r="X43968">
        <v>35</v>
      </c>
      <c r="Y43968">
        <v>36</v>
      </c>
      <c r="Z43968">
        <v>37</v>
      </c>
      <c r="AA43968">
        <v>38</v>
      </c>
      <c r="AB43968">
        <v>39</v>
      </c>
      <c r="AC43968">
        <v>40</v>
      </c>
      <c r="AD43968">
        <v>41</v>
      </c>
      <c r="AE43968">
        <v>42</v>
      </c>
      <c r="AF43968">
        <v>42</v>
      </c>
      <c r="AG43968">
        <v>43</v>
      </c>
      <c r="AH43968">
        <v>43</v>
      </c>
      <c r="AI43968">
        <v>44</v>
      </c>
      <c r="AJ43968">
        <v>44</v>
      </c>
      <c r="AK43968">
        <v>45</v>
      </c>
      <c r="AL43968">
        <v>45</v>
      </c>
      <c r="AM43968">
        <v>46</v>
      </c>
      <c r="AN43968">
        <v>46</v>
      </c>
      <c r="AO43968">
        <v>46</v>
      </c>
      <c r="AP43968">
        <v>47</v>
      </c>
      <c r="AQ43968">
        <v>47</v>
      </c>
    </row>
    <row r="43969" spans="1:43">
      <c r="A43969" t="s">
        <v>26805</v>
      </c>
      <c r="B43969" t="s">
        <v>26806</v>
      </c>
      <c r="C43969" t="s">
        <v>9050</v>
      </c>
      <c r="D43969" t="s">
        <v>9051</v>
      </c>
      <c r="E43969" t="s">
        <v>8938</v>
      </c>
      <c r="F43969" t="s">
        <v>8939</v>
      </c>
      <c r="G43969" t="s">
        <v>80</v>
      </c>
      <c r="H43969" t="s">
        <v>81</v>
      </c>
      <c r="I43969" s="2">
        <v>0</v>
      </c>
      <c r="J43969" s="2">
        <v>1</v>
      </c>
      <c r="K43969" s="2">
        <v>0</v>
      </c>
      <c r="L43969" t="s">
        <v>82</v>
      </c>
      <c r="M43969" t="s">
        <v>83</v>
      </c>
      <c r="N43969" t="s">
        <v>91</v>
      </c>
      <c r="O43969" t="s">
        <v>85</v>
      </c>
      <c r="P43969" t="s">
        <v>86</v>
      </c>
      <c r="Q43969">
        <v>28</v>
      </c>
      <c r="R43969">
        <v>29</v>
      </c>
      <c r="S43969">
        <v>30</v>
      </c>
      <c r="T43969">
        <v>30</v>
      </c>
      <c r="U43969">
        <v>31</v>
      </c>
      <c r="V43969">
        <v>32</v>
      </c>
      <c r="W43969">
        <v>33</v>
      </c>
      <c r="X43969">
        <v>33</v>
      </c>
      <c r="Y43969">
        <v>34</v>
      </c>
      <c r="Z43969">
        <v>35</v>
      </c>
      <c r="AA43969">
        <v>36</v>
      </c>
      <c r="AB43969">
        <v>37</v>
      </c>
      <c r="AC43969">
        <v>37</v>
      </c>
      <c r="AD43969">
        <v>38</v>
      </c>
      <c r="AE43969">
        <v>39</v>
      </c>
      <c r="AF43969">
        <v>40</v>
      </c>
      <c r="AG43969">
        <v>41</v>
      </c>
      <c r="AH43969">
        <v>42</v>
      </c>
      <c r="AI43969">
        <v>43</v>
      </c>
      <c r="AJ43969">
        <v>43</v>
      </c>
      <c r="AK43969">
        <v>44</v>
      </c>
      <c r="AL43969">
        <v>45</v>
      </c>
      <c r="AM43969">
        <v>45</v>
      </c>
      <c r="AN43969">
        <v>46</v>
      </c>
      <c r="AO43969">
        <v>46</v>
      </c>
      <c r="AP43969">
        <v>47</v>
      </c>
      <c r="AQ43969">
        <v>47</v>
      </c>
    </row>
    <row r="43970" spans="1:43">
      <c r="A43970" t="s">
        <v>26807</v>
      </c>
      <c r="B43970" t="s">
        <v>26808</v>
      </c>
      <c r="C43970" t="s">
        <v>9056</v>
      </c>
      <c r="D43970" t="s">
        <v>9057</v>
      </c>
      <c r="E43970" t="s">
        <v>8938</v>
      </c>
      <c r="F43970" t="s">
        <v>8939</v>
      </c>
      <c r="G43970" t="s">
        <v>80</v>
      </c>
      <c r="H43970" t="s">
        <v>81</v>
      </c>
      <c r="I43970" s="2">
        <v>0</v>
      </c>
      <c r="J43970" s="2">
        <v>1</v>
      </c>
      <c r="K43970" s="2">
        <v>0</v>
      </c>
      <c r="L43970" t="s">
        <v>82</v>
      </c>
      <c r="M43970" t="s">
        <v>83</v>
      </c>
      <c r="N43970" t="s">
        <v>84</v>
      </c>
      <c r="O43970" t="s">
        <v>85</v>
      </c>
      <c r="P43970" t="s">
        <v>86</v>
      </c>
      <c r="Q43970">
        <v>23</v>
      </c>
      <c r="R43970">
        <v>23</v>
      </c>
      <c r="S43970">
        <v>24</v>
      </c>
      <c r="T43970">
        <v>24</v>
      </c>
      <c r="U43970">
        <v>25</v>
      </c>
      <c r="V43970">
        <v>26</v>
      </c>
      <c r="W43970">
        <v>26</v>
      </c>
      <c r="X43970">
        <v>27</v>
      </c>
      <c r="Y43970">
        <v>27</v>
      </c>
      <c r="Z43970">
        <v>28</v>
      </c>
      <c r="AA43970">
        <v>29</v>
      </c>
      <c r="AB43970">
        <v>29</v>
      </c>
      <c r="AC43970">
        <v>30</v>
      </c>
      <c r="AD43970">
        <v>31</v>
      </c>
      <c r="AE43970">
        <v>31</v>
      </c>
      <c r="AF43970">
        <v>32</v>
      </c>
      <c r="AG43970">
        <v>33</v>
      </c>
      <c r="AH43970">
        <v>33</v>
      </c>
      <c r="AI43970">
        <v>34</v>
      </c>
      <c r="AJ43970">
        <v>35</v>
      </c>
      <c r="AK43970">
        <v>35</v>
      </c>
      <c r="AL43970">
        <v>36</v>
      </c>
      <c r="AM43970">
        <v>36</v>
      </c>
      <c r="AN43970">
        <v>37</v>
      </c>
      <c r="AO43970">
        <v>37</v>
      </c>
      <c r="AP43970">
        <v>37</v>
      </c>
      <c r="AQ43970">
        <v>38</v>
      </c>
    </row>
    <row r="43971" spans="1:43">
      <c r="A43971" t="s">
        <v>26807</v>
      </c>
      <c r="B43971" t="s">
        <v>26808</v>
      </c>
      <c r="C43971" t="s">
        <v>9056</v>
      </c>
      <c r="D43971" t="s">
        <v>9057</v>
      </c>
      <c r="E43971" t="s">
        <v>8938</v>
      </c>
      <c r="F43971" t="s">
        <v>8939</v>
      </c>
      <c r="G43971" t="s">
        <v>80</v>
      </c>
      <c r="H43971" t="s">
        <v>81</v>
      </c>
      <c r="I43971" s="2">
        <v>0</v>
      </c>
      <c r="J43971" s="2">
        <v>1</v>
      </c>
      <c r="K43971" s="2">
        <v>0</v>
      </c>
      <c r="L43971" t="s">
        <v>82</v>
      </c>
      <c r="M43971" t="s">
        <v>87</v>
      </c>
      <c r="N43971" t="s">
        <v>88</v>
      </c>
      <c r="O43971" t="s">
        <v>85</v>
      </c>
      <c r="P43971" t="s">
        <v>86</v>
      </c>
      <c r="Q43971">
        <v>23</v>
      </c>
      <c r="R43971">
        <v>24</v>
      </c>
      <c r="S43971">
        <v>24</v>
      </c>
      <c r="T43971">
        <v>24</v>
      </c>
      <c r="U43971">
        <v>25</v>
      </c>
      <c r="V43971">
        <v>25</v>
      </c>
      <c r="W43971">
        <v>26</v>
      </c>
      <c r="X43971">
        <v>26</v>
      </c>
      <c r="Y43971">
        <v>26</v>
      </c>
      <c r="Z43971">
        <v>27</v>
      </c>
      <c r="AA43971">
        <v>27</v>
      </c>
      <c r="AB43971">
        <v>28</v>
      </c>
      <c r="AC43971">
        <v>28</v>
      </c>
      <c r="AD43971">
        <v>28</v>
      </c>
      <c r="AE43971">
        <v>29</v>
      </c>
      <c r="AF43971">
        <v>29</v>
      </c>
      <c r="AG43971">
        <v>30</v>
      </c>
      <c r="AH43971">
        <v>30</v>
      </c>
      <c r="AI43971">
        <v>30</v>
      </c>
      <c r="AJ43971">
        <v>31</v>
      </c>
      <c r="AK43971">
        <v>31</v>
      </c>
      <c r="AL43971">
        <v>32</v>
      </c>
      <c r="AM43971">
        <v>32</v>
      </c>
      <c r="AN43971">
        <v>32</v>
      </c>
      <c r="AO43971">
        <v>33</v>
      </c>
      <c r="AP43971">
        <v>33</v>
      </c>
      <c r="AQ43971">
        <v>34</v>
      </c>
    </row>
    <row r="43972" spans="1:43">
      <c r="A43972" t="s">
        <v>26807</v>
      </c>
      <c r="B43972" t="s">
        <v>26808</v>
      </c>
      <c r="C43972" t="s">
        <v>9056</v>
      </c>
      <c r="D43972" t="s">
        <v>9057</v>
      </c>
      <c r="E43972" t="s">
        <v>8938</v>
      </c>
      <c r="F43972" t="s">
        <v>8939</v>
      </c>
      <c r="G43972" t="s">
        <v>80</v>
      </c>
      <c r="H43972" t="s">
        <v>81</v>
      </c>
      <c r="I43972" s="2">
        <v>0</v>
      </c>
      <c r="J43972" s="2">
        <v>1</v>
      </c>
      <c r="K43972" s="2">
        <v>0</v>
      </c>
      <c r="L43972" t="s">
        <v>82</v>
      </c>
      <c r="M43972" t="s">
        <v>89</v>
      </c>
      <c r="N43972" t="s">
        <v>90</v>
      </c>
      <c r="O43972" t="s">
        <v>85</v>
      </c>
      <c r="P43972" t="s">
        <v>86</v>
      </c>
      <c r="Q43972">
        <v>23</v>
      </c>
      <c r="R43972">
        <v>24</v>
      </c>
      <c r="S43972">
        <v>24</v>
      </c>
      <c r="T43972">
        <v>25</v>
      </c>
      <c r="U43972">
        <v>26</v>
      </c>
      <c r="V43972">
        <v>27</v>
      </c>
      <c r="W43972">
        <v>28</v>
      </c>
      <c r="X43972">
        <v>28</v>
      </c>
      <c r="Y43972">
        <v>29</v>
      </c>
      <c r="Z43972">
        <v>30</v>
      </c>
      <c r="AA43972">
        <v>31</v>
      </c>
      <c r="AB43972">
        <v>31</v>
      </c>
      <c r="AC43972">
        <v>32</v>
      </c>
      <c r="AD43972">
        <v>33</v>
      </c>
      <c r="AE43972">
        <v>34</v>
      </c>
      <c r="AF43972">
        <v>34</v>
      </c>
      <c r="AG43972">
        <v>34</v>
      </c>
      <c r="AH43972">
        <v>35</v>
      </c>
      <c r="AI43972">
        <v>35</v>
      </c>
      <c r="AJ43972">
        <v>35</v>
      </c>
      <c r="AK43972">
        <v>36</v>
      </c>
      <c r="AL43972">
        <v>36</v>
      </c>
      <c r="AM43972">
        <v>36</v>
      </c>
      <c r="AN43972">
        <v>37</v>
      </c>
      <c r="AO43972">
        <v>37</v>
      </c>
      <c r="AP43972">
        <v>38</v>
      </c>
      <c r="AQ43972">
        <v>38</v>
      </c>
    </row>
    <row r="43973" spans="1:43">
      <c r="A43973" t="s">
        <v>26807</v>
      </c>
      <c r="B43973" t="s">
        <v>26808</v>
      </c>
      <c r="C43973" t="s">
        <v>9056</v>
      </c>
      <c r="D43973" t="s">
        <v>9057</v>
      </c>
      <c r="E43973" t="s">
        <v>8938</v>
      </c>
      <c r="F43973" t="s">
        <v>8939</v>
      </c>
      <c r="G43973" t="s">
        <v>80</v>
      </c>
      <c r="H43973" t="s">
        <v>81</v>
      </c>
      <c r="I43973" s="2">
        <v>0</v>
      </c>
      <c r="J43973" s="2">
        <v>1</v>
      </c>
      <c r="K43973" s="2">
        <v>0</v>
      </c>
      <c r="L43973" t="s">
        <v>82</v>
      </c>
      <c r="M43973" t="s">
        <v>83</v>
      </c>
      <c r="N43973" t="s">
        <v>91</v>
      </c>
      <c r="O43973" t="s">
        <v>85</v>
      </c>
      <c r="P43973" t="s">
        <v>86</v>
      </c>
      <c r="Q43973">
        <v>23</v>
      </c>
      <c r="R43973">
        <v>23</v>
      </c>
      <c r="S43973">
        <v>24</v>
      </c>
      <c r="T43973">
        <v>24</v>
      </c>
      <c r="U43973">
        <v>25</v>
      </c>
      <c r="V43973">
        <v>26</v>
      </c>
      <c r="W43973">
        <v>26</v>
      </c>
      <c r="X43973">
        <v>27</v>
      </c>
      <c r="Y43973">
        <v>27</v>
      </c>
      <c r="Z43973">
        <v>28</v>
      </c>
      <c r="AA43973">
        <v>29</v>
      </c>
      <c r="AB43973">
        <v>29</v>
      </c>
      <c r="AC43973">
        <v>30</v>
      </c>
      <c r="AD43973">
        <v>31</v>
      </c>
      <c r="AE43973">
        <v>31</v>
      </c>
      <c r="AF43973">
        <v>32</v>
      </c>
      <c r="AG43973">
        <v>33</v>
      </c>
      <c r="AH43973">
        <v>33</v>
      </c>
      <c r="AI43973">
        <v>34</v>
      </c>
      <c r="AJ43973">
        <v>35</v>
      </c>
      <c r="AK43973">
        <v>35</v>
      </c>
      <c r="AL43973">
        <v>36</v>
      </c>
      <c r="AM43973">
        <v>36</v>
      </c>
      <c r="AN43973">
        <v>37</v>
      </c>
      <c r="AO43973">
        <v>37</v>
      </c>
      <c r="AP43973">
        <v>37</v>
      </c>
      <c r="AQ43973">
        <v>38</v>
      </c>
    </row>
    <row r="43974" spans="1:43">
      <c r="A43974" t="s">
        <v>26809</v>
      </c>
      <c r="B43974" t="s">
        <v>26810</v>
      </c>
      <c r="C43974" t="s">
        <v>9056</v>
      </c>
      <c r="D43974" t="s">
        <v>9057</v>
      </c>
      <c r="E43974" t="s">
        <v>8938</v>
      </c>
      <c r="F43974" t="s">
        <v>8939</v>
      </c>
      <c r="G43974" t="s">
        <v>80</v>
      </c>
      <c r="H43974" t="s">
        <v>81</v>
      </c>
      <c r="I43974" s="2">
        <v>0</v>
      </c>
      <c r="J43974" s="2">
        <v>1</v>
      </c>
      <c r="K43974" s="2">
        <v>0</v>
      </c>
      <c r="L43974" t="s">
        <v>82</v>
      </c>
      <c r="M43974" t="s">
        <v>83</v>
      </c>
      <c r="N43974" t="s">
        <v>84</v>
      </c>
      <c r="O43974" t="s">
        <v>85</v>
      </c>
      <c r="P43974" t="s">
        <v>86</v>
      </c>
      <c r="Q43974">
        <v>9</v>
      </c>
      <c r="R43974">
        <v>9</v>
      </c>
      <c r="S43974">
        <v>9</v>
      </c>
      <c r="T43974">
        <v>10</v>
      </c>
      <c r="U43974">
        <v>10</v>
      </c>
      <c r="V43974">
        <v>10</v>
      </c>
      <c r="W43974">
        <v>10</v>
      </c>
      <c r="X43974">
        <v>11</v>
      </c>
      <c r="Y43974">
        <v>11</v>
      </c>
      <c r="Z43974">
        <v>11</v>
      </c>
      <c r="AA43974">
        <v>11</v>
      </c>
      <c r="AB43974">
        <v>12</v>
      </c>
      <c r="AC43974">
        <v>12</v>
      </c>
      <c r="AD43974">
        <v>12</v>
      </c>
      <c r="AE43974">
        <v>12</v>
      </c>
      <c r="AF43974">
        <v>13</v>
      </c>
      <c r="AG43974">
        <v>13</v>
      </c>
      <c r="AH43974">
        <v>13</v>
      </c>
      <c r="AI43974">
        <v>14</v>
      </c>
      <c r="AJ43974">
        <v>14</v>
      </c>
      <c r="AK43974">
        <v>14</v>
      </c>
      <c r="AL43974">
        <v>14</v>
      </c>
      <c r="AM43974">
        <v>14</v>
      </c>
      <c r="AN43974">
        <v>15</v>
      </c>
      <c r="AO43974">
        <v>15</v>
      </c>
      <c r="AP43974">
        <v>15</v>
      </c>
      <c r="AQ43974">
        <v>15</v>
      </c>
    </row>
    <row r="43975" spans="1:43">
      <c r="A43975" t="s">
        <v>26809</v>
      </c>
      <c r="B43975" t="s">
        <v>26810</v>
      </c>
      <c r="C43975" t="s">
        <v>9056</v>
      </c>
      <c r="D43975" t="s">
        <v>9057</v>
      </c>
      <c r="E43975" t="s">
        <v>8938</v>
      </c>
      <c r="F43975" t="s">
        <v>8939</v>
      </c>
      <c r="G43975" t="s">
        <v>80</v>
      </c>
      <c r="H43975" t="s">
        <v>81</v>
      </c>
      <c r="I43975" s="2">
        <v>0</v>
      </c>
      <c r="J43975" s="2">
        <v>1</v>
      </c>
      <c r="K43975" s="2">
        <v>0</v>
      </c>
      <c r="L43975" t="s">
        <v>82</v>
      </c>
      <c r="M43975" t="s">
        <v>87</v>
      </c>
      <c r="N43975" t="s">
        <v>88</v>
      </c>
      <c r="O43975" t="s">
        <v>85</v>
      </c>
      <c r="P43975" t="s">
        <v>86</v>
      </c>
      <c r="Q43975">
        <v>9</v>
      </c>
      <c r="R43975">
        <v>9</v>
      </c>
      <c r="S43975">
        <v>9</v>
      </c>
      <c r="T43975">
        <v>9</v>
      </c>
      <c r="U43975">
        <v>9</v>
      </c>
      <c r="V43975">
        <v>10</v>
      </c>
      <c r="W43975">
        <v>10</v>
      </c>
      <c r="X43975">
        <v>10</v>
      </c>
      <c r="Y43975">
        <v>10</v>
      </c>
      <c r="Z43975">
        <v>10</v>
      </c>
      <c r="AA43975">
        <v>10</v>
      </c>
      <c r="AB43975">
        <v>11</v>
      </c>
      <c r="AC43975">
        <v>11</v>
      </c>
      <c r="AD43975">
        <v>11</v>
      </c>
      <c r="AE43975">
        <v>11</v>
      </c>
      <c r="AF43975">
        <v>11</v>
      </c>
      <c r="AG43975">
        <v>11</v>
      </c>
      <c r="AH43975">
        <v>12</v>
      </c>
      <c r="AI43975">
        <v>12</v>
      </c>
      <c r="AJ43975">
        <v>12</v>
      </c>
      <c r="AK43975">
        <v>12</v>
      </c>
      <c r="AL43975">
        <v>12</v>
      </c>
      <c r="AM43975">
        <v>12</v>
      </c>
      <c r="AN43975">
        <v>13</v>
      </c>
      <c r="AO43975">
        <v>13</v>
      </c>
      <c r="AP43975">
        <v>13</v>
      </c>
      <c r="AQ43975">
        <v>13</v>
      </c>
    </row>
    <row r="43976" spans="1:43">
      <c r="A43976" t="s">
        <v>26809</v>
      </c>
      <c r="B43976" t="s">
        <v>26810</v>
      </c>
      <c r="C43976" t="s">
        <v>9056</v>
      </c>
      <c r="D43976" t="s">
        <v>9057</v>
      </c>
      <c r="E43976" t="s">
        <v>8938</v>
      </c>
      <c r="F43976" t="s">
        <v>8939</v>
      </c>
      <c r="G43976" t="s">
        <v>80</v>
      </c>
      <c r="H43976" t="s">
        <v>81</v>
      </c>
      <c r="I43976" s="2">
        <v>0</v>
      </c>
      <c r="J43976" s="2">
        <v>1</v>
      </c>
      <c r="K43976" s="2">
        <v>0</v>
      </c>
      <c r="L43976" t="s">
        <v>82</v>
      </c>
      <c r="M43976" t="s">
        <v>89</v>
      </c>
      <c r="N43976" t="s">
        <v>90</v>
      </c>
      <c r="O43976" t="s">
        <v>85</v>
      </c>
      <c r="P43976" t="s">
        <v>86</v>
      </c>
      <c r="Q43976">
        <v>9</v>
      </c>
      <c r="R43976">
        <v>9</v>
      </c>
      <c r="S43976">
        <v>10</v>
      </c>
      <c r="T43976">
        <v>10</v>
      </c>
      <c r="U43976">
        <v>10</v>
      </c>
      <c r="V43976">
        <v>11</v>
      </c>
      <c r="W43976">
        <v>11</v>
      </c>
      <c r="X43976">
        <v>11</v>
      </c>
      <c r="Y43976">
        <v>12</v>
      </c>
      <c r="Z43976">
        <v>12</v>
      </c>
      <c r="AA43976">
        <v>12</v>
      </c>
      <c r="AB43976">
        <v>12</v>
      </c>
      <c r="AC43976">
        <v>13</v>
      </c>
      <c r="AD43976">
        <v>13</v>
      </c>
      <c r="AE43976">
        <v>13</v>
      </c>
      <c r="AF43976">
        <v>14</v>
      </c>
      <c r="AG43976">
        <v>14</v>
      </c>
      <c r="AH43976">
        <v>14</v>
      </c>
      <c r="AI43976">
        <v>14</v>
      </c>
      <c r="AJ43976">
        <v>14</v>
      </c>
      <c r="AK43976">
        <v>14</v>
      </c>
      <c r="AL43976">
        <v>14</v>
      </c>
      <c r="AM43976">
        <v>15</v>
      </c>
      <c r="AN43976">
        <v>15</v>
      </c>
      <c r="AO43976">
        <v>15</v>
      </c>
      <c r="AP43976">
        <v>15</v>
      </c>
      <c r="AQ43976">
        <v>15</v>
      </c>
    </row>
    <row r="43977" spans="1:43">
      <c r="A43977" t="s">
        <v>26809</v>
      </c>
      <c r="B43977" t="s">
        <v>26810</v>
      </c>
      <c r="C43977" t="s">
        <v>9056</v>
      </c>
      <c r="D43977" t="s">
        <v>9057</v>
      </c>
      <c r="E43977" t="s">
        <v>8938</v>
      </c>
      <c r="F43977" t="s">
        <v>8939</v>
      </c>
      <c r="G43977" t="s">
        <v>80</v>
      </c>
      <c r="H43977" t="s">
        <v>81</v>
      </c>
      <c r="I43977" s="2">
        <v>0</v>
      </c>
      <c r="J43977" s="2">
        <v>1</v>
      </c>
      <c r="K43977" s="2">
        <v>0</v>
      </c>
      <c r="L43977" t="s">
        <v>82</v>
      </c>
      <c r="M43977" t="s">
        <v>83</v>
      </c>
      <c r="N43977" t="s">
        <v>91</v>
      </c>
      <c r="O43977" t="s">
        <v>85</v>
      </c>
      <c r="P43977" t="s">
        <v>86</v>
      </c>
      <c r="Q43977">
        <v>9</v>
      </c>
      <c r="R43977">
        <v>9</v>
      </c>
      <c r="S43977">
        <v>9</v>
      </c>
      <c r="T43977">
        <v>10</v>
      </c>
      <c r="U43977">
        <v>10</v>
      </c>
      <c r="V43977">
        <v>10</v>
      </c>
      <c r="W43977">
        <v>10</v>
      </c>
      <c r="X43977">
        <v>11</v>
      </c>
      <c r="Y43977">
        <v>11</v>
      </c>
      <c r="Z43977">
        <v>11</v>
      </c>
      <c r="AA43977">
        <v>11</v>
      </c>
      <c r="AB43977">
        <v>12</v>
      </c>
      <c r="AC43977">
        <v>12</v>
      </c>
      <c r="AD43977">
        <v>12</v>
      </c>
      <c r="AE43977">
        <v>12</v>
      </c>
      <c r="AF43977">
        <v>13</v>
      </c>
      <c r="AG43977">
        <v>13</v>
      </c>
      <c r="AH43977">
        <v>13</v>
      </c>
      <c r="AI43977">
        <v>14</v>
      </c>
      <c r="AJ43977">
        <v>14</v>
      </c>
      <c r="AK43977">
        <v>14</v>
      </c>
      <c r="AL43977">
        <v>14</v>
      </c>
      <c r="AM43977">
        <v>14</v>
      </c>
      <c r="AN43977">
        <v>15</v>
      </c>
      <c r="AO43977">
        <v>15</v>
      </c>
      <c r="AP43977">
        <v>15</v>
      </c>
      <c r="AQ43977">
        <v>15</v>
      </c>
    </row>
    <row r="43978" spans="1:43">
      <c r="A43978" t="s">
        <v>26811</v>
      </c>
      <c r="B43978" t="s">
        <v>26812</v>
      </c>
      <c r="C43978" t="s">
        <v>9056</v>
      </c>
      <c r="D43978" t="s">
        <v>9057</v>
      </c>
      <c r="E43978" t="s">
        <v>8938</v>
      </c>
      <c r="F43978" t="s">
        <v>8939</v>
      </c>
      <c r="G43978" t="s">
        <v>80</v>
      </c>
      <c r="H43978" t="s">
        <v>81</v>
      </c>
      <c r="I43978" s="2">
        <v>0</v>
      </c>
      <c r="J43978" s="2">
        <v>1</v>
      </c>
      <c r="K43978" s="2">
        <v>0</v>
      </c>
      <c r="L43978" t="s">
        <v>82</v>
      </c>
      <c r="M43978" t="s">
        <v>83</v>
      </c>
      <c r="N43978" t="s">
        <v>84</v>
      </c>
      <c r="O43978" t="s">
        <v>85</v>
      </c>
      <c r="P43978" t="s">
        <v>86</v>
      </c>
      <c r="Q43978">
        <v>25</v>
      </c>
      <c r="R43978">
        <v>25</v>
      </c>
      <c r="S43978">
        <v>26</v>
      </c>
      <c r="T43978">
        <v>27</v>
      </c>
      <c r="U43978">
        <v>27</v>
      </c>
      <c r="V43978">
        <v>28</v>
      </c>
      <c r="W43978">
        <v>29</v>
      </c>
      <c r="X43978">
        <v>29</v>
      </c>
      <c r="Y43978">
        <v>30</v>
      </c>
      <c r="Z43978">
        <v>31</v>
      </c>
      <c r="AA43978">
        <v>31</v>
      </c>
      <c r="AB43978">
        <v>32</v>
      </c>
      <c r="AC43978">
        <v>33</v>
      </c>
      <c r="AD43978">
        <v>34</v>
      </c>
      <c r="AE43978">
        <v>34</v>
      </c>
      <c r="AF43978">
        <v>35</v>
      </c>
      <c r="AG43978">
        <v>36</v>
      </c>
      <c r="AH43978">
        <v>36</v>
      </c>
      <c r="AI43978">
        <v>37</v>
      </c>
      <c r="AJ43978">
        <v>38</v>
      </c>
      <c r="AK43978">
        <v>39</v>
      </c>
      <c r="AL43978">
        <v>39</v>
      </c>
      <c r="AM43978">
        <v>40</v>
      </c>
      <c r="AN43978">
        <v>40</v>
      </c>
      <c r="AO43978">
        <v>40</v>
      </c>
      <c r="AP43978">
        <v>41</v>
      </c>
      <c r="AQ43978">
        <v>41</v>
      </c>
    </row>
    <row r="43979" spans="1:43">
      <c r="A43979" t="s">
        <v>26811</v>
      </c>
      <c r="B43979" t="s">
        <v>26812</v>
      </c>
      <c r="C43979" t="s">
        <v>9056</v>
      </c>
      <c r="D43979" t="s">
        <v>9057</v>
      </c>
      <c r="E43979" t="s">
        <v>8938</v>
      </c>
      <c r="F43979" t="s">
        <v>8939</v>
      </c>
      <c r="G43979" t="s">
        <v>80</v>
      </c>
      <c r="H43979" t="s">
        <v>81</v>
      </c>
      <c r="I43979" s="2">
        <v>0</v>
      </c>
      <c r="J43979" s="2">
        <v>1</v>
      </c>
      <c r="K43979" s="2">
        <v>0</v>
      </c>
      <c r="L43979" t="s">
        <v>82</v>
      </c>
      <c r="M43979" t="s">
        <v>87</v>
      </c>
      <c r="N43979" t="s">
        <v>88</v>
      </c>
      <c r="O43979" t="s">
        <v>85</v>
      </c>
      <c r="P43979" t="s">
        <v>86</v>
      </c>
      <c r="Q43979">
        <v>25</v>
      </c>
      <c r="R43979">
        <v>25</v>
      </c>
      <c r="S43979">
        <v>25</v>
      </c>
      <c r="T43979">
        <v>26</v>
      </c>
      <c r="U43979">
        <v>26</v>
      </c>
      <c r="V43979">
        <v>27</v>
      </c>
      <c r="W43979">
        <v>27</v>
      </c>
      <c r="X43979">
        <v>27</v>
      </c>
      <c r="Y43979">
        <v>28</v>
      </c>
      <c r="Z43979">
        <v>28</v>
      </c>
      <c r="AA43979">
        <v>29</v>
      </c>
      <c r="AB43979">
        <v>29</v>
      </c>
      <c r="AC43979">
        <v>29</v>
      </c>
      <c r="AD43979">
        <v>30</v>
      </c>
      <c r="AE43979">
        <v>30</v>
      </c>
      <c r="AF43979">
        <v>31</v>
      </c>
      <c r="AG43979">
        <v>31</v>
      </c>
      <c r="AH43979">
        <v>32</v>
      </c>
      <c r="AI43979">
        <v>32</v>
      </c>
      <c r="AJ43979">
        <v>33</v>
      </c>
      <c r="AK43979">
        <v>33</v>
      </c>
      <c r="AL43979">
        <v>33</v>
      </c>
      <c r="AM43979">
        <v>34</v>
      </c>
      <c r="AN43979">
        <v>34</v>
      </c>
      <c r="AO43979">
        <v>35</v>
      </c>
      <c r="AP43979">
        <v>35</v>
      </c>
      <c r="AQ43979">
        <v>36</v>
      </c>
    </row>
    <row r="43980" spans="1:43">
      <c r="A43980" t="s">
        <v>26811</v>
      </c>
      <c r="B43980" t="s">
        <v>26812</v>
      </c>
      <c r="C43980" t="s">
        <v>9056</v>
      </c>
      <c r="D43980" t="s">
        <v>9057</v>
      </c>
      <c r="E43980" t="s">
        <v>8938</v>
      </c>
      <c r="F43980" t="s">
        <v>8939</v>
      </c>
      <c r="G43980" t="s">
        <v>80</v>
      </c>
      <c r="H43980" t="s">
        <v>81</v>
      </c>
      <c r="I43980" s="2">
        <v>0</v>
      </c>
      <c r="J43980" s="2">
        <v>1</v>
      </c>
      <c r="K43980" s="2">
        <v>0</v>
      </c>
      <c r="L43980" t="s">
        <v>82</v>
      </c>
      <c r="M43980" t="s">
        <v>89</v>
      </c>
      <c r="N43980" t="s">
        <v>90</v>
      </c>
      <c r="O43980" t="s">
        <v>85</v>
      </c>
      <c r="P43980" t="s">
        <v>86</v>
      </c>
      <c r="Q43980">
        <v>25</v>
      </c>
      <c r="R43980">
        <v>26</v>
      </c>
      <c r="S43980">
        <v>27</v>
      </c>
      <c r="T43980">
        <v>28</v>
      </c>
      <c r="U43980">
        <v>28</v>
      </c>
      <c r="V43980">
        <v>29</v>
      </c>
      <c r="W43980">
        <v>30</v>
      </c>
      <c r="X43980">
        <v>31</v>
      </c>
      <c r="Y43980">
        <v>32</v>
      </c>
      <c r="Z43980">
        <v>33</v>
      </c>
      <c r="AA43980">
        <v>34</v>
      </c>
      <c r="AB43980">
        <v>34</v>
      </c>
      <c r="AC43980">
        <v>35</v>
      </c>
      <c r="AD43980">
        <v>36</v>
      </c>
      <c r="AE43980">
        <v>37</v>
      </c>
      <c r="AF43980">
        <v>37</v>
      </c>
      <c r="AG43980">
        <v>38</v>
      </c>
      <c r="AH43980">
        <v>38</v>
      </c>
      <c r="AI43980">
        <v>38</v>
      </c>
      <c r="AJ43980">
        <v>39</v>
      </c>
      <c r="AK43980">
        <v>39</v>
      </c>
      <c r="AL43980">
        <v>40</v>
      </c>
      <c r="AM43980">
        <v>40</v>
      </c>
      <c r="AN43980">
        <v>40</v>
      </c>
      <c r="AO43980">
        <v>41</v>
      </c>
      <c r="AP43980">
        <v>41</v>
      </c>
      <c r="AQ43980">
        <v>42</v>
      </c>
    </row>
    <row r="43981" spans="1:43">
      <c r="A43981" t="s">
        <v>26811</v>
      </c>
      <c r="B43981" t="s">
        <v>26812</v>
      </c>
      <c r="C43981" t="s">
        <v>9056</v>
      </c>
      <c r="D43981" t="s">
        <v>9057</v>
      </c>
      <c r="E43981" t="s">
        <v>8938</v>
      </c>
      <c r="F43981" t="s">
        <v>8939</v>
      </c>
      <c r="G43981" t="s">
        <v>80</v>
      </c>
      <c r="H43981" t="s">
        <v>81</v>
      </c>
      <c r="I43981" s="2">
        <v>0</v>
      </c>
      <c r="J43981" s="2">
        <v>1</v>
      </c>
      <c r="K43981" s="2">
        <v>0</v>
      </c>
      <c r="L43981" t="s">
        <v>82</v>
      </c>
      <c r="M43981" t="s">
        <v>83</v>
      </c>
      <c r="N43981" t="s">
        <v>91</v>
      </c>
      <c r="O43981" t="s">
        <v>85</v>
      </c>
      <c r="P43981" t="s">
        <v>86</v>
      </c>
      <c r="Q43981">
        <v>25</v>
      </c>
      <c r="R43981">
        <v>25</v>
      </c>
      <c r="S43981">
        <v>26</v>
      </c>
      <c r="T43981">
        <v>27</v>
      </c>
      <c r="U43981">
        <v>27</v>
      </c>
      <c r="V43981">
        <v>28</v>
      </c>
      <c r="W43981">
        <v>29</v>
      </c>
      <c r="X43981">
        <v>29</v>
      </c>
      <c r="Y43981">
        <v>30</v>
      </c>
      <c r="Z43981">
        <v>31</v>
      </c>
      <c r="AA43981">
        <v>31</v>
      </c>
      <c r="AB43981">
        <v>32</v>
      </c>
      <c r="AC43981">
        <v>33</v>
      </c>
      <c r="AD43981">
        <v>34</v>
      </c>
      <c r="AE43981">
        <v>34</v>
      </c>
      <c r="AF43981">
        <v>35</v>
      </c>
      <c r="AG43981">
        <v>36</v>
      </c>
      <c r="AH43981">
        <v>36</v>
      </c>
      <c r="AI43981">
        <v>37</v>
      </c>
      <c r="AJ43981">
        <v>38</v>
      </c>
      <c r="AK43981">
        <v>39</v>
      </c>
      <c r="AL43981">
        <v>39</v>
      </c>
      <c r="AM43981">
        <v>40</v>
      </c>
      <c r="AN43981">
        <v>40</v>
      </c>
      <c r="AO43981">
        <v>40</v>
      </c>
      <c r="AP43981">
        <v>41</v>
      </c>
      <c r="AQ43981">
        <v>41</v>
      </c>
    </row>
    <row r="43982" spans="1:43">
      <c r="A43982" t="s">
        <v>26813</v>
      </c>
      <c r="B43982" t="s">
        <v>26814</v>
      </c>
      <c r="C43982" t="s">
        <v>9056</v>
      </c>
      <c r="D43982" t="s">
        <v>9057</v>
      </c>
      <c r="E43982" t="s">
        <v>8938</v>
      </c>
      <c r="F43982" t="s">
        <v>8939</v>
      </c>
      <c r="G43982" t="s">
        <v>80</v>
      </c>
      <c r="H43982" t="s">
        <v>81</v>
      </c>
      <c r="I43982" s="2">
        <v>0</v>
      </c>
      <c r="J43982" s="2">
        <v>1</v>
      </c>
      <c r="K43982" s="2">
        <v>0</v>
      </c>
      <c r="L43982" t="s">
        <v>82</v>
      </c>
      <c r="M43982" t="s">
        <v>83</v>
      </c>
      <c r="N43982" t="s">
        <v>84</v>
      </c>
      <c r="O43982" t="s">
        <v>85</v>
      </c>
      <c r="P43982" t="s">
        <v>86</v>
      </c>
      <c r="Q43982">
        <v>48</v>
      </c>
      <c r="R43982">
        <v>49</v>
      </c>
      <c r="S43982">
        <v>51</v>
      </c>
      <c r="T43982">
        <v>52</v>
      </c>
      <c r="U43982">
        <v>53</v>
      </c>
      <c r="V43982">
        <v>55</v>
      </c>
      <c r="W43982">
        <v>56</v>
      </c>
      <c r="X43982">
        <v>57</v>
      </c>
      <c r="Y43982">
        <v>59</v>
      </c>
      <c r="Z43982">
        <v>60</v>
      </c>
      <c r="AA43982">
        <v>61</v>
      </c>
      <c r="AB43982">
        <v>63</v>
      </c>
      <c r="AC43982">
        <v>64</v>
      </c>
      <c r="AD43982">
        <v>65</v>
      </c>
      <c r="AE43982">
        <v>67</v>
      </c>
      <c r="AF43982">
        <v>68</v>
      </c>
      <c r="AG43982">
        <v>70</v>
      </c>
      <c r="AH43982">
        <v>71</v>
      </c>
      <c r="AI43982">
        <v>73</v>
      </c>
      <c r="AJ43982">
        <v>74</v>
      </c>
      <c r="AK43982">
        <v>76</v>
      </c>
      <c r="AL43982">
        <v>77</v>
      </c>
      <c r="AM43982">
        <v>77</v>
      </c>
      <c r="AN43982">
        <v>78</v>
      </c>
      <c r="AO43982">
        <v>79</v>
      </c>
      <c r="AP43982">
        <v>80</v>
      </c>
      <c r="AQ43982">
        <v>80</v>
      </c>
    </row>
    <row r="43983" spans="1:43">
      <c r="A43983" t="s">
        <v>26813</v>
      </c>
      <c r="B43983" t="s">
        <v>26814</v>
      </c>
      <c r="C43983" t="s">
        <v>9056</v>
      </c>
      <c r="D43983" t="s">
        <v>9057</v>
      </c>
      <c r="E43983" t="s">
        <v>8938</v>
      </c>
      <c r="F43983" t="s">
        <v>8939</v>
      </c>
      <c r="G43983" t="s">
        <v>80</v>
      </c>
      <c r="H43983" t="s">
        <v>81</v>
      </c>
      <c r="I43983" s="2">
        <v>0</v>
      </c>
      <c r="J43983" s="2">
        <v>1</v>
      </c>
      <c r="K43983" s="2">
        <v>0</v>
      </c>
      <c r="L43983" t="s">
        <v>82</v>
      </c>
      <c r="M43983" t="s">
        <v>87</v>
      </c>
      <c r="N43983" t="s">
        <v>88</v>
      </c>
      <c r="O43983" t="s">
        <v>85</v>
      </c>
      <c r="P43983" t="s">
        <v>86</v>
      </c>
      <c r="Q43983">
        <v>48</v>
      </c>
      <c r="R43983">
        <v>49</v>
      </c>
      <c r="S43983">
        <v>49</v>
      </c>
      <c r="T43983">
        <v>50</v>
      </c>
      <c r="U43983">
        <v>51</v>
      </c>
      <c r="V43983">
        <v>52</v>
      </c>
      <c r="W43983">
        <v>52</v>
      </c>
      <c r="X43983">
        <v>53</v>
      </c>
      <c r="Y43983">
        <v>54</v>
      </c>
      <c r="Z43983">
        <v>55</v>
      </c>
      <c r="AA43983">
        <v>56</v>
      </c>
      <c r="AB43983">
        <v>57</v>
      </c>
      <c r="AC43983">
        <v>57</v>
      </c>
      <c r="AD43983">
        <v>58</v>
      </c>
      <c r="AE43983">
        <v>59</v>
      </c>
      <c r="AF43983">
        <v>60</v>
      </c>
      <c r="AG43983">
        <v>61</v>
      </c>
      <c r="AH43983">
        <v>62</v>
      </c>
      <c r="AI43983">
        <v>63</v>
      </c>
      <c r="AJ43983">
        <v>64</v>
      </c>
      <c r="AK43983">
        <v>64</v>
      </c>
      <c r="AL43983">
        <v>65</v>
      </c>
      <c r="AM43983">
        <v>66</v>
      </c>
      <c r="AN43983">
        <v>67</v>
      </c>
      <c r="AO43983">
        <v>68</v>
      </c>
      <c r="AP43983">
        <v>69</v>
      </c>
      <c r="AQ43983">
        <v>70</v>
      </c>
    </row>
    <row r="43984" spans="1:43">
      <c r="A43984" t="s">
        <v>26813</v>
      </c>
      <c r="B43984" t="s">
        <v>26814</v>
      </c>
      <c r="C43984" t="s">
        <v>9056</v>
      </c>
      <c r="D43984" t="s">
        <v>9057</v>
      </c>
      <c r="E43984" t="s">
        <v>8938</v>
      </c>
      <c r="F43984" t="s">
        <v>8939</v>
      </c>
      <c r="G43984" t="s">
        <v>80</v>
      </c>
      <c r="H43984" t="s">
        <v>81</v>
      </c>
      <c r="I43984" s="2">
        <v>0</v>
      </c>
      <c r="J43984" s="2">
        <v>1</v>
      </c>
      <c r="K43984" s="2">
        <v>0</v>
      </c>
      <c r="L43984" t="s">
        <v>82</v>
      </c>
      <c r="M43984" t="s">
        <v>89</v>
      </c>
      <c r="N43984" t="s">
        <v>90</v>
      </c>
      <c r="O43984" t="s">
        <v>85</v>
      </c>
      <c r="P43984" t="s">
        <v>86</v>
      </c>
      <c r="Q43984">
        <v>48</v>
      </c>
      <c r="R43984">
        <v>49</v>
      </c>
      <c r="S43984">
        <v>51</v>
      </c>
      <c r="T43984">
        <v>53</v>
      </c>
      <c r="U43984">
        <v>54</v>
      </c>
      <c r="V43984">
        <v>56</v>
      </c>
      <c r="W43984">
        <v>58</v>
      </c>
      <c r="X43984">
        <v>59</v>
      </c>
      <c r="Y43984">
        <v>61</v>
      </c>
      <c r="Z43984">
        <v>63</v>
      </c>
      <c r="AA43984">
        <v>64</v>
      </c>
      <c r="AB43984">
        <v>66</v>
      </c>
      <c r="AC43984">
        <v>68</v>
      </c>
      <c r="AD43984">
        <v>69</v>
      </c>
      <c r="AE43984">
        <v>71</v>
      </c>
      <c r="AF43984">
        <v>71</v>
      </c>
      <c r="AG43984">
        <v>72</v>
      </c>
      <c r="AH43984">
        <v>73</v>
      </c>
      <c r="AI43984">
        <v>74</v>
      </c>
      <c r="AJ43984">
        <v>75</v>
      </c>
      <c r="AK43984">
        <v>75</v>
      </c>
      <c r="AL43984">
        <v>76</v>
      </c>
      <c r="AM43984">
        <v>77</v>
      </c>
      <c r="AN43984">
        <v>78</v>
      </c>
      <c r="AO43984">
        <v>78</v>
      </c>
      <c r="AP43984">
        <v>79</v>
      </c>
      <c r="AQ43984">
        <v>80</v>
      </c>
    </row>
    <row r="43985" spans="1:43">
      <c r="A43985" t="s">
        <v>26813</v>
      </c>
      <c r="B43985" t="s">
        <v>26814</v>
      </c>
      <c r="C43985" t="s">
        <v>9056</v>
      </c>
      <c r="D43985" t="s">
        <v>9057</v>
      </c>
      <c r="E43985" t="s">
        <v>8938</v>
      </c>
      <c r="F43985" t="s">
        <v>8939</v>
      </c>
      <c r="G43985" t="s">
        <v>80</v>
      </c>
      <c r="H43985" t="s">
        <v>81</v>
      </c>
      <c r="I43985" s="2">
        <v>0</v>
      </c>
      <c r="J43985" s="2">
        <v>1</v>
      </c>
      <c r="K43985" s="2">
        <v>0</v>
      </c>
      <c r="L43985" t="s">
        <v>82</v>
      </c>
      <c r="M43985" t="s">
        <v>83</v>
      </c>
      <c r="N43985" t="s">
        <v>91</v>
      </c>
      <c r="O43985" t="s">
        <v>85</v>
      </c>
      <c r="P43985" t="s">
        <v>86</v>
      </c>
      <c r="Q43985">
        <v>48</v>
      </c>
      <c r="R43985">
        <v>49</v>
      </c>
      <c r="S43985">
        <v>51</v>
      </c>
      <c r="T43985">
        <v>52</v>
      </c>
      <c r="U43985">
        <v>53</v>
      </c>
      <c r="V43985">
        <v>55</v>
      </c>
      <c r="W43985">
        <v>56</v>
      </c>
      <c r="X43985">
        <v>57</v>
      </c>
      <c r="Y43985">
        <v>59</v>
      </c>
      <c r="Z43985">
        <v>60</v>
      </c>
      <c r="AA43985">
        <v>61</v>
      </c>
      <c r="AB43985">
        <v>63</v>
      </c>
      <c r="AC43985">
        <v>64</v>
      </c>
      <c r="AD43985">
        <v>65</v>
      </c>
      <c r="AE43985">
        <v>67</v>
      </c>
      <c r="AF43985">
        <v>68</v>
      </c>
      <c r="AG43985">
        <v>70</v>
      </c>
      <c r="AH43985">
        <v>71</v>
      </c>
      <c r="AI43985">
        <v>73</v>
      </c>
      <c r="AJ43985">
        <v>74</v>
      </c>
      <c r="AK43985">
        <v>76</v>
      </c>
      <c r="AL43985">
        <v>77</v>
      </c>
      <c r="AM43985">
        <v>77</v>
      </c>
      <c r="AN43985">
        <v>78</v>
      </c>
      <c r="AO43985">
        <v>79</v>
      </c>
      <c r="AP43985">
        <v>80</v>
      </c>
      <c r="AQ43985">
        <v>80</v>
      </c>
    </row>
    <row r="43986" spans="1:43">
      <c r="A43986" t="s">
        <v>26815</v>
      </c>
      <c r="B43986" t="s">
        <v>26816</v>
      </c>
      <c r="C43986" t="s">
        <v>9128</v>
      </c>
      <c r="D43986" t="s">
        <v>9129</v>
      </c>
      <c r="E43986" t="s">
        <v>8938</v>
      </c>
      <c r="F43986" t="s">
        <v>8939</v>
      </c>
      <c r="G43986" t="s">
        <v>80</v>
      </c>
      <c r="H43986" t="s">
        <v>81</v>
      </c>
      <c r="I43986" s="2">
        <v>0</v>
      </c>
      <c r="J43986" s="2">
        <v>1</v>
      </c>
      <c r="K43986" s="2">
        <v>0</v>
      </c>
      <c r="L43986" t="s">
        <v>82</v>
      </c>
      <c r="M43986" t="s">
        <v>83</v>
      </c>
      <c r="N43986" t="s">
        <v>84</v>
      </c>
      <c r="O43986" t="s">
        <v>85</v>
      </c>
      <c r="P43986" t="s">
        <v>86</v>
      </c>
      <c r="Q43986">
        <v>56</v>
      </c>
      <c r="R43986">
        <v>58</v>
      </c>
      <c r="S43986">
        <v>59</v>
      </c>
      <c r="T43986">
        <v>60</v>
      </c>
      <c r="U43986">
        <v>62</v>
      </c>
      <c r="V43986">
        <v>64</v>
      </c>
      <c r="W43986">
        <v>65</v>
      </c>
      <c r="X43986">
        <v>67</v>
      </c>
      <c r="Y43986">
        <v>68</v>
      </c>
      <c r="Z43986">
        <v>70</v>
      </c>
      <c r="AA43986">
        <v>71</v>
      </c>
      <c r="AB43986">
        <v>73</v>
      </c>
      <c r="AC43986">
        <v>75</v>
      </c>
      <c r="AD43986">
        <v>76</v>
      </c>
      <c r="AE43986">
        <v>78</v>
      </c>
      <c r="AF43986">
        <v>80</v>
      </c>
      <c r="AG43986">
        <v>81</v>
      </c>
      <c r="AH43986">
        <v>83</v>
      </c>
      <c r="AI43986">
        <v>85</v>
      </c>
      <c r="AJ43986">
        <v>87</v>
      </c>
      <c r="AK43986">
        <v>88</v>
      </c>
      <c r="AL43986">
        <v>90</v>
      </c>
      <c r="AM43986">
        <v>90</v>
      </c>
      <c r="AN43986">
        <v>91</v>
      </c>
      <c r="AO43986">
        <v>92</v>
      </c>
      <c r="AP43986">
        <v>93</v>
      </c>
      <c r="AQ43986">
        <v>94</v>
      </c>
    </row>
    <row r="43987" spans="1:43">
      <c r="A43987" t="s">
        <v>26815</v>
      </c>
      <c r="B43987" t="s">
        <v>26816</v>
      </c>
      <c r="C43987" t="s">
        <v>9128</v>
      </c>
      <c r="D43987" t="s">
        <v>9129</v>
      </c>
      <c r="E43987" t="s">
        <v>8938</v>
      </c>
      <c r="F43987" t="s">
        <v>8939</v>
      </c>
      <c r="G43987" t="s">
        <v>80</v>
      </c>
      <c r="H43987" t="s">
        <v>81</v>
      </c>
      <c r="I43987" s="2">
        <v>0</v>
      </c>
      <c r="J43987" s="2">
        <v>1</v>
      </c>
      <c r="K43987" s="2">
        <v>0</v>
      </c>
      <c r="L43987" t="s">
        <v>82</v>
      </c>
      <c r="M43987" t="s">
        <v>87</v>
      </c>
      <c r="N43987" t="s">
        <v>88</v>
      </c>
      <c r="O43987" t="s">
        <v>85</v>
      </c>
      <c r="P43987" t="s">
        <v>86</v>
      </c>
      <c r="Q43987">
        <v>56</v>
      </c>
      <c r="R43987">
        <v>57</v>
      </c>
      <c r="S43987">
        <v>57</v>
      </c>
      <c r="T43987">
        <v>58</v>
      </c>
      <c r="U43987">
        <v>59</v>
      </c>
      <c r="V43987">
        <v>60</v>
      </c>
      <c r="W43987">
        <v>61</v>
      </c>
      <c r="X43987">
        <v>62</v>
      </c>
      <c r="Y43987">
        <v>63</v>
      </c>
      <c r="Z43987">
        <v>64</v>
      </c>
      <c r="AA43987">
        <v>65</v>
      </c>
      <c r="AB43987">
        <v>66</v>
      </c>
      <c r="AC43987">
        <v>67</v>
      </c>
      <c r="AD43987">
        <v>68</v>
      </c>
      <c r="AE43987">
        <v>69</v>
      </c>
      <c r="AF43987">
        <v>70</v>
      </c>
      <c r="AG43987">
        <v>71</v>
      </c>
      <c r="AH43987">
        <v>72</v>
      </c>
      <c r="AI43987">
        <v>73</v>
      </c>
      <c r="AJ43987">
        <v>74</v>
      </c>
      <c r="AK43987">
        <v>75</v>
      </c>
      <c r="AL43987">
        <v>76</v>
      </c>
      <c r="AM43987">
        <v>77</v>
      </c>
      <c r="AN43987">
        <v>78</v>
      </c>
      <c r="AO43987">
        <v>79</v>
      </c>
      <c r="AP43987">
        <v>80</v>
      </c>
      <c r="AQ43987">
        <v>81</v>
      </c>
    </row>
    <row r="43988" spans="1:43">
      <c r="A43988" t="s">
        <v>26815</v>
      </c>
      <c r="B43988" t="s">
        <v>26816</v>
      </c>
      <c r="C43988" t="s">
        <v>9128</v>
      </c>
      <c r="D43988" t="s">
        <v>9129</v>
      </c>
      <c r="E43988" t="s">
        <v>8938</v>
      </c>
      <c r="F43988" t="s">
        <v>8939</v>
      </c>
      <c r="G43988" t="s">
        <v>80</v>
      </c>
      <c r="H43988" t="s">
        <v>81</v>
      </c>
      <c r="I43988" s="2">
        <v>0</v>
      </c>
      <c r="J43988" s="2">
        <v>1</v>
      </c>
      <c r="K43988" s="2">
        <v>0</v>
      </c>
      <c r="L43988" t="s">
        <v>82</v>
      </c>
      <c r="M43988" t="s">
        <v>89</v>
      </c>
      <c r="N43988" t="s">
        <v>90</v>
      </c>
      <c r="O43988" t="s">
        <v>85</v>
      </c>
      <c r="P43988" t="s">
        <v>86</v>
      </c>
      <c r="Q43988">
        <v>56</v>
      </c>
      <c r="R43988">
        <v>58</v>
      </c>
      <c r="S43988">
        <v>60</v>
      </c>
      <c r="T43988">
        <v>61</v>
      </c>
      <c r="U43988">
        <v>63</v>
      </c>
      <c r="V43988">
        <v>65</v>
      </c>
      <c r="W43988">
        <v>67</v>
      </c>
      <c r="X43988">
        <v>69</v>
      </c>
      <c r="Y43988">
        <v>71</v>
      </c>
      <c r="Z43988">
        <v>73</v>
      </c>
      <c r="AA43988">
        <v>75</v>
      </c>
      <c r="AB43988">
        <v>77</v>
      </c>
      <c r="AC43988">
        <v>79</v>
      </c>
      <c r="AD43988">
        <v>81</v>
      </c>
      <c r="AE43988">
        <v>83</v>
      </c>
      <c r="AF43988">
        <v>84</v>
      </c>
      <c r="AG43988">
        <v>85</v>
      </c>
      <c r="AH43988">
        <v>85</v>
      </c>
      <c r="AI43988">
        <v>86</v>
      </c>
      <c r="AJ43988">
        <v>87</v>
      </c>
      <c r="AK43988">
        <v>88</v>
      </c>
      <c r="AL43988">
        <v>89</v>
      </c>
      <c r="AM43988">
        <v>90</v>
      </c>
      <c r="AN43988">
        <v>91</v>
      </c>
      <c r="AO43988">
        <v>91</v>
      </c>
      <c r="AP43988">
        <v>92</v>
      </c>
      <c r="AQ43988">
        <v>93</v>
      </c>
    </row>
    <row r="43989" spans="1:43">
      <c r="A43989" t="s">
        <v>26815</v>
      </c>
      <c r="B43989" t="s">
        <v>26816</v>
      </c>
      <c r="C43989" t="s">
        <v>9128</v>
      </c>
      <c r="D43989" t="s">
        <v>9129</v>
      </c>
      <c r="E43989" t="s">
        <v>8938</v>
      </c>
      <c r="F43989" t="s">
        <v>8939</v>
      </c>
      <c r="G43989" t="s">
        <v>80</v>
      </c>
      <c r="H43989" t="s">
        <v>81</v>
      </c>
      <c r="I43989" s="2">
        <v>0</v>
      </c>
      <c r="J43989" s="2">
        <v>1</v>
      </c>
      <c r="K43989" s="2">
        <v>0</v>
      </c>
      <c r="L43989" t="s">
        <v>82</v>
      </c>
      <c r="M43989" t="s">
        <v>83</v>
      </c>
      <c r="N43989" t="s">
        <v>91</v>
      </c>
      <c r="O43989" t="s">
        <v>85</v>
      </c>
      <c r="P43989" t="s">
        <v>86</v>
      </c>
      <c r="Q43989">
        <v>56</v>
      </c>
      <c r="R43989">
        <v>58</v>
      </c>
      <c r="S43989">
        <v>59</v>
      </c>
      <c r="T43989">
        <v>60</v>
      </c>
      <c r="U43989">
        <v>62</v>
      </c>
      <c r="V43989">
        <v>64</v>
      </c>
      <c r="W43989">
        <v>65</v>
      </c>
      <c r="X43989">
        <v>67</v>
      </c>
      <c r="Y43989">
        <v>68</v>
      </c>
      <c r="Z43989">
        <v>70</v>
      </c>
      <c r="AA43989">
        <v>71</v>
      </c>
      <c r="AB43989">
        <v>73</v>
      </c>
      <c r="AC43989">
        <v>75</v>
      </c>
      <c r="AD43989">
        <v>76</v>
      </c>
      <c r="AE43989">
        <v>78</v>
      </c>
      <c r="AF43989">
        <v>80</v>
      </c>
      <c r="AG43989">
        <v>81</v>
      </c>
      <c r="AH43989">
        <v>83</v>
      </c>
      <c r="AI43989">
        <v>85</v>
      </c>
      <c r="AJ43989">
        <v>87</v>
      </c>
      <c r="AK43989">
        <v>88</v>
      </c>
      <c r="AL43989">
        <v>90</v>
      </c>
      <c r="AM43989">
        <v>90</v>
      </c>
      <c r="AN43989">
        <v>91</v>
      </c>
      <c r="AO43989">
        <v>92</v>
      </c>
      <c r="AP43989">
        <v>93</v>
      </c>
      <c r="AQ43989">
        <v>94</v>
      </c>
    </row>
    <row r="43990" spans="1:43">
      <c r="A43990" t="s">
        <v>26817</v>
      </c>
      <c r="B43990" t="s">
        <v>26818</v>
      </c>
      <c r="C43990" t="s">
        <v>9128</v>
      </c>
      <c r="D43990" t="s">
        <v>9129</v>
      </c>
      <c r="E43990" t="s">
        <v>8938</v>
      </c>
      <c r="F43990" t="s">
        <v>8939</v>
      </c>
      <c r="G43990" t="s">
        <v>80</v>
      </c>
      <c r="H43990" t="s">
        <v>81</v>
      </c>
      <c r="I43990" s="2">
        <v>0</v>
      </c>
      <c r="J43990" s="2">
        <v>1</v>
      </c>
      <c r="K43990" s="2">
        <v>0</v>
      </c>
      <c r="L43990" t="s">
        <v>82</v>
      </c>
      <c r="M43990" t="s">
        <v>83</v>
      </c>
      <c r="N43990" t="s">
        <v>84</v>
      </c>
      <c r="O43990" t="s">
        <v>85</v>
      </c>
      <c r="P43990" t="s">
        <v>86</v>
      </c>
      <c r="Q43990">
        <v>55</v>
      </c>
      <c r="R43990">
        <v>56</v>
      </c>
      <c r="S43990">
        <v>58</v>
      </c>
      <c r="T43990">
        <v>59</v>
      </c>
      <c r="U43990">
        <v>60</v>
      </c>
      <c r="V43990">
        <v>62</v>
      </c>
      <c r="W43990">
        <v>63</v>
      </c>
      <c r="X43990">
        <v>65</v>
      </c>
      <c r="Y43990">
        <v>66</v>
      </c>
      <c r="Z43990">
        <v>68</v>
      </c>
      <c r="AA43990">
        <v>70</v>
      </c>
      <c r="AB43990">
        <v>71</v>
      </c>
      <c r="AC43990">
        <v>73</v>
      </c>
      <c r="AD43990">
        <v>74</v>
      </c>
      <c r="AE43990">
        <v>76</v>
      </c>
      <c r="AF43990">
        <v>78</v>
      </c>
      <c r="AG43990">
        <v>79</v>
      </c>
      <c r="AH43990">
        <v>81</v>
      </c>
      <c r="AI43990">
        <v>83</v>
      </c>
      <c r="AJ43990">
        <v>84</v>
      </c>
      <c r="AK43990">
        <v>86</v>
      </c>
      <c r="AL43990">
        <v>87</v>
      </c>
      <c r="AM43990">
        <v>88</v>
      </c>
      <c r="AN43990">
        <v>89</v>
      </c>
      <c r="AO43990">
        <v>90</v>
      </c>
      <c r="AP43990">
        <v>91</v>
      </c>
      <c r="AQ43990">
        <v>92</v>
      </c>
    </row>
    <row r="43991" spans="1:43">
      <c r="A43991" t="s">
        <v>26817</v>
      </c>
      <c r="B43991" t="s">
        <v>26818</v>
      </c>
      <c r="C43991" t="s">
        <v>9128</v>
      </c>
      <c r="D43991" t="s">
        <v>9129</v>
      </c>
      <c r="E43991" t="s">
        <v>8938</v>
      </c>
      <c r="F43991" t="s">
        <v>8939</v>
      </c>
      <c r="G43991" t="s">
        <v>80</v>
      </c>
      <c r="H43991" t="s">
        <v>81</v>
      </c>
      <c r="I43991" s="2">
        <v>0</v>
      </c>
      <c r="J43991" s="2">
        <v>1</v>
      </c>
      <c r="K43991" s="2">
        <v>0</v>
      </c>
      <c r="L43991" t="s">
        <v>82</v>
      </c>
      <c r="M43991" t="s">
        <v>87</v>
      </c>
      <c r="N43991" t="s">
        <v>88</v>
      </c>
      <c r="O43991" t="s">
        <v>85</v>
      </c>
      <c r="P43991" t="s">
        <v>86</v>
      </c>
      <c r="Q43991">
        <v>55</v>
      </c>
      <c r="R43991">
        <v>56</v>
      </c>
      <c r="S43991">
        <v>57</v>
      </c>
      <c r="T43991">
        <v>58</v>
      </c>
      <c r="U43991">
        <v>59</v>
      </c>
      <c r="V43991">
        <v>60</v>
      </c>
      <c r="W43991">
        <v>61</v>
      </c>
      <c r="X43991">
        <v>62</v>
      </c>
      <c r="Y43991">
        <v>62</v>
      </c>
      <c r="Z43991">
        <v>63</v>
      </c>
      <c r="AA43991">
        <v>64</v>
      </c>
      <c r="AB43991">
        <v>65</v>
      </c>
      <c r="AC43991">
        <v>66</v>
      </c>
      <c r="AD43991">
        <v>67</v>
      </c>
      <c r="AE43991">
        <v>68</v>
      </c>
      <c r="AF43991">
        <v>69</v>
      </c>
      <c r="AG43991">
        <v>70</v>
      </c>
      <c r="AH43991">
        <v>71</v>
      </c>
      <c r="AI43991">
        <v>72</v>
      </c>
      <c r="AJ43991">
        <v>73</v>
      </c>
      <c r="AK43991">
        <v>74</v>
      </c>
      <c r="AL43991">
        <v>75</v>
      </c>
      <c r="AM43991">
        <v>76</v>
      </c>
      <c r="AN43991">
        <v>77</v>
      </c>
      <c r="AO43991">
        <v>78</v>
      </c>
      <c r="AP43991">
        <v>79</v>
      </c>
      <c r="AQ43991">
        <v>80</v>
      </c>
    </row>
    <row r="43992" spans="1:43">
      <c r="A43992" t="s">
        <v>26817</v>
      </c>
      <c r="B43992" t="s">
        <v>26818</v>
      </c>
      <c r="C43992" t="s">
        <v>9128</v>
      </c>
      <c r="D43992" t="s">
        <v>9129</v>
      </c>
      <c r="E43992" t="s">
        <v>8938</v>
      </c>
      <c r="F43992" t="s">
        <v>8939</v>
      </c>
      <c r="G43992" t="s">
        <v>80</v>
      </c>
      <c r="H43992" t="s">
        <v>81</v>
      </c>
      <c r="I43992" s="2">
        <v>0</v>
      </c>
      <c r="J43992" s="2">
        <v>1</v>
      </c>
      <c r="K43992" s="2">
        <v>0</v>
      </c>
      <c r="L43992" t="s">
        <v>82</v>
      </c>
      <c r="M43992" t="s">
        <v>89</v>
      </c>
      <c r="N43992" t="s">
        <v>90</v>
      </c>
      <c r="O43992" t="s">
        <v>85</v>
      </c>
      <c r="P43992" t="s">
        <v>86</v>
      </c>
      <c r="Q43992">
        <v>55</v>
      </c>
      <c r="R43992">
        <v>57</v>
      </c>
      <c r="S43992">
        <v>59</v>
      </c>
      <c r="T43992">
        <v>61</v>
      </c>
      <c r="U43992">
        <v>63</v>
      </c>
      <c r="V43992">
        <v>65</v>
      </c>
      <c r="W43992">
        <v>67</v>
      </c>
      <c r="X43992">
        <v>69</v>
      </c>
      <c r="Y43992">
        <v>71</v>
      </c>
      <c r="Z43992">
        <v>72</v>
      </c>
      <c r="AA43992">
        <v>74</v>
      </c>
      <c r="AB43992">
        <v>76</v>
      </c>
      <c r="AC43992">
        <v>78</v>
      </c>
      <c r="AD43992">
        <v>80</v>
      </c>
      <c r="AE43992">
        <v>82</v>
      </c>
      <c r="AF43992">
        <v>83</v>
      </c>
      <c r="AG43992">
        <v>83</v>
      </c>
      <c r="AH43992">
        <v>84</v>
      </c>
      <c r="AI43992">
        <v>85</v>
      </c>
      <c r="AJ43992">
        <v>86</v>
      </c>
      <c r="AK43992">
        <v>87</v>
      </c>
      <c r="AL43992">
        <v>88</v>
      </c>
      <c r="AM43992">
        <v>88</v>
      </c>
      <c r="AN43992">
        <v>89</v>
      </c>
      <c r="AO43992">
        <v>90</v>
      </c>
      <c r="AP43992">
        <v>91</v>
      </c>
      <c r="AQ43992">
        <v>92</v>
      </c>
    </row>
    <row r="43993" spans="1:43">
      <c r="A43993" t="s">
        <v>26817</v>
      </c>
      <c r="B43993" t="s">
        <v>26818</v>
      </c>
      <c r="C43993" t="s">
        <v>9128</v>
      </c>
      <c r="D43993" t="s">
        <v>9129</v>
      </c>
      <c r="E43993" t="s">
        <v>8938</v>
      </c>
      <c r="F43993" t="s">
        <v>8939</v>
      </c>
      <c r="G43993" t="s">
        <v>80</v>
      </c>
      <c r="H43993" t="s">
        <v>81</v>
      </c>
      <c r="I43993" s="2">
        <v>0</v>
      </c>
      <c r="J43993" s="2">
        <v>1</v>
      </c>
      <c r="K43993" s="2">
        <v>0</v>
      </c>
      <c r="L43993" t="s">
        <v>82</v>
      </c>
      <c r="M43993" t="s">
        <v>83</v>
      </c>
      <c r="N43993" t="s">
        <v>91</v>
      </c>
      <c r="O43993" t="s">
        <v>85</v>
      </c>
      <c r="P43993" t="s">
        <v>86</v>
      </c>
      <c r="Q43993">
        <v>55</v>
      </c>
      <c r="R43993">
        <v>56</v>
      </c>
      <c r="S43993">
        <v>58</v>
      </c>
      <c r="T43993">
        <v>59</v>
      </c>
      <c r="U43993">
        <v>60</v>
      </c>
      <c r="V43993">
        <v>62</v>
      </c>
      <c r="W43993">
        <v>63</v>
      </c>
      <c r="X43993">
        <v>65</v>
      </c>
      <c r="Y43993">
        <v>66</v>
      </c>
      <c r="Z43993">
        <v>68</v>
      </c>
      <c r="AA43993">
        <v>70</v>
      </c>
      <c r="AB43993">
        <v>71</v>
      </c>
      <c r="AC43993">
        <v>73</v>
      </c>
      <c r="AD43993">
        <v>74</v>
      </c>
      <c r="AE43993">
        <v>76</v>
      </c>
      <c r="AF43993">
        <v>78</v>
      </c>
      <c r="AG43993">
        <v>79</v>
      </c>
      <c r="AH43993">
        <v>81</v>
      </c>
      <c r="AI43993">
        <v>83</v>
      </c>
      <c r="AJ43993">
        <v>84</v>
      </c>
      <c r="AK43993">
        <v>86</v>
      </c>
      <c r="AL43993">
        <v>87</v>
      </c>
      <c r="AM43993">
        <v>88</v>
      </c>
      <c r="AN43993">
        <v>89</v>
      </c>
      <c r="AO43993">
        <v>90</v>
      </c>
      <c r="AP43993">
        <v>91</v>
      </c>
      <c r="AQ43993">
        <v>92</v>
      </c>
    </row>
    <row r="43994" spans="1:43">
      <c r="A43994" t="s">
        <v>26819</v>
      </c>
      <c r="B43994" t="s">
        <v>26820</v>
      </c>
      <c r="C43994" t="s">
        <v>9102</v>
      </c>
      <c r="D43994" t="s">
        <v>9103</v>
      </c>
      <c r="E43994" t="s">
        <v>8938</v>
      </c>
      <c r="F43994" t="s">
        <v>8939</v>
      </c>
      <c r="G43994" t="s">
        <v>80</v>
      </c>
      <c r="H43994" t="s">
        <v>81</v>
      </c>
      <c r="I43994" s="2">
        <v>0</v>
      </c>
      <c r="J43994" s="2">
        <v>1</v>
      </c>
      <c r="K43994" s="2">
        <v>0</v>
      </c>
      <c r="L43994" t="s">
        <v>82</v>
      </c>
      <c r="M43994" t="s">
        <v>83</v>
      </c>
      <c r="N43994" t="s">
        <v>84</v>
      </c>
      <c r="O43994" t="s">
        <v>85</v>
      </c>
      <c r="P43994" t="s">
        <v>86</v>
      </c>
      <c r="Q43994">
        <v>2</v>
      </c>
      <c r="R43994">
        <v>2</v>
      </c>
      <c r="S43994">
        <v>2</v>
      </c>
      <c r="T43994">
        <v>2</v>
      </c>
      <c r="U43994">
        <v>3</v>
      </c>
      <c r="V43994">
        <v>3</v>
      </c>
      <c r="W43994">
        <v>3</v>
      </c>
      <c r="X43994">
        <v>3</v>
      </c>
      <c r="Y43994">
        <v>3</v>
      </c>
      <c r="Z43994">
        <v>3</v>
      </c>
      <c r="AA43994">
        <v>3</v>
      </c>
      <c r="AB43994">
        <v>3</v>
      </c>
      <c r="AC43994">
        <v>3</v>
      </c>
      <c r="AD43994">
        <v>3</v>
      </c>
      <c r="AE43994">
        <v>3</v>
      </c>
      <c r="AF43994">
        <v>3</v>
      </c>
      <c r="AG43994">
        <v>3</v>
      </c>
      <c r="AH43994">
        <v>3</v>
      </c>
      <c r="AI43994">
        <v>3</v>
      </c>
      <c r="AJ43994">
        <v>4</v>
      </c>
      <c r="AK43994">
        <v>4</v>
      </c>
      <c r="AL43994">
        <v>4</v>
      </c>
      <c r="AM43994">
        <v>4</v>
      </c>
      <c r="AN43994">
        <v>4</v>
      </c>
      <c r="AO43994">
        <v>4</v>
      </c>
      <c r="AP43994">
        <v>4</v>
      </c>
      <c r="AQ43994">
        <v>4</v>
      </c>
    </row>
    <row r="43995" spans="1:43">
      <c r="A43995" t="s">
        <v>26819</v>
      </c>
      <c r="B43995" t="s">
        <v>26820</v>
      </c>
      <c r="C43995" t="s">
        <v>9102</v>
      </c>
      <c r="D43995" t="s">
        <v>9103</v>
      </c>
      <c r="E43995" t="s">
        <v>8938</v>
      </c>
      <c r="F43995" t="s">
        <v>8939</v>
      </c>
      <c r="G43995" t="s">
        <v>80</v>
      </c>
      <c r="H43995" t="s">
        <v>81</v>
      </c>
      <c r="I43995" s="2">
        <v>0</v>
      </c>
      <c r="J43995" s="2">
        <v>1</v>
      </c>
      <c r="K43995" s="2">
        <v>0</v>
      </c>
      <c r="L43995" t="s">
        <v>82</v>
      </c>
      <c r="M43995" t="s">
        <v>87</v>
      </c>
      <c r="N43995" t="s">
        <v>88</v>
      </c>
      <c r="O43995" t="s">
        <v>85</v>
      </c>
      <c r="P43995" t="s">
        <v>86</v>
      </c>
      <c r="Q43995">
        <v>2</v>
      </c>
      <c r="R43995">
        <v>2</v>
      </c>
      <c r="S43995">
        <v>2</v>
      </c>
      <c r="T43995">
        <v>2</v>
      </c>
      <c r="U43995">
        <v>2</v>
      </c>
      <c r="V43995">
        <v>2</v>
      </c>
      <c r="W43995">
        <v>3</v>
      </c>
      <c r="X43995">
        <v>3</v>
      </c>
      <c r="Y43995">
        <v>3</v>
      </c>
      <c r="Z43995">
        <v>3</v>
      </c>
      <c r="AA43995">
        <v>3</v>
      </c>
      <c r="AB43995">
        <v>3</v>
      </c>
      <c r="AC43995">
        <v>3</v>
      </c>
      <c r="AD43995">
        <v>3</v>
      </c>
      <c r="AE43995">
        <v>3</v>
      </c>
      <c r="AF43995">
        <v>3</v>
      </c>
      <c r="AG43995">
        <v>3</v>
      </c>
      <c r="AH43995">
        <v>3</v>
      </c>
      <c r="AI43995">
        <v>3</v>
      </c>
      <c r="AJ43995">
        <v>3</v>
      </c>
      <c r="AK43995">
        <v>3</v>
      </c>
      <c r="AL43995">
        <v>3</v>
      </c>
      <c r="AM43995">
        <v>3</v>
      </c>
      <c r="AN43995">
        <v>3</v>
      </c>
      <c r="AO43995">
        <v>3</v>
      </c>
      <c r="AP43995">
        <v>3</v>
      </c>
      <c r="AQ43995">
        <v>3</v>
      </c>
    </row>
    <row r="43996" spans="1:43">
      <c r="A43996" t="s">
        <v>26819</v>
      </c>
      <c r="B43996" t="s">
        <v>26820</v>
      </c>
      <c r="C43996" t="s">
        <v>9102</v>
      </c>
      <c r="D43996" t="s">
        <v>9103</v>
      </c>
      <c r="E43996" t="s">
        <v>8938</v>
      </c>
      <c r="F43996" t="s">
        <v>8939</v>
      </c>
      <c r="G43996" t="s">
        <v>80</v>
      </c>
      <c r="H43996" t="s">
        <v>81</v>
      </c>
      <c r="I43996" s="2">
        <v>0</v>
      </c>
      <c r="J43996" s="2">
        <v>1</v>
      </c>
      <c r="K43996" s="2">
        <v>0</v>
      </c>
      <c r="L43996" t="s">
        <v>82</v>
      </c>
      <c r="M43996" t="s">
        <v>89</v>
      </c>
      <c r="N43996" t="s">
        <v>90</v>
      </c>
      <c r="O43996" t="s">
        <v>85</v>
      </c>
      <c r="P43996" t="s">
        <v>86</v>
      </c>
      <c r="Q43996">
        <v>2</v>
      </c>
      <c r="R43996">
        <v>2</v>
      </c>
      <c r="S43996">
        <v>2</v>
      </c>
      <c r="T43996">
        <v>3</v>
      </c>
      <c r="U43996">
        <v>3</v>
      </c>
      <c r="V43996">
        <v>3</v>
      </c>
      <c r="W43996">
        <v>3</v>
      </c>
      <c r="X43996">
        <v>3</v>
      </c>
      <c r="Y43996">
        <v>3</v>
      </c>
      <c r="Z43996">
        <v>3</v>
      </c>
      <c r="AA43996">
        <v>3</v>
      </c>
      <c r="AB43996">
        <v>3</v>
      </c>
      <c r="AC43996">
        <v>3</v>
      </c>
      <c r="AD43996">
        <v>3</v>
      </c>
      <c r="AE43996">
        <v>3</v>
      </c>
      <c r="AF43996">
        <v>3</v>
      </c>
      <c r="AG43996">
        <v>4</v>
      </c>
      <c r="AH43996">
        <v>4</v>
      </c>
      <c r="AI43996">
        <v>4</v>
      </c>
      <c r="AJ43996">
        <v>4</v>
      </c>
      <c r="AK43996">
        <v>4</v>
      </c>
      <c r="AL43996">
        <v>4</v>
      </c>
      <c r="AM43996">
        <v>4</v>
      </c>
      <c r="AN43996">
        <v>4</v>
      </c>
      <c r="AO43996">
        <v>4</v>
      </c>
      <c r="AP43996">
        <v>4</v>
      </c>
      <c r="AQ43996">
        <v>4</v>
      </c>
    </row>
    <row r="43997" spans="1:43">
      <c r="A43997" t="s">
        <v>26819</v>
      </c>
      <c r="B43997" t="s">
        <v>26820</v>
      </c>
      <c r="C43997" t="s">
        <v>9102</v>
      </c>
      <c r="D43997" t="s">
        <v>9103</v>
      </c>
      <c r="E43997" t="s">
        <v>8938</v>
      </c>
      <c r="F43997" t="s">
        <v>8939</v>
      </c>
      <c r="G43997" t="s">
        <v>80</v>
      </c>
      <c r="H43997" t="s">
        <v>81</v>
      </c>
      <c r="I43997" s="2">
        <v>0</v>
      </c>
      <c r="J43997" s="2">
        <v>1</v>
      </c>
      <c r="K43997" s="2">
        <v>0</v>
      </c>
      <c r="L43997" t="s">
        <v>82</v>
      </c>
      <c r="M43997" t="s">
        <v>83</v>
      </c>
      <c r="N43997" t="s">
        <v>91</v>
      </c>
      <c r="O43997" t="s">
        <v>85</v>
      </c>
      <c r="P43997" t="s">
        <v>86</v>
      </c>
      <c r="Q43997">
        <v>2</v>
      </c>
      <c r="R43997">
        <v>2</v>
      </c>
      <c r="S43997">
        <v>2</v>
      </c>
      <c r="T43997">
        <v>2</v>
      </c>
      <c r="U43997">
        <v>3</v>
      </c>
      <c r="V43997">
        <v>3</v>
      </c>
      <c r="W43997">
        <v>3</v>
      </c>
      <c r="X43997">
        <v>3</v>
      </c>
      <c r="Y43997">
        <v>3</v>
      </c>
      <c r="Z43997">
        <v>3</v>
      </c>
      <c r="AA43997">
        <v>3</v>
      </c>
      <c r="AB43997">
        <v>3</v>
      </c>
      <c r="AC43997">
        <v>3</v>
      </c>
      <c r="AD43997">
        <v>3</v>
      </c>
      <c r="AE43997">
        <v>3</v>
      </c>
      <c r="AF43997">
        <v>3</v>
      </c>
      <c r="AG43997">
        <v>3</v>
      </c>
      <c r="AH43997">
        <v>3</v>
      </c>
      <c r="AI43997">
        <v>3</v>
      </c>
      <c r="AJ43997">
        <v>4</v>
      </c>
      <c r="AK43997">
        <v>4</v>
      </c>
      <c r="AL43997">
        <v>4</v>
      </c>
      <c r="AM43997">
        <v>4</v>
      </c>
      <c r="AN43997">
        <v>4</v>
      </c>
      <c r="AO43997">
        <v>4</v>
      </c>
      <c r="AP43997">
        <v>4</v>
      </c>
      <c r="AQ43997">
        <v>4</v>
      </c>
    </row>
    <row r="43998" spans="1:43">
      <c r="A43998" t="s">
        <v>26821</v>
      </c>
      <c r="B43998" t="s">
        <v>26822</v>
      </c>
      <c r="C43998" t="s">
        <v>9102</v>
      </c>
      <c r="D43998" t="s">
        <v>9103</v>
      </c>
      <c r="E43998" t="s">
        <v>8938</v>
      </c>
      <c r="F43998" t="s">
        <v>8939</v>
      </c>
      <c r="G43998" t="s">
        <v>80</v>
      </c>
      <c r="H43998" t="s">
        <v>81</v>
      </c>
      <c r="I43998" s="2">
        <v>0</v>
      </c>
      <c r="J43998" s="2">
        <v>1</v>
      </c>
      <c r="K43998" s="2">
        <v>0</v>
      </c>
      <c r="L43998" t="s">
        <v>82</v>
      </c>
      <c r="M43998" t="s">
        <v>83</v>
      </c>
      <c r="N43998" t="s">
        <v>84</v>
      </c>
      <c r="O43998" t="s">
        <v>85</v>
      </c>
      <c r="P43998" t="s">
        <v>86</v>
      </c>
      <c r="Q43998">
        <v>32</v>
      </c>
      <c r="R43998">
        <v>33</v>
      </c>
      <c r="S43998">
        <v>34</v>
      </c>
      <c r="T43998">
        <v>35</v>
      </c>
      <c r="U43998">
        <v>35</v>
      </c>
      <c r="V43998">
        <v>36</v>
      </c>
      <c r="W43998">
        <v>37</v>
      </c>
      <c r="X43998">
        <v>38</v>
      </c>
      <c r="Y43998">
        <v>39</v>
      </c>
      <c r="Z43998">
        <v>40</v>
      </c>
      <c r="AA43998">
        <v>41</v>
      </c>
      <c r="AB43998">
        <v>42</v>
      </c>
      <c r="AC43998">
        <v>43</v>
      </c>
      <c r="AD43998">
        <v>43</v>
      </c>
      <c r="AE43998">
        <v>44</v>
      </c>
      <c r="AF43998">
        <v>45</v>
      </c>
      <c r="AG43998">
        <v>46</v>
      </c>
      <c r="AH43998">
        <v>47</v>
      </c>
      <c r="AI43998">
        <v>48</v>
      </c>
      <c r="AJ43998">
        <v>49</v>
      </c>
      <c r="AK43998">
        <v>50</v>
      </c>
      <c r="AL43998">
        <v>51</v>
      </c>
      <c r="AM43998">
        <v>51</v>
      </c>
      <c r="AN43998">
        <v>52</v>
      </c>
      <c r="AO43998">
        <v>52</v>
      </c>
      <c r="AP43998">
        <v>53</v>
      </c>
      <c r="AQ43998">
        <v>53</v>
      </c>
    </row>
    <row r="43999" spans="1:43">
      <c r="A43999" t="s">
        <v>26821</v>
      </c>
      <c r="B43999" t="s">
        <v>26822</v>
      </c>
      <c r="C43999" t="s">
        <v>9102</v>
      </c>
      <c r="D43999" t="s">
        <v>9103</v>
      </c>
      <c r="E43999" t="s">
        <v>8938</v>
      </c>
      <c r="F43999" t="s">
        <v>8939</v>
      </c>
      <c r="G43999" t="s">
        <v>80</v>
      </c>
      <c r="H43999" t="s">
        <v>81</v>
      </c>
      <c r="I43999" s="2">
        <v>0</v>
      </c>
      <c r="J43999" s="2">
        <v>1</v>
      </c>
      <c r="K43999" s="2">
        <v>0</v>
      </c>
      <c r="L43999" t="s">
        <v>82</v>
      </c>
      <c r="M43999" t="s">
        <v>87</v>
      </c>
      <c r="N43999" t="s">
        <v>88</v>
      </c>
      <c r="O43999" t="s">
        <v>85</v>
      </c>
      <c r="P43999" t="s">
        <v>86</v>
      </c>
      <c r="Q43999">
        <v>32</v>
      </c>
      <c r="R43999">
        <v>32</v>
      </c>
      <c r="S43999">
        <v>33</v>
      </c>
      <c r="T43999">
        <v>33</v>
      </c>
      <c r="U43999">
        <v>34</v>
      </c>
      <c r="V43999">
        <v>34</v>
      </c>
      <c r="W43999">
        <v>35</v>
      </c>
      <c r="X43999">
        <v>35</v>
      </c>
      <c r="Y43999">
        <v>36</v>
      </c>
      <c r="Z43999">
        <v>36</v>
      </c>
      <c r="AA43999">
        <v>37</v>
      </c>
      <c r="AB43999">
        <v>38</v>
      </c>
      <c r="AC43999">
        <v>38</v>
      </c>
      <c r="AD43999">
        <v>39</v>
      </c>
      <c r="AE43999">
        <v>39</v>
      </c>
      <c r="AF43999">
        <v>40</v>
      </c>
      <c r="AG43999">
        <v>40</v>
      </c>
      <c r="AH43999">
        <v>41</v>
      </c>
      <c r="AI43999">
        <v>42</v>
      </c>
      <c r="AJ43999">
        <v>42</v>
      </c>
      <c r="AK43999">
        <v>43</v>
      </c>
      <c r="AL43999">
        <v>43</v>
      </c>
      <c r="AM43999">
        <v>44</v>
      </c>
      <c r="AN43999">
        <v>45</v>
      </c>
      <c r="AO43999">
        <v>45</v>
      </c>
      <c r="AP43999">
        <v>46</v>
      </c>
      <c r="AQ43999">
        <v>46</v>
      </c>
    </row>
    <row r="44000" spans="1:43">
      <c r="A44000" t="s">
        <v>26821</v>
      </c>
      <c r="B44000" t="s">
        <v>26822</v>
      </c>
      <c r="C44000" t="s">
        <v>9102</v>
      </c>
      <c r="D44000" t="s">
        <v>9103</v>
      </c>
      <c r="E44000" t="s">
        <v>8938</v>
      </c>
      <c r="F44000" t="s">
        <v>8939</v>
      </c>
      <c r="G44000" t="s">
        <v>80</v>
      </c>
      <c r="H44000" t="s">
        <v>81</v>
      </c>
      <c r="I44000" s="2">
        <v>0</v>
      </c>
      <c r="J44000" s="2">
        <v>1</v>
      </c>
      <c r="K44000" s="2">
        <v>0</v>
      </c>
      <c r="L44000" t="s">
        <v>82</v>
      </c>
      <c r="M44000" t="s">
        <v>89</v>
      </c>
      <c r="N44000" t="s">
        <v>90</v>
      </c>
      <c r="O44000" t="s">
        <v>85</v>
      </c>
      <c r="P44000" t="s">
        <v>86</v>
      </c>
      <c r="Q44000">
        <v>32</v>
      </c>
      <c r="R44000">
        <v>33</v>
      </c>
      <c r="S44000">
        <v>35</v>
      </c>
      <c r="T44000">
        <v>36</v>
      </c>
      <c r="U44000">
        <v>37</v>
      </c>
      <c r="V44000">
        <v>38</v>
      </c>
      <c r="W44000">
        <v>39</v>
      </c>
      <c r="X44000">
        <v>40</v>
      </c>
      <c r="Y44000">
        <v>41</v>
      </c>
      <c r="Z44000">
        <v>42</v>
      </c>
      <c r="AA44000">
        <v>43</v>
      </c>
      <c r="AB44000">
        <v>45</v>
      </c>
      <c r="AC44000">
        <v>46</v>
      </c>
      <c r="AD44000">
        <v>47</v>
      </c>
      <c r="AE44000">
        <v>48</v>
      </c>
      <c r="AF44000">
        <v>48</v>
      </c>
      <c r="AG44000">
        <v>49</v>
      </c>
      <c r="AH44000">
        <v>49</v>
      </c>
      <c r="AI44000">
        <v>50</v>
      </c>
      <c r="AJ44000">
        <v>50</v>
      </c>
      <c r="AK44000">
        <v>51</v>
      </c>
      <c r="AL44000">
        <v>51</v>
      </c>
      <c r="AM44000">
        <v>52</v>
      </c>
      <c r="AN44000">
        <v>52</v>
      </c>
      <c r="AO44000">
        <v>53</v>
      </c>
      <c r="AP44000">
        <v>53</v>
      </c>
      <c r="AQ44000">
        <v>54</v>
      </c>
    </row>
    <row r="44001" spans="1:43">
      <c r="A44001" t="s">
        <v>26821</v>
      </c>
      <c r="B44001" t="s">
        <v>26822</v>
      </c>
      <c r="C44001" t="s">
        <v>9102</v>
      </c>
      <c r="D44001" t="s">
        <v>9103</v>
      </c>
      <c r="E44001" t="s">
        <v>8938</v>
      </c>
      <c r="F44001" t="s">
        <v>8939</v>
      </c>
      <c r="G44001" t="s">
        <v>80</v>
      </c>
      <c r="H44001" t="s">
        <v>81</v>
      </c>
      <c r="I44001" s="2">
        <v>0</v>
      </c>
      <c r="J44001" s="2">
        <v>1</v>
      </c>
      <c r="K44001" s="2">
        <v>0</v>
      </c>
      <c r="L44001" t="s">
        <v>82</v>
      </c>
      <c r="M44001" t="s">
        <v>83</v>
      </c>
      <c r="N44001" t="s">
        <v>91</v>
      </c>
      <c r="O44001" t="s">
        <v>85</v>
      </c>
      <c r="P44001" t="s">
        <v>86</v>
      </c>
      <c r="Q44001">
        <v>32</v>
      </c>
      <c r="R44001">
        <v>33</v>
      </c>
      <c r="S44001">
        <v>34</v>
      </c>
      <c r="T44001">
        <v>35</v>
      </c>
      <c r="U44001">
        <v>35</v>
      </c>
      <c r="V44001">
        <v>36</v>
      </c>
      <c r="W44001">
        <v>37</v>
      </c>
      <c r="X44001">
        <v>38</v>
      </c>
      <c r="Y44001">
        <v>39</v>
      </c>
      <c r="Z44001">
        <v>40</v>
      </c>
      <c r="AA44001">
        <v>41</v>
      </c>
      <c r="AB44001">
        <v>42</v>
      </c>
      <c r="AC44001">
        <v>43</v>
      </c>
      <c r="AD44001">
        <v>43</v>
      </c>
      <c r="AE44001">
        <v>44</v>
      </c>
      <c r="AF44001">
        <v>45</v>
      </c>
      <c r="AG44001">
        <v>46</v>
      </c>
      <c r="AH44001">
        <v>47</v>
      </c>
      <c r="AI44001">
        <v>48</v>
      </c>
      <c r="AJ44001">
        <v>49</v>
      </c>
      <c r="AK44001">
        <v>50</v>
      </c>
      <c r="AL44001">
        <v>51</v>
      </c>
      <c r="AM44001">
        <v>51</v>
      </c>
      <c r="AN44001">
        <v>52</v>
      </c>
      <c r="AO44001">
        <v>52</v>
      </c>
      <c r="AP44001">
        <v>53</v>
      </c>
      <c r="AQ44001">
        <v>53</v>
      </c>
    </row>
    <row r="44002" spans="1:43">
      <c r="A44002" t="s">
        <v>26823</v>
      </c>
      <c r="B44002" t="s">
        <v>26824</v>
      </c>
      <c r="C44002" t="s">
        <v>24791</v>
      </c>
      <c r="D44002" t="s">
        <v>24792</v>
      </c>
      <c r="E44002" t="s">
        <v>8938</v>
      </c>
      <c r="F44002" t="s">
        <v>8939</v>
      </c>
      <c r="G44002" t="s">
        <v>80</v>
      </c>
      <c r="H44002" t="s">
        <v>81</v>
      </c>
      <c r="I44002" s="2">
        <v>0</v>
      </c>
      <c r="J44002" s="2">
        <v>1</v>
      </c>
      <c r="K44002" s="2">
        <v>0</v>
      </c>
      <c r="L44002" t="s">
        <v>82</v>
      </c>
      <c r="M44002" t="s">
        <v>83</v>
      </c>
      <c r="N44002" t="s">
        <v>84</v>
      </c>
      <c r="O44002" t="s">
        <v>85</v>
      </c>
      <c r="P44002" t="s">
        <v>86</v>
      </c>
      <c r="Q44002">
        <v>0</v>
      </c>
      <c r="R44002">
        <v>0</v>
      </c>
      <c r="S44002">
        <v>0</v>
      </c>
      <c r="T44002">
        <v>0</v>
      </c>
      <c r="U44002">
        <v>0</v>
      </c>
      <c r="V44002">
        <v>0</v>
      </c>
      <c r="W44002">
        <v>0</v>
      </c>
      <c r="X44002">
        <v>0</v>
      </c>
      <c r="Y44002">
        <v>0</v>
      </c>
      <c r="Z44002">
        <v>0</v>
      </c>
      <c r="AA44002">
        <v>0</v>
      </c>
      <c r="AB44002">
        <v>0</v>
      </c>
      <c r="AC44002">
        <v>0</v>
      </c>
      <c r="AD44002">
        <v>0</v>
      </c>
      <c r="AE44002">
        <v>0</v>
      </c>
      <c r="AF44002">
        <v>0</v>
      </c>
      <c r="AG44002">
        <v>0</v>
      </c>
      <c r="AH44002">
        <v>0</v>
      </c>
      <c r="AI44002">
        <v>0</v>
      </c>
      <c r="AJ44002">
        <v>0</v>
      </c>
      <c r="AK44002">
        <v>0</v>
      </c>
      <c r="AL44002">
        <v>0</v>
      </c>
      <c r="AM44002">
        <v>0</v>
      </c>
      <c r="AN44002">
        <v>0</v>
      </c>
      <c r="AO44002">
        <v>0</v>
      </c>
      <c r="AP44002">
        <v>0</v>
      </c>
      <c r="AQ44002">
        <v>0</v>
      </c>
    </row>
    <row r="44003" spans="1:43">
      <c r="A44003" t="s">
        <v>26823</v>
      </c>
      <c r="B44003" t="s">
        <v>26824</v>
      </c>
      <c r="C44003" t="s">
        <v>24791</v>
      </c>
      <c r="D44003" t="s">
        <v>24792</v>
      </c>
      <c r="E44003" t="s">
        <v>8938</v>
      </c>
      <c r="F44003" t="s">
        <v>8939</v>
      </c>
      <c r="G44003" t="s">
        <v>80</v>
      </c>
      <c r="H44003" t="s">
        <v>81</v>
      </c>
      <c r="I44003" s="2">
        <v>0</v>
      </c>
      <c r="J44003" s="2">
        <v>1</v>
      </c>
      <c r="K44003" s="2">
        <v>0</v>
      </c>
      <c r="L44003" t="s">
        <v>82</v>
      </c>
      <c r="M44003" t="s">
        <v>87</v>
      </c>
      <c r="N44003" t="s">
        <v>88</v>
      </c>
      <c r="O44003" t="s">
        <v>85</v>
      </c>
      <c r="P44003" t="s">
        <v>86</v>
      </c>
      <c r="Q44003">
        <v>0</v>
      </c>
      <c r="R44003">
        <v>0</v>
      </c>
      <c r="S44003">
        <v>0</v>
      </c>
      <c r="T44003">
        <v>0</v>
      </c>
      <c r="U44003">
        <v>0</v>
      </c>
      <c r="V44003">
        <v>0</v>
      </c>
      <c r="W44003">
        <v>0</v>
      </c>
      <c r="X44003">
        <v>0</v>
      </c>
      <c r="Y44003">
        <v>0</v>
      </c>
      <c r="Z44003">
        <v>0</v>
      </c>
      <c r="AA44003">
        <v>0</v>
      </c>
      <c r="AB44003">
        <v>0</v>
      </c>
      <c r="AC44003">
        <v>0</v>
      </c>
      <c r="AD44003">
        <v>0</v>
      </c>
      <c r="AE44003">
        <v>0</v>
      </c>
      <c r="AF44003">
        <v>0</v>
      </c>
      <c r="AG44003">
        <v>0</v>
      </c>
      <c r="AH44003">
        <v>0</v>
      </c>
      <c r="AI44003">
        <v>0</v>
      </c>
      <c r="AJ44003">
        <v>0</v>
      </c>
      <c r="AK44003">
        <v>0</v>
      </c>
      <c r="AL44003">
        <v>0</v>
      </c>
      <c r="AM44003">
        <v>0</v>
      </c>
      <c r="AN44003">
        <v>0</v>
      </c>
      <c r="AO44003">
        <v>0</v>
      </c>
      <c r="AP44003">
        <v>0</v>
      </c>
      <c r="AQ44003">
        <v>0</v>
      </c>
    </row>
    <row r="44004" spans="1:43">
      <c r="A44004" t="s">
        <v>26823</v>
      </c>
      <c r="B44004" t="s">
        <v>26824</v>
      </c>
      <c r="C44004" t="s">
        <v>24791</v>
      </c>
      <c r="D44004" t="s">
        <v>24792</v>
      </c>
      <c r="E44004" t="s">
        <v>8938</v>
      </c>
      <c r="F44004" t="s">
        <v>8939</v>
      </c>
      <c r="G44004" t="s">
        <v>80</v>
      </c>
      <c r="H44004" t="s">
        <v>81</v>
      </c>
      <c r="I44004" s="2">
        <v>0</v>
      </c>
      <c r="J44004" s="2">
        <v>1</v>
      </c>
      <c r="K44004" s="2">
        <v>0</v>
      </c>
      <c r="L44004" t="s">
        <v>82</v>
      </c>
      <c r="M44004" t="s">
        <v>89</v>
      </c>
      <c r="N44004" t="s">
        <v>90</v>
      </c>
      <c r="O44004" t="s">
        <v>85</v>
      </c>
      <c r="P44004" t="s">
        <v>86</v>
      </c>
      <c r="Q44004">
        <v>0</v>
      </c>
      <c r="R44004">
        <v>0</v>
      </c>
      <c r="S44004">
        <v>0</v>
      </c>
      <c r="T44004">
        <v>0</v>
      </c>
      <c r="U44004">
        <v>0</v>
      </c>
      <c r="V44004">
        <v>0</v>
      </c>
      <c r="W44004">
        <v>0</v>
      </c>
      <c r="X44004">
        <v>0</v>
      </c>
      <c r="Y44004">
        <v>0</v>
      </c>
      <c r="Z44004">
        <v>0</v>
      </c>
      <c r="AA44004">
        <v>0</v>
      </c>
      <c r="AB44004">
        <v>0</v>
      </c>
      <c r="AC44004">
        <v>0</v>
      </c>
      <c r="AD44004">
        <v>0</v>
      </c>
      <c r="AE44004">
        <v>0</v>
      </c>
      <c r="AF44004">
        <v>0</v>
      </c>
      <c r="AG44004">
        <v>0</v>
      </c>
      <c r="AH44004">
        <v>0</v>
      </c>
      <c r="AI44004">
        <v>0</v>
      </c>
      <c r="AJ44004">
        <v>0</v>
      </c>
      <c r="AK44004">
        <v>0</v>
      </c>
      <c r="AL44004">
        <v>0</v>
      </c>
      <c r="AM44004">
        <v>0</v>
      </c>
      <c r="AN44004">
        <v>0</v>
      </c>
      <c r="AO44004">
        <v>0</v>
      </c>
      <c r="AP44004">
        <v>0</v>
      </c>
      <c r="AQ44004">
        <v>0</v>
      </c>
    </row>
    <row r="44005" spans="1:43">
      <c r="A44005" t="s">
        <v>26823</v>
      </c>
      <c r="B44005" t="s">
        <v>26824</v>
      </c>
      <c r="C44005" t="s">
        <v>24791</v>
      </c>
      <c r="D44005" t="s">
        <v>24792</v>
      </c>
      <c r="E44005" t="s">
        <v>8938</v>
      </c>
      <c r="F44005" t="s">
        <v>8939</v>
      </c>
      <c r="G44005" t="s">
        <v>80</v>
      </c>
      <c r="H44005" t="s">
        <v>81</v>
      </c>
      <c r="I44005" s="2">
        <v>0</v>
      </c>
      <c r="J44005" s="2">
        <v>1</v>
      </c>
      <c r="K44005" s="2">
        <v>0</v>
      </c>
      <c r="L44005" t="s">
        <v>82</v>
      </c>
      <c r="M44005" t="s">
        <v>83</v>
      </c>
      <c r="N44005" t="s">
        <v>91</v>
      </c>
      <c r="O44005" t="s">
        <v>85</v>
      </c>
      <c r="P44005" t="s">
        <v>86</v>
      </c>
      <c r="Q44005">
        <v>0</v>
      </c>
      <c r="R44005">
        <v>0</v>
      </c>
      <c r="S44005">
        <v>0</v>
      </c>
      <c r="T44005">
        <v>0</v>
      </c>
      <c r="U44005">
        <v>0</v>
      </c>
      <c r="V44005">
        <v>0</v>
      </c>
      <c r="W44005">
        <v>0</v>
      </c>
      <c r="X44005">
        <v>0</v>
      </c>
      <c r="Y44005">
        <v>0</v>
      </c>
      <c r="Z44005">
        <v>0</v>
      </c>
      <c r="AA44005">
        <v>0</v>
      </c>
      <c r="AB44005">
        <v>0</v>
      </c>
      <c r="AC44005">
        <v>0</v>
      </c>
      <c r="AD44005">
        <v>0</v>
      </c>
      <c r="AE44005">
        <v>0</v>
      </c>
      <c r="AF44005">
        <v>0</v>
      </c>
      <c r="AG44005">
        <v>0</v>
      </c>
      <c r="AH44005">
        <v>0</v>
      </c>
      <c r="AI44005">
        <v>0</v>
      </c>
      <c r="AJ44005">
        <v>0</v>
      </c>
      <c r="AK44005">
        <v>0</v>
      </c>
      <c r="AL44005">
        <v>0</v>
      </c>
      <c r="AM44005">
        <v>0</v>
      </c>
      <c r="AN44005">
        <v>0</v>
      </c>
      <c r="AO44005">
        <v>0</v>
      </c>
      <c r="AP44005">
        <v>0</v>
      </c>
      <c r="AQ44005">
        <v>0</v>
      </c>
    </row>
    <row r="44006" spans="1:43">
      <c r="A44006" t="s">
        <v>26825</v>
      </c>
      <c r="B44006" t="s">
        <v>26826</v>
      </c>
      <c r="C44006" t="s">
        <v>24791</v>
      </c>
      <c r="D44006" t="s">
        <v>24792</v>
      </c>
      <c r="E44006" t="s">
        <v>8938</v>
      </c>
      <c r="F44006" t="s">
        <v>8939</v>
      </c>
      <c r="G44006" t="s">
        <v>80</v>
      </c>
      <c r="H44006" t="s">
        <v>81</v>
      </c>
      <c r="I44006" s="2">
        <v>0</v>
      </c>
      <c r="J44006" s="2">
        <v>1</v>
      </c>
      <c r="K44006" s="2">
        <v>0</v>
      </c>
      <c r="L44006" t="s">
        <v>82</v>
      </c>
      <c r="M44006" t="s">
        <v>83</v>
      </c>
      <c r="N44006" t="s">
        <v>84</v>
      </c>
      <c r="O44006" t="s">
        <v>85</v>
      </c>
      <c r="P44006" t="s">
        <v>86</v>
      </c>
      <c r="Q44006">
        <v>0</v>
      </c>
      <c r="R44006">
        <v>0</v>
      </c>
      <c r="S44006">
        <v>0</v>
      </c>
      <c r="T44006">
        <v>0</v>
      </c>
      <c r="U44006">
        <v>0</v>
      </c>
      <c r="V44006">
        <v>0</v>
      </c>
      <c r="W44006">
        <v>0</v>
      </c>
      <c r="X44006">
        <v>0</v>
      </c>
      <c r="Y44006">
        <v>0</v>
      </c>
      <c r="Z44006">
        <v>0</v>
      </c>
      <c r="AA44006">
        <v>0</v>
      </c>
      <c r="AB44006">
        <v>0</v>
      </c>
      <c r="AC44006">
        <v>0</v>
      </c>
      <c r="AD44006">
        <v>0</v>
      </c>
      <c r="AE44006">
        <v>0</v>
      </c>
      <c r="AF44006">
        <v>0</v>
      </c>
      <c r="AG44006">
        <v>0</v>
      </c>
      <c r="AH44006">
        <v>0</v>
      </c>
      <c r="AI44006">
        <v>0</v>
      </c>
      <c r="AJ44006">
        <v>0</v>
      </c>
      <c r="AK44006">
        <v>0</v>
      </c>
      <c r="AL44006">
        <v>0</v>
      </c>
      <c r="AM44006">
        <v>0</v>
      </c>
      <c r="AN44006">
        <v>0</v>
      </c>
      <c r="AO44006">
        <v>0</v>
      </c>
      <c r="AP44006">
        <v>0</v>
      </c>
      <c r="AQ44006">
        <v>0</v>
      </c>
    </row>
    <row r="44007" spans="1:43">
      <c r="A44007" t="s">
        <v>26825</v>
      </c>
      <c r="B44007" t="s">
        <v>26826</v>
      </c>
      <c r="C44007" t="s">
        <v>24791</v>
      </c>
      <c r="D44007" t="s">
        <v>24792</v>
      </c>
      <c r="E44007" t="s">
        <v>8938</v>
      </c>
      <c r="F44007" t="s">
        <v>8939</v>
      </c>
      <c r="G44007" t="s">
        <v>80</v>
      </c>
      <c r="H44007" t="s">
        <v>81</v>
      </c>
      <c r="I44007" s="2">
        <v>0</v>
      </c>
      <c r="J44007" s="2">
        <v>1</v>
      </c>
      <c r="K44007" s="2">
        <v>0</v>
      </c>
      <c r="L44007" t="s">
        <v>82</v>
      </c>
      <c r="M44007" t="s">
        <v>87</v>
      </c>
      <c r="N44007" t="s">
        <v>88</v>
      </c>
      <c r="O44007" t="s">
        <v>85</v>
      </c>
      <c r="P44007" t="s">
        <v>86</v>
      </c>
      <c r="Q44007">
        <v>0</v>
      </c>
      <c r="R44007">
        <v>0</v>
      </c>
      <c r="S44007">
        <v>0</v>
      </c>
      <c r="T44007">
        <v>0</v>
      </c>
      <c r="U44007">
        <v>0</v>
      </c>
      <c r="V44007">
        <v>0</v>
      </c>
      <c r="W44007">
        <v>0</v>
      </c>
      <c r="X44007">
        <v>0</v>
      </c>
      <c r="Y44007">
        <v>0</v>
      </c>
      <c r="Z44007">
        <v>0</v>
      </c>
      <c r="AA44007">
        <v>0</v>
      </c>
      <c r="AB44007">
        <v>0</v>
      </c>
      <c r="AC44007">
        <v>0</v>
      </c>
      <c r="AD44007">
        <v>0</v>
      </c>
      <c r="AE44007">
        <v>0</v>
      </c>
      <c r="AF44007">
        <v>0</v>
      </c>
      <c r="AG44007">
        <v>0</v>
      </c>
      <c r="AH44007">
        <v>0</v>
      </c>
      <c r="AI44007">
        <v>0</v>
      </c>
      <c r="AJ44007">
        <v>0</v>
      </c>
      <c r="AK44007">
        <v>0</v>
      </c>
      <c r="AL44007">
        <v>0</v>
      </c>
      <c r="AM44007">
        <v>0</v>
      </c>
      <c r="AN44007">
        <v>0</v>
      </c>
      <c r="AO44007">
        <v>0</v>
      </c>
      <c r="AP44007">
        <v>0</v>
      </c>
      <c r="AQ44007">
        <v>0</v>
      </c>
    </row>
    <row r="44008" spans="1:43">
      <c r="A44008" t="s">
        <v>26825</v>
      </c>
      <c r="B44008" t="s">
        <v>26826</v>
      </c>
      <c r="C44008" t="s">
        <v>24791</v>
      </c>
      <c r="D44008" t="s">
        <v>24792</v>
      </c>
      <c r="E44008" t="s">
        <v>8938</v>
      </c>
      <c r="F44008" t="s">
        <v>8939</v>
      </c>
      <c r="G44008" t="s">
        <v>80</v>
      </c>
      <c r="H44008" t="s">
        <v>81</v>
      </c>
      <c r="I44008" s="2">
        <v>0</v>
      </c>
      <c r="J44008" s="2">
        <v>1</v>
      </c>
      <c r="K44008" s="2">
        <v>0</v>
      </c>
      <c r="L44008" t="s">
        <v>82</v>
      </c>
      <c r="M44008" t="s">
        <v>89</v>
      </c>
      <c r="N44008" t="s">
        <v>90</v>
      </c>
      <c r="O44008" t="s">
        <v>85</v>
      </c>
      <c r="P44008" t="s">
        <v>86</v>
      </c>
      <c r="Q44008">
        <v>0</v>
      </c>
      <c r="R44008">
        <v>0</v>
      </c>
      <c r="S44008">
        <v>0</v>
      </c>
      <c r="T44008">
        <v>0</v>
      </c>
      <c r="U44008">
        <v>0</v>
      </c>
      <c r="V44008">
        <v>0</v>
      </c>
      <c r="W44008">
        <v>0</v>
      </c>
      <c r="X44008">
        <v>0</v>
      </c>
      <c r="Y44008">
        <v>0</v>
      </c>
      <c r="Z44008">
        <v>0</v>
      </c>
      <c r="AA44008">
        <v>0</v>
      </c>
      <c r="AB44008">
        <v>0</v>
      </c>
      <c r="AC44008">
        <v>0</v>
      </c>
      <c r="AD44008">
        <v>0</v>
      </c>
      <c r="AE44008">
        <v>0</v>
      </c>
      <c r="AF44008">
        <v>0</v>
      </c>
      <c r="AG44008">
        <v>0</v>
      </c>
      <c r="AH44008">
        <v>0</v>
      </c>
      <c r="AI44008">
        <v>0</v>
      </c>
      <c r="AJ44008">
        <v>0</v>
      </c>
      <c r="AK44008">
        <v>0</v>
      </c>
      <c r="AL44008">
        <v>0</v>
      </c>
      <c r="AM44008">
        <v>0</v>
      </c>
      <c r="AN44008">
        <v>0</v>
      </c>
      <c r="AO44008">
        <v>0</v>
      </c>
      <c r="AP44008">
        <v>0</v>
      </c>
      <c r="AQ44008">
        <v>0</v>
      </c>
    </row>
    <row r="44009" spans="1:43">
      <c r="A44009" t="s">
        <v>26825</v>
      </c>
      <c r="B44009" t="s">
        <v>26826</v>
      </c>
      <c r="C44009" t="s">
        <v>24791</v>
      </c>
      <c r="D44009" t="s">
        <v>24792</v>
      </c>
      <c r="E44009" t="s">
        <v>8938</v>
      </c>
      <c r="F44009" t="s">
        <v>8939</v>
      </c>
      <c r="G44009" t="s">
        <v>80</v>
      </c>
      <c r="H44009" t="s">
        <v>81</v>
      </c>
      <c r="I44009" s="2">
        <v>0</v>
      </c>
      <c r="J44009" s="2">
        <v>1</v>
      </c>
      <c r="K44009" s="2">
        <v>0</v>
      </c>
      <c r="L44009" t="s">
        <v>82</v>
      </c>
      <c r="M44009" t="s">
        <v>83</v>
      </c>
      <c r="N44009" t="s">
        <v>91</v>
      </c>
      <c r="O44009" t="s">
        <v>85</v>
      </c>
      <c r="P44009" t="s">
        <v>86</v>
      </c>
      <c r="Q44009">
        <v>0</v>
      </c>
      <c r="R44009">
        <v>0</v>
      </c>
      <c r="S44009">
        <v>0</v>
      </c>
      <c r="T44009">
        <v>0</v>
      </c>
      <c r="U44009">
        <v>0</v>
      </c>
      <c r="V44009">
        <v>0</v>
      </c>
      <c r="W44009">
        <v>0</v>
      </c>
      <c r="X44009">
        <v>0</v>
      </c>
      <c r="Y44009">
        <v>0</v>
      </c>
      <c r="Z44009">
        <v>0</v>
      </c>
      <c r="AA44009">
        <v>0</v>
      </c>
      <c r="AB44009">
        <v>0</v>
      </c>
      <c r="AC44009">
        <v>0</v>
      </c>
      <c r="AD44009">
        <v>0</v>
      </c>
      <c r="AE44009">
        <v>0</v>
      </c>
      <c r="AF44009">
        <v>0</v>
      </c>
      <c r="AG44009">
        <v>0</v>
      </c>
      <c r="AH44009">
        <v>0</v>
      </c>
      <c r="AI44009">
        <v>0</v>
      </c>
      <c r="AJ44009">
        <v>0</v>
      </c>
      <c r="AK44009">
        <v>0</v>
      </c>
      <c r="AL44009">
        <v>0</v>
      </c>
      <c r="AM44009">
        <v>0</v>
      </c>
      <c r="AN44009">
        <v>0</v>
      </c>
      <c r="AO44009">
        <v>0</v>
      </c>
      <c r="AP44009">
        <v>0</v>
      </c>
      <c r="AQ44009">
        <v>0</v>
      </c>
    </row>
    <row r="44010" spans="1:43">
      <c r="A44010" t="s">
        <v>26827</v>
      </c>
      <c r="B44010" t="s">
        <v>26828</v>
      </c>
      <c r="C44010" t="s">
        <v>24791</v>
      </c>
      <c r="D44010" t="s">
        <v>24792</v>
      </c>
      <c r="E44010" t="s">
        <v>8938</v>
      </c>
      <c r="F44010" t="s">
        <v>8939</v>
      </c>
      <c r="G44010" t="s">
        <v>80</v>
      </c>
      <c r="H44010" t="s">
        <v>81</v>
      </c>
      <c r="I44010" s="2">
        <v>0</v>
      </c>
      <c r="J44010" s="2">
        <v>1</v>
      </c>
      <c r="K44010" s="2">
        <v>0</v>
      </c>
      <c r="L44010" t="s">
        <v>82</v>
      </c>
      <c r="M44010" t="s">
        <v>83</v>
      </c>
      <c r="N44010" t="s">
        <v>84</v>
      </c>
      <c r="O44010" t="s">
        <v>85</v>
      </c>
      <c r="P44010" t="s">
        <v>86</v>
      </c>
      <c r="Q44010">
        <v>25</v>
      </c>
      <c r="R44010">
        <v>25</v>
      </c>
      <c r="S44010">
        <v>26</v>
      </c>
      <c r="T44010">
        <v>26</v>
      </c>
      <c r="U44010">
        <v>27</v>
      </c>
      <c r="V44010">
        <v>28</v>
      </c>
      <c r="W44010">
        <v>28</v>
      </c>
      <c r="X44010">
        <v>29</v>
      </c>
      <c r="Y44010">
        <v>30</v>
      </c>
      <c r="Z44010">
        <v>31</v>
      </c>
      <c r="AA44010">
        <v>31</v>
      </c>
      <c r="AB44010">
        <v>32</v>
      </c>
      <c r="AC44010">
        <v>33</v>
      </c>
      <c r="AD44010">
        <v>33</v>
      </c>
      <c r="AE44010">
        <v>34</v>
      </c>
      <c r="AF44010">
        <v>35</v>
      </c>
      <c r="AG44010">
        <v>36</v>
      </c>
      <c r="AH44010">
        <v>36</v>
      </c>
      <c r="AI44010">
        <v>37</v>
      </c>
      <c r="AJ44010">
        <v>38</v>
      </c>
      <c r="AK44010">
        <v>39</v>
      </c>
      <c r="AL44010">
        <v>39</v>
      </c>
      <c r="AM44010">
        <v>40</v>
      </c>
      <c r="AN44010">
        <v>40</v>
      </c>
      <c r="AO44010">
        <v>40</v>
      </c>
      <c r="AP44010">
        <v>41</v>
      </c>
      <c r="AQ44010">
        <v>41</v>
      </c>
    </row>
    <row r="44011" spans="1:43">
      <c r="A44011" t="s">
        <v>26827</v>
      </c>
      <c r="B44011" t="s">
        <v>26828</v>
      </c>
      <c r="C44011" t="s">
        <v>24791</v>
      </c>
      <c r="D44011" t="s">
        <v>24792</v>
      </c>
      <c r="E44011" t="s">
        <v>8938</v>
      </c>
      <c r="F44011" t="s">
        <v>8939</v>
      </c>
      <c r="G44011" t="s">
        <v>80</v>
      </c>
      <c r="H44011" t="s">
        <v>81</v>
      </c>
      <c r="I44011" s="2">
        <v>0</v>
      </c>
      <c r="J44011" s="2">
        <v>1</v>
      </c>
      <c r="K44011" s="2">
        <v>0</v>
      </c>
      <c r="L44011" t="s">
        <v>82</v>
      </c>
      <c r="M44011" t="s">
        <v>87</v>
      </c>
      <c r="N44011" t="s">
        <v>88</v>
      </c>
      <c r="O44011" t="s">
        <v>85</v>
      </c>
      <c r="P44011" t="s">
        <v>86</v>
      </c>
      <c r="Q44011">
        <v>25</v>
      </c>
      <c r="R44011">
        <v>26</v>
      </c>
      <c r="S44011">
        <v>26</v>
      </c>
      <c r="T44011">
        <v>27</v>
      </c>
      <c r="U44011">
        <v>27</v>
      </c>
      <c r="V44011">
        <v>27</v>
      </c>
      <c r="W44011">
        <v>28</v>
      </c>
      <c r="X44011">
        <v>28</v>
      </c>
      <c r="Y44011">
        <v>29</v>
      </c>
      <c r="Z44011">
        <v>29</v>
      </c>
      <c r="AA44011">
        <v>29</v>
      </c>
      <c r="AB44011">
        <v>30</v>
      </c>
      <c r="AC44011">
        <v>30</v>
      </c>
      <c r="AD44011">
        <v>31</v>
      </c>
      <c r="AE44011">
        <v>31</v>
      </c>
      <c r="AF44011">
        <v>32</v>
      </c>
      <c r="AG44011">
        <v>32</v>
      </c>
      <c r="AH44011">
        <v>32</v>
      </c>
      <c r="AI44011">
        <v>33</v>
      </c>
      <c r="AJ44011">
        <v>33</v>
      </c>
      <c r="AK44011">
        <v>34</v>
      </c>
      <c r="AL44011">
        <v>34</v>
      </c>
      <c r="AM44011">
        <v>35</v>
      </c>
      <c r="AN44011">
        <v>35</v>
      </c>
      <c r="AO44011">
        <v>36</v>
      </c>
      <c r="AP44011">
        <v>36</v>
      </c>
      <c r="AQ44011">
        <v>37</v>
      </c>
    </row>
    <row r="44012" spans="1:43">
      <c r="A44012" t="s">
        <v>26827</v>
      </c>
      <c r="B44012" t="s">
        <v>26828</v>
      </c>
      <c r="C44012" t="s">
        <v>24791</v>
      </c>
      <c r="D44012" t="s">
        <v>24792</v>
      </c>
      <c r="E44012" t="s">
        <v>8938</v>
      </c>
      <c r="F44012" t="s">
        <v>8939</v>
      </c>
      <c r="G44012" t="s">
        <v>80</v>
      </c>
      <c r="H44012" t="s">
        <v>81</v>
      </c>
      <c r="I44012" s="2">
        <v>0</v>
      </c>
      <c r="J44012" s="2">
        <v>1</v>
      </c>
      <c r="K44012" s="2">
        <v>0</v>
      </c>
      <c r="L44012" t="s">
        <v>82</v>
      </c>
      <c r="M44012" t="s">
        <v>89</v>
      </c>
      <c r="N44012" t="s">
        <v>90</v>
      </c>
      <c r="O44012" t="s">
        <v>85</v>
      </c>
      <c r="P44012" t="s">
        <v>86</v>
      </c>
      <c r="Q44012">
        <v>25</v>
      </c>
      <c r="R44012">
        <v>26</v>
      </c>
      <c r="S44012">
        <v>27</v>
      </c>
      <c r="T44012">
        <v>27</v>
      </c>
      <c r="U44012">
        <v>28</v>
      </c>
      <c r="V44012">
        <v>29</v>
      </c>
      <c r="W44012">
        <v>30</v>
      </c>
      <c r="X44012">
        <v>31</v>
      </c>
      <c r="Y44012">
        <v>32</v>
      </c>
      <c r="Z44012">
        <v>32</v>
      </c>
      <c r="AA44012">
        <v>33</v>
      </c>
      <c r="AB44012">
        <v>34</v>
      </c>
      <c r="AC44012">
        <v>35</v>
      </c>
      <c r="AD44012">
        <v>36</v>
      </c>
      <c r="AE44012">
        <v>37</v>
      </c>
      <c r="AF44012">
        <v>37</v>
      </c>
      <c r="AG44012">
        <v>37</v>
      </c>
      <c r="AH44012">
        <v>38</v>
      </c>
      <c r="AI44012">
        <v>38</v>
      </c>
      <c r="AJ44012">
        <v>39</v>
      </c>
      <c r="AK44012">
        <v>39</v>
      </c>
      <c r="AL44012">
        <v>39</v>
      </c>
      <c r="AM44012">
        <v>40</v>
      </c>
      <c r="AN44012">
        <v>40</v>
      </c>
      <c r="AO44012">
        <v>40</v>
      </c>
      <c r="AP44012">
        <v>41</v>
      </c>
      <c r="AQ44012">
        <v>41</v>
      </c>
    </row>
    <row r="44013" spans="1:43">
      <c r="A44013" t="s">
        <v>26827</v>
      </c>
      <c r="B44013" t="s">
        <v>26828</v>
      </c>
      <c r="C44013" t="s">
        <v>24791</v>
      </c>
      <c r="D44013" t="s">
        <v>24792</v>
      </c>
      <c r="E44013" t="s">
        <v>8938</v>
      </c>
      <c r="F44013" t="s">
        <v>8939</v>
      </c>
      <c r="G44013" t="s">
        <v>80</v>
      </c>
      <c r="H44013" t="s">
        <v>81</v>
      </c>
      <c r="I44013" s="2">
        <v>0</v>
      </c>
      <c r="J44013" s="2">
        <v>1</v>
      </c>
      <c r="K44013" s="2">
        <v>0</v>
      </c>
      <c r="L44013" t="s">
        <v>82</v>
      </c>
      <c r="M44013" t="s">
        <v>83</v>
      </c>
      <c r="N44013" t="s">
        <v>91</v>
      </c>
      <c r="O44013" t="s">
        <v>85</v>
      </c>
      <c r="P44013" t="s">
        <v>86</v>
      </c>
      <c r="Q44013">
        <v>25</v>
      </c>
      <c r="R44013">
        <v>25</v>
      </c>
      <c r="S44013">
        <v>26</v>
      </c>
      <c r="T44013">
        <v>26</v>
      </c>
      <c r="U44013">
        <v>27</v>
      </c>
      <c r="V44013">
        <v>28</v>
      </c>
      <c r="W44013">
        <v>28</v>
      </c>
      <c r="X44013">
        <v>29</v>
      </c>
      <c r="Y44013">
        <v>30</v>
      </c>
      <c r="Z44013">
        <v>31</v>
      </c>
      <c r="AA44013">
        <v>31</v>
      </c>
      <c r="AB44013">
        <v>32</v>
      </c>
      <c r="AC44013">
        <v>33</v>
      </c>
      <c r="AD44013">
        <v>33</v>
      </c>
      <c r="AE44013">
        <v>34</v>
      </c>
      <c r="AF44013">
        <v>35</v>
      </c>
      <c r="AG44013">
        <v>36</v>
      </c>
      <c r="AH44013">
        <v>36</v>
      </c>
      <c r="AI44013">
        <v>37</v>
      </c>
      <c r="AJ44013">
        <v>38</v>
      </c>
      <c r="AK44013">
        <v>39</v>
      </c>
      <c r="AL44013">
        <v>39</v>
      </c>
      <c r="AM44013">
        <v>40</v>
      </c>
      <c r="AN44013">
        <v>40</v>
      </c>
      <c r="AO44013">
        <v>40</v>
      </c>
      <c r="AP44013">
        <v>41</v>
      </c>
      <c r="AQ44013">
        <v>41</v>
      </c>
    </row>
    <row r="44014" spans="1:43">
      <c r="A44014" t="s">
        <v>26829</v>
      </c>
      <c r="B44014" t="s">
        <v>26830</v>
      </c>
      <c r="C44014" t="s">
        <v>8988</v>
      </c>
      <c r="D44014" t="s">
        <v>8989</v>
      </c>
      <c r="E44014" t="s">
        <v>8938</v>
      </c>
      <c r="F44014" t="s">
        <v>8939</v>
      </c>
      <c r="G44014" t="s">
        <v>80</v>
      </c>
      <c r="H44014" t="s">
        <v>81</v>
      </c>
      <c r="I44014" s="2">
        <v>0</v>
      </c>
      <c r="J44014" s="2">
        <v>1</v>
      </c>
      <c r="K44014" s="2">
        <v>0</v>
      </c>
      <c r="L44014" t="s">
        <v>82</v>
      </c>
      <c r="M44014" t="s">
        <v>83</v>
      </c>
      <c r="N44014" t="s">
        <v>84</v>
      </c>
      <c r="O44014" t="s">
        <v>85</v>
      </c>
      <c r="P44014" t="s">
        <v>86</v>
      </c>
      <c r="Q44014">
        <v>2</v>
      </c>
      <c r="R44014">
        <v>2</v>
      </c>
      <c r="S44014">
        <v>2</v>
      </c>
      <c r="T44014">
        <v>2</v>
      </c>
      <c r="U44014">
        <v>2</v>
      </c>
      <c r="V44014">
        <v>3</v>
      </c>
      <c r="W44014">
        <v>3</v>
      </c>
      <c r="X44014">
        <v>3</v>
      </c>
      <c r="Y44014">
        <v>3</v>
      </c>
      <c r="Z44014">
        <v>3</v>
      </c>
      <c r="AA44014">
        <v>3</v>
      </c>
      <c r="AB44014">
        <v>3</v>
      </c>
      <c r="AC44014">
        <v>3</v>
      </c>
      <c r="AD44014">
        <v>3</v>
      </c>
      <c r="AE44014">
        <v>3</v>
      </c>
      <c r="AF44014">
        <v>3</v>
      </c>
      <c r="AG44014">
        <v>3</v>
      </c>
      <c r="AH44014">
        <v>3</v>
      </c>
      <c r="AI44014">
        <v>3</v>
      </c>
      <c r="AJ44014">
        <v>3</v>
      </c>
      <c r="AK44014">
        <v>4</v>
      </c>
      <c r="AL44014">
        <v>4</v>
      </c>
      <c r="AM44014">
        <v>4</v>
      </c>
      <c r="AN44014">
        <v>4</v>
      </c>
      <c r="AO44014">
        <v>4</v>
      </c>
      <c r="AP44014">
        <v>4</v>
      </c>
      <c r="AQ44014">
        <v>4</v>
      </c>
    </row>
    <row r="44015" spans="1:43">
      <c r="A44015" t="s">
        <v>26829</v>
      </c>
      <c r="B44015" t="s">
        <v>26830</v>
      </c>
      <c r="C44015" t="s">
        <v>8988</v>
      </c>
      <c r="D44015" t="s">
        <v>8989</v>
      </c>
      <c r="E44015" t="s">
        <v>8938</v>
      </c>
      <c r="F44015" t="s">
        <v>8939</v>
      </c>
      <c r="G44015" t="s">
        <v>80</v>
      </c>
      <c r="H44015" t="s">
        <v>81</v>
      </c>
      <c r="I44015" s="2">
        <v>0</v>
      </c>
      <c r="J44015" s="2">
        <v>1</v>
      </c>
      <c r="K44015" s="2">
        <v>0</v>
      </c>
      <c r="L44015" t="s">
        <v>82</v>
      </c>
      <c r="M44015" t="s">
        <v>87</v>
      </c>
      <c r="N44015" t="s">
        <v>88</v>
      </c>
      <c r="O44015" t="s">
        <v>85</v>
      </c>
      <c r="P44015" t="s">
        <v>86</v>
      </c>
      <c r="Q44015">
        <v>2</v>
      </c>
      <c r="R44015">
        <v>2</v>
      </c>
      <c r="S44015">
        <v>2</v>
      </c>
      <c r="T44015">
        <v>2</v>
      </c>
      <c r="U44015">
        <v>2</v>
      </c>
      <c r="V44015">
        <v>2</v>
      </c>
      <c r="W44015">
        <v>2</v>
      </c>
      <c r="X44015">
        <v>2</v>
      </c>
      <c r="Y44015">
        <v>3</v>
      </c>
      <c r="Z44015">
        <v>3</v>
      </c>
      <c r="AA44015">
        <v>3</v>
      </c>
      <c r="AB44015">
        <v>3</v>
      </c>
      <c r="AC44015">
        <v>3</v>
      </c>
      <c r="AD44015">
        <v>3</v>
      </c>
      <c r="AE44015">
        <v>3</v>
      </c>
      <c r="AF44015">
        <v>3</v>
      </c>
      <c r="AG44015">
        <v>3</v>
      </c>
      <c r="AH44015">
        <v>3</v>
      </c>
      <c r="AI44015">
        <v>3</v>
      </c>
      <c r="AJ44015">
        <v>3</v>
      </c>
      <c r="AK44015">
        <v>3</v>
      </c>
      <c r="AL44015">
        <v>3</v>
      </c>
      <c r="AM44015">
        <v>3</v>
      </c>
      <c r="AN44015">
        <v>3</v>
      </c>
      <c r="AO44015">
        <v>3</v>
      </c>
      <c r="AP44015">
        <v>3</v>
      </c>
      <c r="AQ44015">
        <v>3</v>
      </c>
    </row>
    <row r="44016" spans="1:43">
      <c r="A44016" t="s">
        <v>26829</v>
      </c>
      <c r="B44016" t="s">
        <v>26830</v>
      </c>
      <c r="C44016" t="s">
        <v>8988</v>
      </c>
      <c r="D44016" t="s">
        <v>8989</v>
      </c>
      <c r="E44016" t="s">
        <v>8938</v>
      </c>
      <c r="F44016" t="s">
        <v>8939</v>
      </c>
      <c r="G44016" t="s">
        <v>80</v>
      </c>
      <c r="H44016" t="s">
        <v>81</v>
      </c>
      <c r="I44016" s="2">
        <v>0</v>
      </c>
      <c r="J44016" s="2">
        <v>1</v>
      </c>
      <c r="K44016" s="2">
        <v>0</v>
      </c>
      <c r="L44016" t="s">
        <v>82</v>
      </c>
      <c r="M44016" t="s">
        <v>89</v>
      </c>
      <c r="N44016" t="s">
        <v>90</v>
      </c>
      <c r="O44016" t="s">
        <v>85</v>
      </c>
      <c r="P44016" t="s">
        <v>86</v>
      </c>
      <c r="Q44016">
        <v>2</v>
      </c>
      <c r="R44016">
        <v>2</v>
      </c>
      <c r="S44016">
        <v>2</v>
      </c>
      <c r="T44016">
        <v>2</v>
      </c>
      <c r="U44016">
        <v>3</v>
      </c>
      <c r="V44016">
        <v>3</v>
      </c>
      <c r="W44016">
        <v>3</v>
      </c>
      <c r="X44016">
        <v>3</v>
      </c>
      <c r="Y44016">
        <v>3</v>
      </c>
      <c r="Z44016">
        <v>3</v>
      </c>
      <c r="AA44016">
        <v>3</v>
      </c>
      <c r="AB44016">
        <v>3</v>
      </c>
      <c r="AC44016">
        <v>3</v>
      </c>
      <c r="AD44016">
        <v>3</v>
      </c>
      <c r="AE44016">
        <v>3</v>
      </c>
      <c r="AF44016">
        <v>3</v>
      </c>
      <c r="AG44016">
        <v>3</v>
      </c>
      <c r="AH44016">
        <v>3</v>
      </c>
      <c r="AI44016">
        <v>3</v>
      </c>
      <c r="AJ44016">
        <v>4</v>
      </c>
      <c r="AK44016">
        <v>4</v>
      </c>
      <c r="AL44016">
        <v>4</v>
      </c>
      <c r="AM44016">
        <v>4</v>
      </c>
      <c r="AN44016">
        <v>4</v>
      </c>
      <c r="AO44016">
        <v>4</v>
      </c>
      <c r="AP44016">
        <v>4</v>
      </c>
      <c r="AQ44016">
        <v>4</v>
      </c>
    </row>
    <row r="44017" spans="1:43">
      <c r="A44017" t="s">
        <v>26829</v>
      </c>
      <c r="B44017" t="s">
        <v>26830</v>
      </c>
      <c r="C44017" t="s">
        <v>8988</v>
      </c>
      <c r="D44017" t="s">
        <v>8989</v>
      </c>
      <c r="E44017" t="s">
        <v>8938</v>
      </c>
      <c r="F44017" t="s">
        <v>8939</v>
      </c>
      <c r="G44017" t="s">
        <v>80</v>
      </c>
      <c r="H44017" t="s">
        <v>81</v>
      </c>
      <c r="I44017" s="2">
        <v>0</v>
      </c>
      <c r="J44017" s="2">
        <v>1</v>
      </c>
      <c r="K44017" s="2">
        <v>0</v>
      </c>
      <c r="L44017" t="s">
        <v>82</v>
      </c>
      <c r="M44017" t="s">
        <v>83</v>
      </c>
      <c r="N44017" t="s">
        <v>91</v>
      </c>
      <c r="O44017" t="s">
        <v>85</v>
      </c>
      <c r="P44017" t="s">
        <v>86</v>
      </c>
      <c r="Q44017">
        <v>2</v>
      </c>
      <c r="R44017">
        <v>2</v>
      </c>
      <c r="S44017">
        <v>2</v>
      </c>
      <c r="T44017">
        <v>2</v>
      </c>
      <c r="U44017">
        <v>2</v>
      </c>
      <c r="V44017">
        <v>3</v>
      </c>
      <c r="W44017">
        <v>3</v>
      </c>
      <c r="X44017">
        <v>3</v>
      </c>
      <c r="Y44017">
        <v>3</v>
      </c>
      <c r="Z44017">
        <v>3</v>
      </c>
      <c r="AA44017">
        <v>3</v>
      </c>
      <c r="AB44017">
        <v>3</v>
      </c>
      <c r="AC44017">
        <v>3</v>
      </c>
      <c r="AD44017">
        <v>3</v>
      </c>
      <c r="AE44017">
        <v>3</v>
      </c>
      <c r="AF44017">
        <v>3</v>
      </c>
      <c r="AG44017">
        <v>3</v>
      </c>
      <c r="AH44017">
        <v>3</v>
      </c>
      <c r="AI44017">
        <v>3</v>
      </c>
      <c r="AJ44017">
        <v>3</v>
      </c>
      <c r="AK44017">
        <v>4</v>
      </c>
      <c r="AL44017">
        <v>4</v>
      </c>
      <c r="AM44017">
        <v>4</v>
      </c>
      <c r="AN44017">
        <v>4</v>
      </c>
      <c r="AO44017">
        <v>4</v>
      </c>
      <c r="AP44017">
        <v>4</v>
      </c>
      <c r="AQ44017">
        <v>4</v>
      </c>
    </row>
    <row r="44018" spans="1:43">
      <c r="A44018" t="s">
        <v>26831</v>
      </c>
      <c r="B44018" t="s">
        <v>26832</v>
      </c>
      <c r="C44018" t="s">
        <v>8988</v>
      </c>
      <c r="D44018" t="s">
        <v>8989</v>
      </c>
      <c r="E44018" t="s">
        <v>8938</v>
      </c>
      <c r="F44018" t="s">
        <v>8939</v>
      </c>
      <c r="G44018" t="s">
        <v>80</v>
      </c>
      <c r="H44018" t="s">
        <v>81</v>
      </c>
      <c r="I44018" s="2">
        <v>0</v>
      </c>
      <c r="J44018" s="2">
        <v>1</v>
      </c>
      <c r="K44018" s="2">
        <v>0</v>
      </c>
      <c r="L44018" t="s">
        <v>82</v>
      </c>
      <c r="M44018" t="s">
        <v>83</v>
      </c>
      <c r="N44018" t="s">
        <v>84</v>
      </c>
      <c r="O44018" t="s">
        <v>85</v>
      </c>
      <c r="P44018" t="s">
        <v>86</v>
      </c>
      <c r="Q44018">
        <v>7</v>
      </c>
      <c r="R44018">
        <v>7</v>
      </c>
      <c r="S44018">
        <v>7</v>
      </c>
      <c r="T44018">
        <v>7</v>
      </c>
      <c r="U44018">
        <v>7</v>
      </c>
      <c r="V44018">
        <v>8</v>
      </c>
      <c r="W44018">
        <v>8</v>
      </c>
      <c r="X44018">
        <v>8</v>
      </c>
      <c r="Y44018">
        <v>8</v>
      </c>
      <c r="Z44018">
        <v>8</v>
      </c>
      <c r="AA44018">
        <v>9</v>
      </c>
      <c r="AB44018">
        <v>9</v>
      </c>
      <c r="AC44018">
        <v>9</v>
      </c>
      <c r="AD44018">
        <v>9</v>
      </c>
      <c r="AE44018">
        <v>9</v>
      </c>
      <c r="AF44018">
        <v>10</v>
      </c>
      <c r="AG44018">
        <v>10</v>
      </c>
      <c r="AH44018">
        <v>10</v>
      </c>
      <c r="AI44018">
        <v>10</v>
      </c>
      <c r="AJ44018">
        <v>10</v>
      </c>
      <c r="AK44018">
        <v>11</v>
      </c>
      <c r="AL44018">
        <v>11</v>
      </c>
      <c r="AM44018">
        <v>11</v>
      </c>
      <c r="AN44018">
        <v>11</v>
      </c>
      <c r="AO44018">
        <v>11</v>
      </c>
      <c r="AP44018">
        <v>11</v>
      </c>
      <c r="AQ44018">
        <v>11</v>
      </c>
    </row>
    <row r="44019" spans="1:43">
      <c r="A44019" t="s">
        <v>26831</v>
      </c>
      <c r="B44019" t="s">
        <v>26832</v>
      </c>
      <c r="C44019" t="s">
        <v>8988</v>
      </c>
      <c r="D44019" t="s">
        <v>8989</v>
      </c>
      <c r="E44019" t="s">
        <v>8938</v>
      </c>
      <c r="F44019" t="s">
        <v>8939</v>
      </c>
      <c r="G44019" t="s">
        <v>80</v>
      </c>
      <c r="H44019" t="s">
        <v>81</v>
      </c>
      <c r="I44019" s="2">
        <v>0</v>
      </c>
      <c r="J44019" s="2">
        <v>1</v>
      </c>
      <c r="K44019" s="2">
        <v>0</v>
      </c>
      <c r="L44019" t="s">
        <v>82</v>
      </c>
      <c r="M44019" t="s">
        <v>87</v>
      </c>
      <c r="N44019" t="s">
        <v>88</v>
      </c>
      <c r="O44019" t="s">
        <v>85</v>
      </c>
      <c r="P44019" t="s">
        <v>86</v>
      </c>
      <c r="Q44019">
        <v>7</v>
      </c>
      <c r="R44019">
        <v>7</v>
      </c>
      <c r="S44019">
        <v>7</v>
      </c>
      <c r="T44019">
        <v>7</v>
      </c>
      <c r="U44019">
        <v>7</v>
      </c>
      <c r="V44019">
        <v>7</v>
      </c>
      <c r="W44019">
        <v>7</v>
      </c>
      <c r="X44019">
        <v>7</v>
      </c>
      <c r="Y44019">
        <v>8</v>
      </c>
      <c r="Z44019">
        <v>8</v>
      </c>
      <c r="AA44019">
        <v>8</v>
      </c>
      <c r="AB44019">
        <v>8</v>
      </c>
      <c r="AC44019">
        <v>8</v>
      </c>
      <c r="AD44019">
        <v>8</v>
      </c>
      <c r="AE44019">
        <v>8</v>
      </c>
      <c r="AF44019">
        <v>8</v>
      </c>
      <c r="AG44019">
        <v>9</v>
      </c>
      <c r="AH44019">
        <v>9</v>
      </c>
      <c r="AI44019">
        <v>9</v>
      </c>
      <c r="AJ44019">
        <v>9</v>
      </c>
      <c r="AK44019">
        <v>9</v>
      </c>
      <c r="AL44019">
        <v>9</v>
      </c>
      <c r="AM44019">
        <v>9</v>
      </c>
      <c r="AN44019">
        <v>9</v>
      </c>
      <c r="AO44019">
        <v>10</v>
      </c>
      <c r="AP44019">
        <v>10</v>
      </c>
      <c r="AQ44019">
        <v>10</v>
      </c>
    </row>
    <row r="44020" spans="1:43">
      <c r="A44020" t="s">
        <v>26831</v>
      </c>
      <c r="B44020" t="s">
        <v>26832</v>
      </c>
      <c r="C44020" t="s">
        <v>8988</v>
      </c>
      <c r="D44020" t="s">
        <v>8989</v>
      </c>
      <c r="E44020" t="s">
        <v>8938</v>
      </c>
      <c r="F44020" t="s">
        <v>8939</v>
      </c>
      <c r="G44020" t="s">
        <v>80</v>
      </c>
      <c r="H44020" t="s">
        <v>81</v>
      </c>
      <c r="I44020" s="2">
        <v>0</v>
      </c>
      <c r="J44020" s="2">
        <v>1</v>
      </c>
      <c r="K44020" s="2">
        <v>0</v>
      </c>
      <c r="L44020" t="s">
        <v>82</v>
      </c>
      <c r="M44020" t="s">
        <v>89</v>
      </c>
      <c r="N44020" t="s">
        <v>90</v>
      </c>
      <c r="O44020" t="s">
        <v>85</v>
      </c>
      <c r="P44020" t="s">
        <v>86</v>
      </c>
      <c r="Q44020">
        <v>7</v>
      </c>
      <c r="R44020">
        <v>7</v>
      </c>
      <c r="S44020">
        <v>7</v>
      </c>
      <c r="T44020">
        <v>7</v>
      </c>
      <c r="U44020">
        <v>8</v>
      </c>
      <c r="V44020">
        <v>8</v>
      </c>
      <c r="W44020">
        <v>8</v>
      </c>
      <c r="X44020">
        <v>8</v>
      </c>
      <c r="Y44020">
        <v>9</v>
      </c>
      <c r="Z44020">
        <v>9</v>
      </c>
      <c r="AA44020">
        <v>9</v>
      </c>
      <c r="AB44020">
        <v>9</v>
      </c>
      <c r="AC44020">
        <v>10</v>
      </c>
      <c r="AD44020">
        <v>10</v>
      </c>
      <c r="AE44020">
        <v>10</v>
      </c>
      <c r="AF44020">
        <v>10</v>
      </c>
      <c r="AG44020">
        <v>10</v>
      </c>
      <c r="AH44020">
        <v>10</v>
      </c>
      <c r="AI44020">
        <v>10</v>
      </c>
      <c r="AJ44020">
        <v>11</v>
      </c>
      <c r="AK44020">
        <v>11</v>
      </c>
      <c r="AL44020">
        <v>11</v>
      </c>
      <c r="AM44020">
        <v>11</v>
      </c>
      <c r="AN44020">
        <v>11</v>
      </c>
      <c r="AO44020">
        <v>11</v>
      </c>
      <c r="AP44020">
        <v>11</v>
      </c>
      <c r="AQ44020">
        <v>11</v>
      </c>
    </row>
    <row r="44021" spans="1:43">
      <c r="A44021" t="s">
        <v>26831</v>
      </c>
      <c r="B44021" t="s">
        <v>26832</v>
      </c>
      <c r="C44021" t="s">
        <v>8988</v>
      </c>
      <c r="D44021" t="s">
        <v>8989</v>
      </c>
      <c r="E44021" t="s">
        <v>8938</v>
      </c>
      <c r="F44021" t="s">
        <v>8939</v>
      </c>
      <c r="G44021" t="s">
        <v>80</v>
      </c>
      <c r="H44021" t="s">
        <v>81</v>
      </c>
      <c r="I44021" s="2">
        <v>0</v>
      </c>
      <c r="J44021" s="2">
        <v>1</v>
      </c>
      <c r="K44021" s="2">
        <v>0</v>
      </c>
      <c r="L44021" t="s">
        <v>82</v>
      </c>
      <c r="M44021" t="s">
        <v>83</v>
      </c>
      <c r="N44021" t="s">
        <v>91</v>
      </c>
      <c r="O44021" t="s">
        <v>85</v>
      </c>
      <c r="P44021" t="s">
        <v>86</v>
      </c>
      <c r="Q44021">
        <v>7</v>
      </c>
      <c r="R44021">
        <v>7</v>
      </c>
      <c r="S44021">
        <v>7</v>
      </c>
      <c r="T44021">
        <v>7</v>
      </c>
      <c r="U44021">
        <v>7</v>
      </c>
      <c r="V44021">
        <v>8</v>
      </c>
      <c r="W44021">
        <v>8</v>
      </c>
      <c r="X44021">
        <v>8</v>
      </c>
      <c r="Y44021">
        <v>8</v>
      </c>
      <c r="Z44021">
        <v>8</v>
      </c>
      <c r="AA44021">
        <v>9</v>
      </c>
      <c r="AB44021">
        <v>9</v>
      </c>
      <c r="AC44021">
        <v>9</v>
      </c>
      <c r="AD44021">
        <v>9</v>
      </c>
      <c r="AE44021">
        <v>9</v>
      </c>
      <c r="AF44021">
        <v>10</v>
      </c>
      <c r="AG44021">
        <v>10</v>
      </c>
      <c r="AH44021">
        <v>10</v>
      </c>
      <c r="AI44021">
        <v>10</v>
      </c>
      <c r="AJ44021">
        <v>10</v>
      </c>
      <c r="AK44021">
        <v>11</v>
      </c>
      <c r="AL44021">
        <v>11</v>
      </c>
      <c r="AM44021">
        <v>11</v>
      </c>
      <c r="AN44021">
        <v>11</v>
      </c>
      <c r="AO44021">
        <v>11</v>
      </c>
      <c r="AP44021">
        <v>11</v>
      </c>
      <c r="AQ44021">
        <v>11</v>
      </c>
    </row>
    <row r="44022" spans="1:43">
      <c r="A44022" t="s">
        <v>26833</v>
      </c>
      <c r="B44022" t="s">
        <v>26834</v>
      </c>
      <c r="C44022" t="s">
        <v>8988</v>
      </c>
      <c r="D44022" t="s">
        <v>8989</v>
      </c>
      <c r="E44022" t="s">
        <v>8938</v>
      </c>
      <c r="F44022" t="s">
        <v>8939</v>
      </c>
      <c r="G44022" t="s">
        <v>80</v>
      </c>
      <c r="H44022" t="s">
        <v>81</v>
      </c>
      <c r="I44022" s="2">
        <v>0</v>
      </c>
      <c r="J44022" s="2">
        <v>1</v>
      </c>
      <c r="K44022" s="2">
        <v>0</v>
      </c>
      <c r="L44022" t="s">
        <v>82</v>
      </c>
      <c r="M44022" t="s">
        <v>83</v>
      </c>
      <c r="N44022" t="s">
        <v>84</v>
      </c>
      <c r="O44022" t="s">
        <v>85</v>
      </c>
      <c r="P44022" t="s">
        <v>86</v>
      </c>
      <c r="Q44022">
        <v>27</v>
      </c>
      <c r="R44022">
        <v>28</v>
      </c>
      <c r="S44022">
        <v>29</v>
      </c>
      <c r="T44022">
        <v>30</v>
      </c>
      <c r="U44022">
        <v>30</v>
      </c>
      <c r="V44022">
        <v>31</v>
      </c>
      <c r="W44022">
        <v>32</v>
      </c>
      <c r="X44022">
        <v>33</v>
      </c>
      <c r="Y44022">
        <v>33</v>
      </c>
      <c r="Z44022">
        <v>34</v>
      </c>
      <c r="AA44022">
        <v>35</v>
      </c>
      <c r="AB44022">
        <v>36</v>
      </c>
      <c r="AC44022">
        <v>36</v>
      </c>
      <c r="AD44022">
        <v>37</v>
      </c>
      <c r="AE44022">
        <v>38</v>
      </c>
      <c r="AF44022">
        <v>39</v>
      </c>
      <c r="AG44022">
        <v>40</v>
      </c>
      <c r="AH44022">
        <v>41</v>
      </c>
      <c r="AI44022">
        <v>41</v>
      </c>
      <c r="AJ44022">
        <v>42</v>
      </c>
      <c r="AK44022">
        <v>43</v>
      </c>
      <c r="AL44022">
        <v>44</v>
      </c>
      <c r="AM44022">
        <v>44</v>
      </c>
      <c r="AN44022">
        <v>45</v>
      </c>
      <c r="AO44022">
        <v>45</v>
      </c>
      <c r="AP44022">
        <v>45</v>
      </c>
      <c r="AQ44022">
        <v>46</v>
      </c>
    </row>
    <row r="44023" spans="1:43">
      <c r="A44023" t="s">
        <v>26833</v>
      </c>
      <c r="B44023" t="s">
        <v>26834</v>
      </c>
      <c r="C44023" t="s">
        <v>8988</v>
      </c>
      <c r="D44023" t="s">
        <v>8989</v>
      </c>
      <c r="E44023" t="s">
        <v>8938</v>
      </c>
      <c r="F44023" t="s">
        <v>8939</v>
      </c>
      <c r="G44023" t="s">
        <v>80</v>
      </c>
      <c r="H44023" t="s">
        <v>81</v>
      </c>
      <c r="I44023" s="2">
        <v>0</v>
      </c>
      <c r="J44023" s="2">
        <v>1</v>
      </c>
      <c r="K44023" s="2">
        <v>0</v>
      </c>
      <c r="L44023" t="s">
        <v>82</v>
      </c>
      <c r="M44023" t="s">
        <v>87</v>
      </c>
      <c r="N44023" t="s">
        <v>88</v>
      </c>
      <c r="O44023" t="s">
        <v>85</v>
      </c>
      <c r="P44023" t="s">
        <v>86</v>
      </c>
      <c r="Q44023">
        <v>27</v>
      </c>
      <c r="R44023">
        <v>28</v>
      </c>
      <c r="S44023">
        <v>28</v>
      </c>
      <c r="T44023">
        <v>29</v>
      </c>
      <c r="U44023">
        <v>29</v>
      </c>
      <c r="V44023">
        <v>29</v>
      </c>
      <c r="W44023">
        <v>30</v>
      </c>
      <c r="X44023">
        <v>30</v>
      </c>
      <c r="Y44023">
        <v>31</v>
      </c>
      <c r="Z44023">
        <v>31</v>
      </c>
      <c r="AA44023">
        <v>32</v>
      </c>
      <c r="AB44023">
        <v>32</v>
      </c>
      <c r="AC44023">
        <v>33</v>
      </c>
      <c r="AD44023">
        <v>33</v>
      </c>
      <c r="AE44023">
        <v>34</v>
      </c>
      <c r="AF44023">
        <v>34</v>
      </c>
      <c r="AG44023">
        <v>35</v>
      </c>
      <c r="AH44023">
        <v>35</v>
      </c>
      <c r="AI44023">
        <v>36</v>
      </c>
      <c r="AJ44023">
        <v>36</v>
      </c>
      <c r="AK44023">
        <v>37</v>
      </c>
      <c r="AL44023">
        <v>37</v>
      </c>
      <c r="AM44023">
        <v>38</v>
      </c>
      <c r="AN44023">
        <v>38</v>
      </c>
      <c r="AO44023">
        <v>39</v>
      </c>
      <c r="AP44023">
        <v>39</v>
      </c>
      <c r="AQ44023">
        <v>40</v>
      </c>
    </row>
    <row r="44024" spans="1:43">
      <c r="A44024" t="s">
        <v>26833</v>
      </c>
      <c r="B44024" t="s">
        <v>26834</v>
      </c>
      <c r="C44024" t="s">
        <v>8988</v>
      </c>
      <c r="D44024" t="s">
        <v>8989</v>
      </c>
      <c r="E44024" t="s">
        <v>8938</v>
      </c>
      <c r="F44024" t="s">
        <v>8939</v>
      </c>
      <c r="G44024" t="s">
        <v>80</v>
      </c>
      <c r="H44024" t="s">
        <v>81</v>
      </c>
      <c r="I44024" s="2">
        <v>0</v>
      </c>
      <c r="J44024" s="2">
        <v>1</v>
      </c>
      <c r="K44024" s="2">
        <v>0</v>
      </c>
      <c r="L44024" t="s">
        <v>82</v>
      </c>
      <c r="M44024" t="s">
        <v>89</v>
      </c>
      <c r="N44024" t="s">
        <v>90</v>
      </c>
      <c r="O44024" t="s">
        <v>85</v>
      </c>
      <c r="P44024" t="s">
        <v>86</v>
      </c>
      <c r="Q44024">
        <v>27</v>
      </c>
      <c r="R44024">
        <v>28</v>
      </c>
      <c r="S44024">
        <v>29</v>
      </c>
      <c r="T44024">
        <v>30</v>
      </c>
      <c r="U44024">
        <v>31</v>
      </c>
      <c r="V44024">
        <v>31</v>
      </c>
      <c r="W44024">
        <v>32</v>
      </c>
      <c r="X44024">
        <v>33</v>
      </c>
      <c r="Y44024">
        <v>34</v>
      </c>
      <c r="Z44024">
        <v>35</v>
      </c>
      <c r="AA44024">
        <v>36</v>
      </c>
      <c r="AB44024">
        <v>37</v>
      </c>
      <c r="AC44024">
        <v>38</v>
      </c>
      <c r="AD44024">
        <v>39</v>
      </c>
      <c r="AE44024">
        <v>40</v>
      </c>
      <c r="AF44024">
        <v>40</v>
      </c>
      <c r="AG44024">
        <v>41</v>
      </c>
      <c r="AH44024">
        <v>41</v>
      </c>
      <c r="AI44024">
        <v>42</v>
      </c>
      <c r="AJ44024">
        <v>42</v>
      </c>
      <c r="AK44024">
        <v>42</v>
      </c>
      <c r="AL44024">
        <v>43</v>
      </c>
      <c r="AM44024">
        <v>43</v>
      </c>
      <c r="AN44024">
        <v>44</v>
      </c>
      <c r="AO44024">
        <v>44</v>
      </c>
      <c r="AP44024">
        <v>45</v>
      </c>
      <c r="AQ44024">
        <v>45</v>
      </c>
    </row>
    <row r="44025" spans="1:43">
      <c r="A44025" t="s">
        <v>26833</v>
      </c>
      <c r="B44025" t="s">
        <v>26834</v>
      </c>
      <c r="C44025" t="s">
        <v>8988</v>
      </c>
      <c r="D44025" t="s">
        <v>8989</v>
      </c>
      <c r="E44025" t="s">
        <v>8938</v>
      </c>
      <c r="F44025" t="s">
        <v>8939</v>
      </c>
      <c r="G44025" t="s">
        <v>80</v>
      </c>
      <c r="H44025" t="s">
        <v>81</v>
      </c>
      <c r="I44025" s="2">
        <v>0</v>
      </c>
      <c r="J44025" s="2">
        <v>1</v>
      </c>
      <c r="K44025" s="2">
        <v>0</v>
      </c>
      <c r="L44025" t="s">
        <v>82</v>
      </c>
      <c r="M44025" t="s">
        <v>83</v>
      </c>
      <c r="N44025" t="s">
        <v>91</v>
      </c>
      <c r="O44025" t="s">
        <v>85</v>
      </c>
      <c r="P44025" t="s">
        <v>86</v>
      </c>
      <c r="Q44025">
        <v>27</v>
      </c>
      <c r="R44025">
        <v>28</v>
      </c>
      <c r="S44025">
        <v>29</v>
      </c>
      <c r="T44025">
        <v>30</v>
      </c>
      <c r="U44025">
        <v>30</v>
      </c>
      <c r="V44025">
        <v>31</v>
      </c>
      <c r="W44025">
        <v>32</v>
      </c>
      <c r="X44025">
        <v>33</v>
      </c>
      <c r="Y44025">
        <v>33</v>
      </c>
      <c r="Z44025">
        <v>34</v>
      </c>
      <c r="AA44025">
        <v>35</v>
      </c>
      <c r="AB44025">
        <v>36</v>
      </c>
      <c r="AC44025">
        <v>36</v>
      </c>
      <c r="AD44025">
        <v>37</v>
      </c>
      <c r="AE44025">
        <v>38</v>
      </c>
      <c r="AF44025">
        <v>39</v>
      </c>
      <c r="AG44025">
        <v>40</v>
      </c>
      <c r="AH44025">
        <v>41</v>
      </c>
      <c r="AI44025">
        <v>41</v>
      </c>
      <c r="AJ44025">
        <v>42</v>
      </c>
      <c r="AK44025">
        <v>43</v>
      </c>
      <c r="AL44025">
        <v>44</v>
      </c>
      <c r="AM44025">
        <v>44</v>
      </c>
      <c r="AN44025">
        <v>45</v>
      </c>
      <c r="AO44025">
        <v>45</v>
      </c>
      <c r="AP44025">
        <v>45</v>
      </c>
      <c r="AQ44025">
        <v>46</v>
      </c>
    </row>
    <row r="44026" spans="1:43">
      <c r="A44026" t="s">
        <v>26835</v>
      </c>
      <c r="B44026" t="s">
        <v>26836</v>
      </c>
      <c r="C44026" t="s">
        <v>8988</v>
      </c>
      <c r="D44026" t="s">
        <v>8989</v>
      </c>
      <c r="E44026" t="s">
        <v>8938</v>
      </c>
      <c r="F44026" t="s">
        <v>8939</v>
      </c>
      <c r="G44026" t="s">
        <v>80</v>
      </c>
      <c r="H44026" t="s">
        <v>81</v>
      </c>
      <c r="I44026" s="2">
        <v>0</v>
      </c>
      <c r="J44026" s="2">
        <v>1</v>
      </c>
      <c r="K44026" s="2">
        <v>0</v>
      </c>
      <c r="L44026" t="s">
        <v>82</v>
      </c>
      <c r="M44026" t="s">
        <v>83</v>
      </c>
      <c r="N44026" t="s">
        <v>84</v>
      </c>
      <c r="O44026" t="s">
        <v>85</v>
      </c>
      <c r="P44026" t="s">
        <v>86</v>
      </c>
      <c r="Q44026">
        <v>59</v>
      </c>
      <c r="R44026">
        <v>60</v>
      </c>
      <c r="S44026">
        <v>62</v>
      </c>
      <c r="T44026">
        <v>63</v>
      </c>
      <c r="U44026">
        <v>65</v>
      </c>
      <c r="V44026">
        <v>66</v>
      </c>
      <c r="W44026">
        <v>68</v>
      </c>
      <c r="X44026">
        <v>70</v>
      </c>
      <c r="Y44026">
        <v>71</v>
      </c>
      <c r="Z44026">
        <v>73</v>
      </c>
      <c r="AA44026">
        <v>75</v>
      </c>
      <c r="AB44026">
        <v>76</v>
      </c>
      <c r="AC44026">
        <v>78</v>
      </c>
      <c r="AD44026">
        <v>80</v>
      </c>
      <c r="AE44026">
        <v>81</v>
      </c>
      <c r="AF44026">
        <v>83</v>
      </c>
      <c r="AG44026">
        <v>85</v>
      </c>
      <c r="AH44026">
        <v>87</v>
      </c>
      <c r="AI44026">
        <v>89</v>
      </c>
      <c r="AJ44026">
        <v>90</v>
      </c>
      <c r="AK44026">
        <v>92</v>
      </c>
      <c r="AL44026">
        <v>93</v>
      </c>
      <c r="AM44026">
        <v>94</v>
      </c>
      <c r="AN44026">
        <v>95</v>
      </c>
      <c r="AO44026">
        <v>96</v>
      </c>
      <c r="AP44026">
        <v>97</v>
      </c>
      <c r="AQ44026">
        <v>98</v>
      </c>
    </row>
    <row r="44027" spans="1:43">
      <c r="A44027" t="s">
        <v>26835</v>
      </c>
      <c r="B44027" t="s">
        <v>26836</v>
      </c>
      <c r="C44027" t="s">
        <v>8988</v>
      </c>
      <c r="D44027" t="s">
        <v>8989</v>
      </c>
      <c r="E44027" t="s">
        <v>8938</v>
      </c>
      <c r="F44027" t="s">
        <v>8939</v>
      </c>
      <c r="G44027" t="s">
        <v>80</v>
      </c>
      <c r="H44027" t="s">
        <v>81</v>
      </c>
      <c r="I44027" s="2">
        <v>0</v>
      </c>
      <c r="J44027" s="2">
        <v>1</v>
      </c>
      <c r="K44027" s="2">
        <v>0</v>
      </c>
      <c r="L44027" t="s">
        <v>82</v>
      </c>
      <c r="M44027" t="s">
        <v>87</v>
      </c>
      <c r="N44027" t="s">
        <v>88</v>
      </c>
      <c r="O44027" t="s">
        <v>85</v>
      </c>
      <c r="P44027" t="s">
        <v>86</v>
      </c>
      <c r="Q44027">
        <v>59</v>
      </c>
      <c r="R44027">
        <v>60</v>
      </c>
      <c r="S44027">
        <v>61</v>
      </c>
      <c r="T44027">
        <v>62</v>
      </c>
      <c r="U44027">
        <v>63</v>
      </c>
      <c r="V44027">
        <v>64</v>
      </c>
      <c r="W44027">
        <v>65</v>
      </c>
      <c r="X44027">
        <v>66</v>
      </c>
      <c r="Y44027">
        <v>67</v>
      </c>
      <c r="Z44027">
        <v>68</v>
      </c>
      <c r="AA44027">
        <v>69</v>
      </c>
      <c r="AB44027">
        <v>70</v>
      </c>
      <c r="AC44027">
        <v>71</v>
      </c>
      <c r="AD44027">
        <v>72</v>
      </c>
      <c r="AE44027">
        <v>73</v>
      </c>
      <c r="AF44027">
        <v>74</v>
      </c>
      <c r="AG44027">
        <v>75</v>
      </c>
      <c r="AH44027">
        <v>76</v>
      </c>
      <c r="AI44027">
        <v>77</v>
      </c>
      <c r="AJ44027">
        <v>78</v>
      </c>
      <c r="AK44027">
        <v>79</v>
      </c>
      <c r="AL44027">
        <v>80</v>
      </c>
      <c r="AM44027">
        <v>82</v>
      </c>
      <c r="AN44027">
        <v>83</v>
      </c>
      <c r="AO44027">
        <v>84</v>
      </c>
      <c r="AP44027">
        <v>85</v>
      </c>
      <c r="AQ44027">
        <v>86</v>
      </c>
    </row>
    <row r="44028" spans="1:43">
      <c r="A44028" t="s">
        <v>26835</v>
      </c>
      <c r="B44028" t="s">
        <v>26836</v>
      </c>
      <c r="C44028" t="s">
        <v>8988</v>
      </c>
      <c r="D44028" t="s">
        <v>8989</v>
      </c>
      <c r="E44028" t="s">
        <v>8938</v>
      </c>
      <c r="F44028" t="s">
        <v>8939</v>
      </c>
      <c r="G44028" t="s">
        <v>80</v>
      </c>
      <c r="H44028" t="s">
        <v>81</v>
      </c>
      <c r="I44028" s="2">
        <v>0</v>
      </c>
      <c r="J44028" s="2">
        <v>1</v>
      </c>
      <c r="K44028" s="2">
        <v>0</v>
      </c>
      <c r="L44028" t="s">
        <v>82</v>
      </c>
      <c r="M44028" t="s">
        <v>89</v>
      </c>
      <c r="N44028" t="s">
        <v>90</v>
      </c>
      <c r="O44028" t="s">
        <v>85</v>
      </c>
      <c r="P44028" t="s">
        <v>86</v>
      </c>
      <c r="Q44028">
        <v>59</v>
      </c>
      <c r="R44028">
        <v>61</v>
      </c>
      <c r="S44028">
        <v>63</v>
      </c>
      <c r="T44028">
        <v>65</v>
      </c>
      <c r="U44028">
        <v>67</v>
      </c>
      <c r="V44028">
        <v>69</v>
      </c>
      <c r="W44028">
        <v>72</v>
      </c>
      <c r="X44028">
        <v>74</v>
      </c>
      <c r="Y44028">
        <v>76</v>
      </c>
      <c r="Z44028">
        <v>78</v>
      </c>
      <c r="AA44028">
        <v>80</v>
      </c>
      <c r="AB44028">
        <v>82</v>
      </c>
      <c r="AC44028">
        <v>84</v>
      </c>
      <c r="AD44028">
        <v>86</v>
      </c>
      <c r="AE44028">
        <v>88</v>
      </c>
      <c r="AF44028">
        <v>88</v>
      </c>
      <c r="AG44028">
        <v>89</v>
      </c>
      <c r="AH44028">
        <v>90</v>
      </c>
      <c r="AI44028">
        <v>91</v>
      </c>
      <c r="AJ44028">
        <v>92</v>
      </c>
      <c r="AK44028">
        <v>93</v>
      </c>
      <c r="AL44028">
        <v>94</v>
      </c>
      <c r="AM44028">
        <v>95</v>
      </c>
      <c r="AN44028">
        <v>96</v>
      </c>
      <c r="AO44028">
        <v>97</v>
      </c>
      <c r="AP44028">
        <v>97</v>
      </c>
      <c r="AQ44028">
        <v>98</v>
      </c>
    </row>
    <row r="44029" spans="1:43">
      <c r="A44029" t="s">
        <v>26835</v>
      </c>
      <c r="B44029" t="s">
        <v>26836</v>
      </c>
      <c r="C44029" t="s">
        <v>8988</v>
      </c>
      <c r="D44029" t="s">
        <v>8989</v>
      </c>
      <c r="E44029" t="s">
        <v>8938</v>
      </c>
      <c r="F44029" t="s">
        <v>8939</v>
      </c>
      <c r="G44029" t="s">
        <v>80</v>
      </c>
      <c r="H44029" t="s">
        <v>81</v>
      </c>
      <c r="I44029" s="2">
        <v>0</v>
      </c>
      <c r="J44029" s="2">
        <v>1</v>
      </c>
      <c r="K44029" s="2">
        <v>0</v>
      </c>
      <c r="L44029" t="s">
        <v>82</v>
      </c>
      <c r="M44029" t="s">
        <v>83</v>
      </c>
      <c r="N44029" t="s">
        <v>91</v>
      </c>
      <c r="O44029" t="s">
        <v>85</v>
      </c>
      <c r="P44029" t="s">
        <v>86</v>
      </c>
      <c r="Q44029">
        <v>59</v>
      </c>
      <c r="R44029">
        <v>60</v>
      </c>
      <c r="S44029">
        <v>62</v>
      </c>
      <c r="T44029">
        <v>63</v>
      </c>
      <c r="U44029">
        <v>65</v>
      </c>
      <c r="V44029">
        <v>66</v>
      </c>
      <c r="W44029">
        <v>68</v>
      </c>
      <c r="X44029">
        <v>70</v>
      </c>
      <c r="Y44029">
        <v>71</v>
      </c>
      <c r="Z44029">
        <v>73</v>
      </c>
      <c r="AA44029">
        <v>75</v>
      </c>
      <c r="AB44029">
        <v>76</v>
      </c>
      <c r="AC44029">
        <v>78</v>
      </c>
      <c r="AD44029">
        <v>80</v>
      </c>
      <c r="AE44029">
        <v>81</v>
      </c>
      <c r="AF44029">
        <v>83</v>
      </c>
      <c r="AG44029">
        <v>85</v>
      </c>
      <c r="AH44029">
        <v>87</v>
      </c>
      <c r="AI44029">
        <v>89</v>
      </c>
      <c r="AJ44029">
        <v>90</v>
      </c>
      <c r="AK44029">
        <v>92</v>
      </c>
      <c r="AL44029">
        <v>93</v>
      </c>
      <c r="AM44029">
        <v>94</v>
      </c>
      <c r="AN44029">
        <v>95</v>
      </c>
      <c r="AO44029">
        <v>96</v>
      </c>
      <c r="AP44029">
        <v>97</v>
      </c>
      <c r="AQ44029">
        <v>98</v>
      </c>
    </row>
    <row r="44030" spans="1:43">
      <c r="A44030" t="s">
        <v>26837</v>
      </c>
      <c r="B44030" t="s">
        <v>26838</v>
      </c>
      <c r="C44030" t="s">
        <v>2108</v>
      </c>
      <c r="D44030" t="s">
        <v>2109</v>
      </c>
      <c r="E44030" t="s">
        <v>2048</v>
      </c>
      <c r="F44030" t="s">
        <v>2049</v>
      </c>
      <c r="G44030" t="s">
        <v>80</v>
      </c>
      <c r="H44030" t="s">
        <v>81</v>
      </c>
      <c r="I44030" s="2">
        <v>0</v>
      </c>
      <c r="J44030" s="2">
        <v>1</v>
      </c>
      <c r="K44030" s="2">
        <v>0</v>
      </c>
      <c r="L44030" t="s">
        <v>82</v>
      </c>
      <c r="M44030" t="s">
        <v>83</v>
      </c>
      <c r="N44030" t="s">
        <v>84</v>
      </c>
      <c r="O44030" t="s">
        <v>85</v>
      </c>
      <c r="P44030" t="s">
        <v>86</v>
      </c>
      <c r="Q44030">
        <v>114</v>
      </c>
      <c r="R44030">
        <v>117</v>
      </c>
      <c r="S44030">
        <v>119</v>
      </c>
      <c r="T44030">
        <v>122</v>
      </c>
      <c r="U44030">
        <v>125</v>
      </c>
      <c r="V44030">
        <v>128</v>
      </c>
      <c r="W44030">
        <v>131</v>
      </c>
      <c r="X44030">
        <v>134</v>
      </c>
      <c r="Y44030">
        <v>137</v>
      </c>
      <c r="Z44030">
        <v>140</v>
      </c>
      <c r="AA44030">
        <v>143</v>
      </c>
      <c r="AB44030">
        <v>146</v>
      </c>
      <c r="AC44030">
        <v>149</v>
      </c>
      <c r="AD44030">
        <v>152</v>
      </c>
      <c r="AE44030">
        <v>155</v>
      </c>
      <c r="AF44030">
        <v>159</v>
      </c>
      <c r="AG44030">
        <v>162</v>
      </c>
      <c r="AH44030">
        <v>165</v>
      </c>
      <c r="AI44030">
        <v>168</v>
      </c>
      <c r="AJ44030">
        <v>172</v>
      </c>
      <c r="AK44030">
        <v>175</v>
      </c>
      <c r="AL44030">
        <v>178</v>
      </c>
      <c r="AM44030">
        <v>179</v>
      </c>
      <c r="AN44030">
        <v>181</v>
      </c>
      <c r="AO44030">
        <v>183</v>
      </c>
      <c r="AP44030">
        <v>184</v>
      </c>
      <c r="AQ44030">
        <v>186</v>
      </c>
    </row>
    <row r="44031" spans="1:43">
      <c r="A44031" t="s">
        <v>26837</v>
      </c>
      <c r="B44031" t="s">
        <v>26838</v>
      </c>
      <c r="C44031" t="s">
        <v>2108</v>
      </c>
      <c r="D44031" t="s">
        <v>2109</v>
      </c>
      <c r="E44031" t="s">
        <v>2048</v>
      </c>
      <c r="F44031" t="s">
        <v>2049</v>
      </c>
      <c r="G44031" t="s">
        <v>80</v>
      </c>
      <c r="H44031" t="s">
        <v>81</v>
      </c>
      <c r="I44031" s="2">
        <v>0</v>
      </c>
      <c r="J44031" s="2">
        <v>1</v>
      </c>
      <c r="K44031" s="2">
        <v>0</v>
      </c>
      <c r="L44031" t="s">
        <v>82</v>
      </c>
      <c r="M44031" t="s">
        <v>87</v>
      </c>
      <c r="N44031" t="s">
        <v>88</v>
      </c>
      <c r="O44031" t="s">
        <v>85</v>
      </c>
      <c r="P44031" t="s">
        <v>86</v>
      </c>
      <c r="Q44031">
        <v>114</v>
      </c>
      <c r="R44031">
        <v>116</v>
      </c>
      <c r="S44031">
        <v>117</v>
      </c>
      <c r="T44031">
        <v>119</v>
      </c>
      <c r="U44031">
        <v>121</v>
      </c>
      <c r="V44031">
        <v>122</v>
      </c>
      <c r="W44031">
        <v>124</v>
      </c>
      <c r="X44031">
        <v>126</v>
      </c>
      <c r="Y44031">
        <v>128</v>
      </c>
      <c r="Z44031">
        <v>129</v>
      </c>
      <c r="AA44031">
        <v>131</v>
      </c>
      <c r="AB44031">
        <v>133</v>
      </c>
      <c r="AC44031">
        <v>135</v>
      </c>
      <c r="AD44031">
        <v>137</v>
      </c>
      <c r="AE44031">
        <v>138</v>
      </c>
      <c r="AF44031">
        <v>140</v>
      </c>
      <c r="AG44031">
        <v>142</v>
      </c>
      <c r="AH44031">
        <v>144</v>
      </c>
      <c r="AI44031">
        <v>146</v>
      </c>
      <c r="AJ44031">
        <v>148</v>
      </c>
      <c r="AK44031">
        <v>150</v>
      </c>
      <c r="AL44031">
        <v>152</v>
      </c>
      <c r="AM44031">
        <v>154</v>
      </c>
      <c r="AN44031">
        <v>156</v>
      </c>
      <c r="AO44031">
        <v>158</v>
      </c>
      <c r="AP44031">
        <v>160</v>
      </c>
      <c r="AQ44031">
        <v>162</v>
      </c>
    </row>
    <row r="44032" spans="1:43">
      <c r="A44032" t="s">
        <v>26837</v>
      </c>
      <c r="B44032" t="s">
        <v>26838</v>
      </c>
      <c r="C44032" t="s">
        <v>2108</v>
      </c>
      <c r="D44032" t="s">
        <v>2109</v>
      </c>
      <c r="E44032" t="s">
        <v>2048</v>
      </c>
      <c r="F44032" t="s">
        <v>2049</v>
      </c>
      <c r="G44032" t="s">
        <v>80</v>
      </c>
      <c r="H44032" t="s">
        <v>81</v>
      </c>
      <c r="I44032" s="2">
        <v>0</v>
      </c>
      <c r="J44032" s="2">
        <v>1</v>
      </c>
      <c r="K44032" s="2">
        <v>0</v>
      </c>
      <c r="L44032" t="s">
        <v>82</v>
      </c>
      <c r="M44032" t="s">
        <v>89</v>
      </c>
      <c r="N44032" t="s">
        <v>90</v>
      </c>
      <c r="O44032" t="s">
        <v>85</v>
      </c>
      <c r="P44032" t="s">
        <v>86</v>
      </c>
      <c r="Q44032">
        <v>114</v>
      </c>
      <c r="R44032">
        <v>118</v>
      </c>
      <c r="S44032">
        <v>122</v>
      </c>
      <c r="T44032">
        <v>125</v>
      </c>
      <c r="U44032">
        <v>129</v>
      </c>
      <c r="V44032">
        <v>133</v>
      </c>
      <c r="W44032">
        <v>137</v>
      </c>
      <c r="X44032">
        <v>140</v>
      </c>
      <c r="Y44032">
        <v>144</v>
      </c>
      <c r="Z44032">
        <v>148</v>
      </c>
      <c r="AA44032">
        <v>151</v>
      </c>
      <c r="AB44032">
        <v>155</v>
      </c>
      <c r="AC44032">
        <v>159</v>
      </c>
      <c r="AD44032">
        <v>163</v>
      </c>
      <c r="AE44032">
        <v>166</v>
      </c>
      <c r="AF44032">
        <v>168</v>
      </c>
      <c r="AG44032">
        <v>169</v>
      </c>
      <c r="AH44032">
        <v>171</v>
      </c>
      <c r="AI44032">
        <v>173</v>
      </c>
      <c r="AJ44032">
        <v>174</v>
      </c>
      <c r="AK44032">
        <v>176</v>
      </c>
      <c r="AL44032">
        <v>177</v>
      </c>
      <c r="AM44032">
        <v>179</v>
      </c>
      <c r="AN44032">
        <v>181</v>
      </c>
      <c r="AO44032">
        <v>182</v>
      </c>
      <c r="AP44032">
        <v>184</v>
      </c>
      <c r="AQ44032">
        <v>186</v>
      </c>
    </row>
    <row r="44033" spans="1:43">
      <c r="A44033" t="s">
        <v>26837</v>
      </c>
      <c r="B44033" t="s">
        <v>26838</v>
      </c>
      <c r="C44033" t="s">
        <v>2108</v>
      </c>
      <c r="D44033" t="s">
        <v>2109</v>
      </c>
      <c r="E44033" t="s">
        <v>2048</v>
      </c>
      <c r="F44033" t="s">
        <v>2049</v>
      </c>
      <c r="G44033" t="s">
        <v>80</v>
      </c>
      <c r="H44033" t="s">
        <v>81</v>
      </c>
      <c r="I44033" s="2">
        <v>0</v>
      </c>
      <c r="J44033" s="2">
        <v>1</v>
      </c>
      <c r="K44033" s="2">
        <v>0</v>
      </c>
      <c r="L44033" t="s">
        <v>82</v>
      </c>
      <c r="M44033" t="s">
        <v>83</v>
      </c>
      <c r="N44033" t="s">
        <v>91</v>
      </c>
      <c r="O44033" t="s">
        <v>85</v>
      </c>
      <c r="P44033" t="s">
        <v>86</v>
      </c>
      <c r="Q44033">
        <v>114</v>
      </c>
      <c r="R44033">
        <v>117</v>
      </c>
      <c r="S44033">
        <v>119</v>
      </c>
      <c r="T44033">
        <v>122</v>
      </c>
      <c r="U44033">
        <v>125</v>
      </c>
      <c r="V44033">
        <v>128</v>
      </c>
      <c r="W44033">
        <v>131</v>
      </c>
      <c r="X44033">
        <v>134</v>
      </c>
      <c r="Y44033">
        <v>137</v>
      </c>
      <c r="Z44033">
        <v>140</v>
      </c>
      <c r="AA44033">
        <v>143</v>
      </c>
      <c r="AB44033">
        <v>146</v>
      </c>
      <c r="AC44033">
        <v>149</v>
      </c>
      <c r="AD44033">
        <v>152</v>
      </c>
      <c r="AE44033">
        <v>155</v>
      </c>
      <c r="AF44033">
        <v>159</v>
      </c>
      <c r="AG44033">
        <v>162</v>
      </c>
      <c r="AH44033">
        <v>165</v>
      </c>
      <c r="AI44033">
        <v>168</v>
      </c>
      <c r="AJ44033">
        <v>172</v>
      </c>
      <c r="AK44033">
        <v>175</v>
      </c>
      <c r="AL44033">
        <v>178</v>
      </c>
      <c r="AM44033">
        <v>179</v>
      </c>
      <c r="AN44033">
        <v>181</v>
      </c>
      <c r="AO44033">
        <v>183</v>
      </c>
      <c r="AP44033">
        <v>184</v>
      </c>
      <c r="AQ44033">
        <v>186</v>
      </c>
    </row>
    <row r="44034" spans="1:43">
      <c r="A44034" t="s">
        <v>26839</v>
      </c>
      <c r="B44034" t="s">
        <v>26840</v>
      </c>
      <c r="C44034" t="s">
        <v>2298</v>
      </c>
      <c r="D44034" t="s">
        <v>2299</v>
      </c>
      <c r="E44034" t="s">
        <v>2048</v>
      </c>
      <c r="F44034" t="s">
        <v>2049</v>
      </c>
      <c r="G44034" t="s">
        <v>80</v>
      </c>
      <c r="H44034" t="s">
        <v>81</v>
      </c>
      <c r="I44034" s="2">
        <v>0</v>
      </c>
      <c r="J44034" s="2">
        <v>1</v>
      </c>
      <c r="K44034" s="2">
        <v>0</v>
      </c>
      <c r="L44034" t="s">
        <v>82</v>
      </c>
      <c r="M44034" t="s">
        <v>83</v>
      </c>
      <c r="N44034" t="s">
        <v>84</v>
      </c>
      <c r="O44034" t="s">
        <v>85</v>
      </c>
      <c r="P44034" t="s">
        <v>86</v>
      </c>
      <c r="Q44034">
        <v>11</v>
      </c>
      <c r="R44034">
        <v>11</v>
      </c>
      <c r="S44034">
        <v>11</v>
      </c>
      <c r="T44034">
        <v>12</v>
      </c>
      <c r="U44034">
        <v>12</v>
      </c>
      <c r="V44034">
        <v>12</v>
      </c>
      <c r="W44034">
        <v>12</v>
      </c>
      <c r="X44034">
        <v>13</v>
      </c>
      <c r="Y44034">
        <v>13</v>
      </c>
      <c r="Z44034">
        <v>13</v>
      </c>
      <c r="AA44034">
        <v>14</v>
      </c>
      <c r="AB44034">
        <v>14</v>
      </c>
      <c r="AC44034">
        <v>14</v>
      </c>
      <c r="AD44034">
        <v>14</v>
      </c>
      <c r="AE44034">
        <v>15</v>
      </c>
      <c r="AF44034">
        <v>15</v>
      </c>
      <c r="AG44034">
        <v>15</v>
      </c>
      <c r="AH44034">
        <v>16</v>
      </c>
      <c r="AI44034">
        <v>16</v>
      </c>
      <c r="AJ44034">
        <v>16</v>
      </c>
      <c r="AK44034">
        <v>17</v>
      </c>
      <c r="AL44034">
        <v>17</v>
      </c>
      <c r="AM44034">
        <v>17</v>
      </c>
      <c r="AN44034">
        <v>17</v>
      </c>
      <c r="AO44034">
        <v>17</v>
      </c>
      <c r="AP44034">
        <v>17</v>
      </c>
      <c r="AQ44034">
        <v>18</v>
      </c>
    </row>
    <row r="44035" spans="1:43">
      <c r="A44035" t="s">
        <v>26839</v>
      </c>
      <c r="B44035" t="s">
        <v>26840</v>
      </c>
      <c r="C44035" t="s">
        <v>2298</v>
      </c>
      <c r="D44035" t="s">
        <v>2299</v>
      </c>
      <c r="E44035" t="s">
        <v>2048</v>
      </c>
      <c r="F44035" t="s">
        <v>2049</v>
      </c>
      <c r="G44035" t="s">
        <v>80</v>
      </c>
      <c r="H44035" t="s">
        <v>81</v>
      </c>
      <c r="I44035" s="2">
        <v>0</v>
      </c>
      <c r="J44035" s="2">
        <v>1</v>
      </c>
      <c r="K44035" s="2">
        <v>0</v>
      </c>
      <c r="L44035" t="s">
        <v>82</v>
      </c>
      <c r="M44035" t="s">
        <v>87</v>
      </c>
      <c r="N44035" t="s">
        <v>88</v>
      </c>
      <c r="O44035" t="s">
        <v>85</v>
      </c>
      <c r="P44035" t="s">
        <v>86</v>
      </c>
      <c r="Q44035">
        <v>11</v>
      </c>
      <c r="R44035">
        <v>11</v>
      </c>
      <c r="S44035">
        <v>11</v>
      </c>
      <c r="T44035">
        <v>11</v>
      </c>
      <c r="U44035">
        <v>11</v>
      </c>
      <c r="V44035">
        <v>12</v>
      </c>
      <c r="W44035">
        <v>12</v>
      </c>
      <c r="X44035">
        <v>12</v>
      </c>
      <c r="Y44035">
        <v>12</v>
      </c>
      <c r="Z44035">
        <v>12</v>
      </c>
      <c r="AA44035">
        <v>12</v>
      </c>
      <c r="AB44035">
        <v>13</v>
      </c>
      <c r="AC44035">
        <v>13</v>
      </c>
      <c r="AD44035">
        <v>13</v>
      </c>
      <c r="AE44035">
        <v>13</v>
      </c>
      <c r="AF44035">
        <v>13</v>
      </c>
      <c r="AG44035">
        <v>13</v>
      </c>
      <c r="AH44035">
        <v>14</v>
      </c>
      <c r="AI44035">
        <v>14</v>
      </c>
      <c r="AJ44035">
        <v>14</v>
      </c>
      <c r="AK44035">
        <v>14</v>
      </c>
      <c r="AL44035">
        <v>14</v>
      </c>
      <c r="AM44035">
        <v>15</v>
      </c>
      <c r="AN44035">
        <v>15</v>
      </c>
      <c r="AO44035">
        <v>15</v>
      </c>
      <c r="AP44035">
        <v>15</v>
      </c>
      <c r="AQ44035">
        <v>15</v>
      </c>
    </row>
    <row r="44036" spans="1:43">
      <c r="A44036" t="s">
        <v>26839</v>
      </c>
      <c r="B44036" t="s">
        <v>26840</v>
      </c>
      <c r="C44036" t="s">
        <v>2298</v>
      </c>
      <c r="D44036" t="s">
        <v>2299</v>
      </c>
      <c r="E44036" t="s">
        <v>2048</v>
      </c>
      <c r="F44036" t="s">
        <v>2049</v>
      </c>
      <c r="G44036" t="s">
        <v>80</v>
      </c>
      <c r="H44036" t="s">
        <v>81</v>
      </c>
      <c r="I44036" s="2">
        <v>0</v>
      </c>
      <c r="J44036" s="2">
        <v>1</v>
      </c>
      <c r="K44036" s="2">
        <v>0</v>
      </c>
      <c r="L44036" t="s">
        <v>82</v>
      </c>
      <c r="M44036" t="s">
        <v>89</v>
      </c>
      <c r="N44036" t="s">
        <v>90</v>
      </c>
      <c r="O44036" t="s">
        <v>85</v>
      </c>
      <c r="P44036" t="s">
        <v>86</v>
      </c>
      <c r="Q44036">
        <v>11</v>
      </c>
      <c r="R44036">
        <v>11</v>
      </c>
      <c r="S44036">
        <v>12</v>
      </c>
      <c r="T44036">
        <v>12</v>
      </c>
      <c r="U44036">
        <v>12</v>
      </c>
      <c r="V44036">
        <v>13</v>
      </c>
      <c r="W44036">
        <v>13</v>
      </c>
      <c r="X44036">
        <v>13</v>
      </c>
      <c r="Y44036">
        <v>14</v>
      </c>
      <c r="Z44036">
        <v>14</v>
      </c>
      <c r="AA44036">
        <v>15</v>
      </c>
      <c r="AB44036">
        <v>15</v>
      </c>
      <c r="AC44036">
        <v>15</v>
      </c>
      <c r="AD44036">
        <v>16</v>
      </c>
      <c r="AE44036">
        <v>16</v>
      </c>
      <c r="AF44036">
        <v>16</v>
      </c>
      <c r="AG44036">
        <v>16</v>
      </c>
      <c r="AH44036">
        <v>16</v>
      </c>
      <c r="AI44036">
        <v>17</v>
      </c>
      <c r="AJ44036">
        <v>17</v>
      </c>
      <c r="AK44036">
        <v>17</v>
      </c>
      <c r="AL44036">
        <v>17</v>
      </c>
      <c r="AM44036">
        <v>17</v>
      </c>
      <c r="AN44036">
        <v>17</v>
      </c>
      <c r="AO44036">
        <v>17</v>
      </c>
      <c r="AP44036">
        <v>18</v>
      </c>
      <c r="AQ44036">
        <v>18</v>
      </c>
    </row>
    <row r="44037" spans="1:43">
      <c r="A44037" t="s">
        <v>26839</v>
      </c>
      <c r="B44037" t="s">
        <v>26840</v>
      </c>
      <c r="C44037" t="s">
        <v>2298</v>
      </c>
      <c r="D44037" t="s">
        <v>2299</v>
      </c>
      <c r="E44037" t="s">
        <v>2048</v>
      </c>
      <c r="F44037" t="s">
        <v>2049</v>
      </c>
      <c r="G44037" t="s">
        <v>80</v>
      </c>
      <c r="H44037" t="s">
        <v>81</v>
      </c>
      <c r="I44037" s="2">
        <v>0</v>
      </c>
      <c r="J44037" s="2">
        <v>1</v>
      </c>
      <c r="K44037" s="2">
        <v>0</v>
      </c>
      <c r="L44037" t="s">
        <v>82</v>
      </c>
      <c r="M44037" t="s">
        <v>83</v>
      </c>
      <c r="N44037" t="s">
        <v>91</v>
      </c>
      <c r="O44037" t="s">
        <v>85</v>
      </c>
      <c r="P44037" t="s">
        <v>86</v>
      </c>
      <c r="Q44037">
        <v>11</v>
      </c>
      <c r="R44037">
        <v>11</v>
      </c>
      <c r="S44037">
        <v>11</v>
      </c>
      <c r="T44037">
        <v>12</v>
      </c>
      <c r="U44037">
        <v>12</v>
      </c>
      <c r="V44037">
        <v>12</v>
      </c>
      <c r="W44037">
        <v>12</v>
      </c>
      <c r="X44037">
        <v>13</v>
      </c>
      <c r="Y44037">
        <v>13</v>
      </c>
      <c r="Z44037">
        <v>13</v>
      </c>
      <c r="AA44037">
        <v>14</v>
      </c>
      <c r="AB44037">
        <v>14</v>
      </c>
      <c r="AC44037">
        <v>14</v>
      </c>
      <c r="AD44037">
        <v>14</v>
      </c>
      <c r="AE44037">
        <v>15</v>
      </c>
      <c r="AF44037">
        <v>15</v>
      </c>
      <c r="AG44037">
        <v>15</v>
      </c>
      <c r="AH44037">
        <v>16</v>
      </c>
      <c r="AI44037">
        <v>16</v>
      </c>
      <c r="AJ44037">
        <v>16</v>
      </c>
      <c r="AK44037">
        <v>17</v>
      </c>
      <c r="AL44037">
        <v>17</v>
      </c>
      <c r="AM44037">
        <v>17</v>
      </c>
      <c r="AN44037">
        <v>17</v>
      </c>
      <c r="AO44037">
        <v>17</v>
      </c>
      <c r="AP44037">
        <v>17</v>
      </c>
      <c r="AQ44037">
        <v>18</v>
      </c>
    </row>
    <row r="44038" spans="1:43">
      <c r="A44038" t="s">
        <v>26841</v>
      </c>
      <c r="B44038" t="s">
        <v>26842</v>
      </c>
      <c r="C44038" t="s">
        <v>2298</v>
      </c>
      <c r="D44038" t="s">
        <v>2299</v>
      </c>
      <c r="E44038" t="s">
        <v>2048</v>
      </c>
      <c r="F44038" t="s">
        <v>2049</v>
      </c>
      <c r="G44038" t="s">
        <v>80</v>
      </c>
      <c r="H44038" t="s">
        <v>81</v>
      </c>
      <c r="I44038" s="2">
        <v>0</v>
      </c>
      <c r="J44038" s="2">
        <v>1</v>
      </c>
      <c r="K44038" s="2">
        <v>0</v>
      </c>
      <c r="L44038" t="s">
        <v>82</v>
      </c>
      <c r="M44038" t="s">
        <v>83</v>
      </c>
      <c r="N44038" t="s">
        <v>84</v>
      </c>
      <c r="O44038" t="s">
        <v>85</v>
      </c>
      <c r="P44038" t="s">
        <v>86</v>
      </c>
      <c r="Q44038">
        <v>56</v>
      </c>
      <c r="R44038">
        <v>57</v>
      </c>
      <c r="S44038">
        <v>58</v>
      </c>
      <c r="T44038">
        <v>60</v>
      </c>
      <c r="U44038">
        <v>61</v>
      </c>
      <c r="V44038">
        <v>62</v>
      </c>
      <c r="W44038">
        <v>64</v>
      </c>
      <c r="X44038">
        <v>65</v>
      </c>
      <c r="Y44038">
        <v>67</v>
      </c>
      <c r="Z44038">
        <v>68</v>
      </c>
      <c r="AA44038">
        <v>70</v>
      </c>
      <c r="AB44038">
        <v>71</v>
      </c>
      <c r="AC44038">
        <v>73</v>
      </c>
      <c r="AD44038">
        <v>74</v>
      </c>
      <c r="AE44038">
        <v>76</v>
      </c>
      <c r="AF44038">
        <v>77</v>
      </c>
      <c r="AG44038">
        <v>79</v>
      </c>
      <c r="AH44038">
        <v>80</v>
      </c>
      <c r="AI44038">
        <v>82</v>
      </c>
      <c r="AJ44038">
        <v>84</v>
      </c>
      <c r="AK44038">
        <v>85</v>
      </c>
      <c r="AL44038">
        <v>86</v>
      </c>
      <c r="AM44038">
        <v>87</v>
      </c>
      <c r="AN44038">
        <v>88</v>
      </c>
      <c r="AO44038">
        <v>89</v>
      </c>
      <c r="AP44038">
        <v>89</v>
      </c>
      <c r="AQ44038">
        <v>90</v>
      </c>
    </row>
    <row r="44039" spans="1:43">
      <c r="A44039" t="s">
        <v>26841</v>
      </c>
      <c r="B44039" t="s">
        <v>26842</v>
      </c>
      <c r="C44039" t="s">
        <v>2298</v>
      </c>
      <c r="D44039" t="s">
        <v>2299</v>
      </c>
      <c r="E44039" t="s">
        <v>2048</v>
      </c>
      <c r="F44039" t="s">
        <v>2049</v>
      </c>
      <c r="G44039" t="s">
        <v>80</v>
      </c>
      <c r="H44039" t="s">
        <v>81</v>
      </c>
      <c r="I44039" s="2">
        <v>0</v>
      </c>
      <c r="J44039" s="2">
        <v>1</v>
      </c>
      <c r="K44039" s="2">
        <v>0</v>
      </c>
      <c r="L44039" t="s">
        <v>82</v>
      </c>
      <c r="M44039" t="s">
        <v>87</v>
      </c>
      <c r="N44039" t="s">
        <v>88</v>
      </c>
      <c r="O44039" t="s">
        <v>85</v>
      </c>
      <c r="P44039" t="s">
        <v>86</v>
      </c>
      <c r="Q44039">
        <v>56</v>
      </c>
      <c r="R44039">
        <v>57</v>
      </c>
      <c r="S44039">
        <v>58</v>
      </c>
      <c r="T44039">
        <v>59</v>
      </c>
      <c r="U44039">
        <v>59</v>
      </c>
      <c r="V44039">
        <v>60</v>
      </c>
      <c r="W44039">
        <v>61</v>
      </c>
      <c r="X44039">
        <v>62</v>
      </c>
      <c r="Y44039">
        <v>63</v>
      </c>
      <c r="Z44039">
        <v>64</v>
      </c>
      <c r="AA44039">
        <v>64</v>
      </c>
      <c r="AB44039">
        <v>65</v>
      </c>
      <c r="AC44039">
        <v>66</v>
      </c>
      <c r="AD44039">
        <v>67</v>
      </c>
      <c r="AE44039">
        <v>68</v>
      </c>
      <c r="AF44039">
        <v>69</v>
      </c>
      <c r="AG44039">
        <v>70</v>
      </c>
      <c r="AH44039">
        <v>71</v>
      </c>
      <c r="AI44039">
        <v>72</v>
      </c>
      <c r="AJ44039">
        <v>72</v>
      </c>
      <c r="AK44039">
        <v>73</v>
      </c>
      <c r="AL44039">
        <v>74</v>
      </c>
      <c r="AM44039">
        <v>75</v>
      </c>
      <c r="AN44039">
        <v>76</v>
      </c>
      <c r="AO44039">
        <v>77</v>
      </c>
      <c r="AP44039">
        <v>78</v>
      </c>
      <c r="AQ44039">
        <v>79</v>
      </c>
    </row>
    <row r="44040" spans="1:43">
      <c r="A44040" t="s">
        <v>26841</v>
      </c>
      <c r="B44040" t="s">
        <v>26842</v>
      </c>
      <c r="C44040" t="s">
        <v>2298</v>
      </c>
      <c r="D44040" t="s">
        <v>2299</v>
      </c>
      <c r="E44040" t="s">
        <v>2048</v>
      </c>
      <c r="F44040" t="s">
        <v>2049</v>
      </c>
      <c r="G44040" t="s">
        <v>80</v>
      </c>
      <c r="H44040" t="s">
        <v>81</v>
      </c>
      <c r="I44040" s="2">
        <v>0</v>
      </c>
      <c r="J44040" s="2">
        <v>1</v>
      </c>
      <c r="K44040" s="2">
        <v>0</v>
      </c>
      <c r="L44040" t="s">
        <v>82</v>
      </c>
      <c r="M44040" t="s">
        <v>89</v>
      </c>
      <c r="N44040" t="s">
        <v>90</v>
      </c>
      <c r="O44040" t="s">
        <v>85</v>
      </c>
      <c r="P44040" t="s">
        <v>86</v>
      </c>
      <c r="Q44040">
        <v>56</v>
      </c>
      <c r="R44040">
        <v>58</v>
      </c>
      <c r="S44040">
        <v>60</v>
      </c>
      <c r="T44040">
        <v>62</v>
      </c>
      <c r="U44040">
        <v>64</v>
      </c>
      <c r="V44040">
        <v>65</v>
      </c>
      <c r="W44040">
        <v>67</v>
      </c>
      <c r="X44040">
        <v>69</v>
      </c>
      <c r="Y44040">
        <v>71</v>
      </c>
      <c r="Z44040">
        <v>73</v>
      </c>
      <c r="AA44040">
        <v>74</v>
      </c>
      <c r="AB44040">
        <v>76</v>
      </c>
      <c r="AC44040">
        <v>78</v>
      </c>
      <c r="AD44040">
        <v>80</v>
      </c>
      <c r="AE44040">
        <v>81</v>
      </c>
      <c r="AF44040">
        <v>82</v>
      </c>
      <c r="AG44040">
        <v>83</v>
      </c>
      <c r="AH44040">
        <v>84</v>
      </c>
      <c r="AI44040">
        <v>84</v>
      </c>
      <c r="AJ44040">
        <v>85</v>
      </c>
      <c r="AK44040">
        <v>86</v>
      </c>
      <c r="AL44040">
        <v>87</v>
      </c>
      <c r="AM44040">
        <v>88</v>
      </c>
      <c r="AN44040">
        <v>88</v>
      </c>
      <c r="AO44040">
        <v>89</v>
      </c>
      <c r="AP44040">
        <v>90</v>
      </c>
      <c r="AQ44040">
        <v>91</v>
      </c>
    </row>
    <row r="44041" spans="1:43">
      <c r="A44041" t="s">
        <v>26841</v>
      </c>
      <c r="B44041" t="s">
        <v>26842</v>
      </c>
      <c r="C44041" t="s">
        <v>2298</v>
      </c>
      <c r="D44041" t="s">
        <v>2299</v>
      </c>
      <c r="E44041" t="s">
        <v>2048</v>
      </c>
      <c r="F44041" t="s">
        <v>2049</v>
      </c>
      <c r="G44041" t="s">
        <v>80</v>
      </c>
      <c r="H44041" t="s">
        <v>81</v>
      </c>
      <c r="I44041" s="2">
        <v>0</v>
      </c>
      <c r="J44041" s="2">
        <v>1</v>
      </c>
      <c r="K44041" s="2">
        <v>0</v>
      </c>
      <c r="L44041" t="s">
        <v>82</v>
      </c>
      <c r="M44041" t="s">
        <v>83</v>
      </c>
      <c r="N44041" t="s">
        <v>91</v>
      </c>
      <c r="O44041" t="s">
        <v>85</v>
      </c>
      <c r="P44041" t="s">
        <v>86</v>
      </c>
      <c r="Q44041">
        <v>56</v>
      </c>
      <c r="R44041">
        <v>57</v>
      </c>
      <c r="S44041">
        <v>58</v>
      </c>
      <c r="T44041">
        <v>60</v>
      </c>
      <c r="U44041">
        <v>61</v>
      </c>
      <c r="V44041">
        <v>62</v>
      </c>
      <c r="W44041">
        <v>64</v>
      </c>
      <c r="X44041">
        <v>65</v>
      </c>
      <c r="Y44041">
        <v>67</v>
      </c>
      <c r="Z44041">
        <v>68</v>
      </c>
      <c r="AA44041">
        <v>70</v>
      </c>
      <c r="AB44041">
        <v>71</v>
      </c>
      <c r="AC44041">
        <v>73</v>
      </c>
      <c r="AD44041">
        <v>74</v>
      </c>
      <c r="AE44041">
        <v>76</v>
      </c>
      <c r="AF44041">
        <v>77</v>
      </c>
      <c r="AG44041">
        <v>79</v>
      </c>
      <c r="AH44041">
        <v>80</v>
      </c>
      <c r="AI44041">
        <v>82</v>
      </c>
      <c r="AJ44041">
        <v>84</v>
      </c>
      <c r="AK44041">
        <v>85</v>
      </c>
      <c r="AL44041">
        <v>86</v>
      </c>
      <c r="AM44041">
        <v>87</v>
      </c>
      <c r="AN44041">
        <v>88</v>
      </c>
      <c r="AO44041">
        <v>89</v>
      </c>
      <c r="AP44041">
        <v>89</v>
      </c>
      <c r="AQ44041">
        <v>90</v>
      </c>
    </row>
    <row r="44042" spans="1:43">
      <c r="A44042" t="s">
        <v>26843</v>
      </c>
      <c r="B44042" t="s">
        <v>26844</v>
      </c>
      <c r="C44042" t="s">
        <v>2284</v>
      </c>
      <c r="D44042" t="s">
        <v>2285</v>
      </c>
      <c r="E44042" t="s">
        <v>2048</v>
      </c>
      <c r="F44042" t="s">
        <v>2049</v>
      </c>
      <c r="G44042" t="s">
        <v>80</v>
      </c>
      <c r="H44042" t="s">
        <v>81</v>
      </c>
      <c r="I44042" s="2">
        <v>0</v>
      </c>
      <c r="J44042" s="2">
        <v>1</v>
      </c>
      <c r="K44042" s="2">
        <v>0</v>
      </c>
      <c r="L44042" t="s">
        <v>82</v>
      </c>
      <c r="M44042" t="s">
        <v>83</v>
      </c>
      <c r="N44042" t="s">
        <v>84</v>
      </c>
      <c r="O44042" t="s">
        <v>85</v>
      </c>
      <c r="P44042" t="s">
        <v>86</v>
      </c>
      <c r="Q44042">
        <v>163</v>
      </c>
      <c r="R44042">
        <v>167</v>
      </c>
      <c r="S44042">
        <v>171</v>
      </c>
      <c r="T44042">
        <v>175</v>
      </c>
      <c r="U44042">
        <v>179</v>
      </c>
      <c r="V44042">
        <v>183</v>
      </c>
      <c r="W44042">
        <v>187</v>
      </c>
      <c r="X44042">
        <v>191</v>
      </c>
      <c r="Y44042">
        <v>195</v>
      </c>
      <c r="Z44042">
        <v>200</v>
      </c>
      <c r="AA44042">
        <v>204</v>
      </c>
      <c r="AB44042">
        <v>208</v>
      </c>
      <c r="AC44042">
        <v>213</v>
      </c>
      <c r="AD44042">
        <v>217</v>
      </c>
      <c r="AE44042">
        <v>222</v>
      </c>
      <c r="AF44042">
        <v>226</v>
      </c>
      <c r="AG44042">
        <v>231</v>
      </c>
      <c r="AH44042">
        <v>236</v>
      </c>
      <c r="AI44042">
        <v>240</v>
      </c>
      <c r="AJ44042">
        <v>245</v>
      </c>
      <c r="AK44042">
        <v>250</v>
      </c>
      <c r="AL44042">
        <v>253</v>
      </c>
      <c r="AM44042">
        <v>255</v>
      </c>
      <c r="AN44042">
        <v>258</v>
      </c>
      <c r="AO44042">
        <v>260</v>
      </c>
      <c r="AP44042">
        <v>263</v>
      </c>
      <c r="AQ44042">
        <v>265</v>
      </c>
    </row>
    <row r="44043" spans="1:43">
      <c r="A44043" t="s">
        <v>26843</v>
      </c>
      <c r="B44043" t="s">
        <v>26844</v>
      </c>
      <c r="C44043" t="s">
        <v>2284</v>
      </c>
      <c r="D44043" t="s">
        <v>2285</v>
      </c>
      <c r="E44043" t="s">
        <v>2048</v>
      </c>
      <c r="F44043" t="s">
        <v>2049</v>
      </c>
      <c r="G44043" t="s">
        <v>80</v>
      </c>
      <c r="H44043" t="s">
        <v>81</v>
      </c>
      <c r="I44043" s="2">
        <v>0</v>
      </c>
      <c r="J44043" s="2">
        <v>1</v>
      </c>
      <c r="K44043" s="2">
        <v>0</v>
      </c>
      <c r="L44043" t="s">
        <v>82</v>
      </c>
      <c r="M44043" t="s">
        <v>87</v>
      </c>
      <c r="N44043" t="s">
        <v>88</v>
      </c>
      <c r="O44043" t="s">
        <v>85</v>
      </c>
      <c r="P44043" t="s">
        <v>86</v>
      </c>
      <c r="Q44043">
        <v>163</v>
      </c>
      <c r="R44043">
        <v>166</v>
      </c>
      <c r="S44043">
        <v>168</v>
      </c>
      <c r="T44043">
        <v>170</v>
      </c>
      <c r="U44043">
        <v>173</v>
      </c>
      <c r="V44043">
        <v>175</v>
      </c>
      <c r="W44043">
        <v>178</v>
      </c>
      <c r="X44043">
        <v>180</v>
      </c>
      <c r="Y44043">
        <v>183</v>
      </c>
      <c r="Z44043">
        <v>185</v>
      </c>
      <c r="AA44043">
        <v>188</v>
      </c>
      <c r="AB44043">
        <v>190</v>
      </c>
      <c r="AC44043">
        <v>193</v>
      </c>
      <c r="AD44043">
        <v>196</v>
      </c>
      <c r="AE44043">
        <v>198</v>
      </c>
      <c r="AF44043">
        <v>201</v>
      </c>
      <c r="AG44043">
        <v>204</v>
      </c>
      <c r="AH44043">
        <v>206</v>
      </c>
      <c r="AI44043">
        <v>209</v>
      </c>
      <c r="AJ44043">
        <v>212</v>
      </c>
      <c r="AK44043">
        <v>214</v>
      </c>
      <c r="AL44043">
        <v>217</v>
      </c>
      <c r="AM44043">
        <v>220</v>
      </c>
      <c r="AN44043">
        <v>223</v>
      </c>
      <c r="AO44043">
        <v>226</v>
      </c>
      <c r="AP44043">
        <v>229</v>
      </c>
      <c r="AQ44043">
        <v>232</v>
      </c>
    </row>
    <row r="44044" spans="1:43">
      <c r="A44044" t="s">
        <v>26843</v>
      </c>
      <c r="B44044" t="s">
        <v>26844</v>
      </c>
      <c r="C44044" t="s">
        <v>2284</v>
      </c>
      <c r="D44044" t="s">
        <v>2285</v>
      </c>
      <c r="E44044" t="s">
        <v>2048</v>
      </c>
      <c r="F44044" t="s">
        <v>2049</v>
      </c>
      <c r="G44044" t="s">
        <v>80</v>
      </c>
      <c r="H44044" t="s">
        <v>81</v>
      </c>
      <c r="I44044" s="2">
        <v>0</v>
      </c>
      <c r="J44044" s="2">
        <v>1</v>
      </c>
      <c r="K44044" s="2">
        <v>0</v>
      </c>
      <c r="L44044" t="s">
        <v>82</v>
      </c>
      <c r="M44044" t="s">
        <v>89</v>
      </c>
      <c r="N44044" t="s">
        <v>90</v>
      </c>
      <c r="O44044" t="s">
        <v>85</v>
      </c>
      <c r="P44044" t="s">
        <v>86</v>
      </c>
      <c r="Q44044">
        <v>163</v>
      </c>
      <c r="R44044">
        <v>169</v>
      </c>
      <c r="S44044">
        <v>174</v>
      </c>
      <c r="T44044">
        <v>179</v>
      </c>
      <c r="U44044">
        <v>185</v>
      </c>
      <c r="V44044">
        <v>190</v>
      </c>
      <c r="W44044">
        <v>196</v>
      </c>
      <c r="X44044">
        <v>201</v>
      </c>
      <c r="Y44044">
        <v>206</v>
      </c>
      <c r="Z44044">
        <v>211</v>
      </c>
      <c r="AA44044">
        <v>217</v>
      </c>
      <c r="AB44044">
        <v>222</v>
      </c>
      <c r="AC44044">
        <v>227</v>
      </c>
      <c r="AD44044">
        <v>233</v>
      </c>
      <c r="AE44044">
        <v>237</v>
      </c>
      <c r="AF44044">
        <v>240</v>
      </c>
      <c r="AG44044">
        <v>242</v>
      </c>
      <c r="AH44044">
        <v>244</v>
      </c>
      <c r="AI44044">
        <v>247</v>
      </c>
      <c r="AJ44044">
        <v>249</v>
      </c>
      <c r="AK44044">
        <v>251</v>
      </c>
      <c r="AL44044">
        <v>254</v>
      </c>
      <c r="AM44044">
        <v>256</v>
      </c>
      <c r="AN44044">
        <v>258</v>
      </c>
      <c r="AO44044">
        <v>261</v>
      </c>
      <c r="AP44044">
        <v>263</v>
      </c>
      <c r="AQ44044">
        <v>265</v>
      </c>
    </row>
    <row r="44045" spans="1:43">
      <c r="A44045" t="s">
        <v>26843</v>
      </c>
      <c r="B44045" t="s">
        <v>26844</v>
      </c>
      <c r="C44045" t="s">
        <v>2284</v>
      </c>
      <c r="D44045" t="s">
        <v>2285</v>
      </c>
      <c r="E44045" t="s">
        <v>2048</v>
      </c>
      <c r="F44045" t="s">
        <v>2049</v>
      </c>
      <c r="G44045" t="s">
        <v>80</v>
      </c>
      <c r="H44045" t="s">
        <v>81</v>
      </c>
      <c r="I44045" s="2">
        <v>0</v>
      </c>
      <c r="J44045" s="2">
        <v>1</v>
      </c>
      <c r="K44045" s="2">
        <v>0</v>
      </c>
      <c r="L44045" t="s">
        <v>82</v>
      </c>
      <c r="M44045" t="s">
        <v>83</v>
      </c>
      <c r="N44045" t="s">
        <v>91</v>
      </c>
      <c r="O44045" t="s">
        <v>85</v>
      </c>
      <c r="P44045" t="s">
        <v>86</v>
      </c>
      <c r="Q44045">
        <v>163</v>
      </c>
      <c r="R44045">
        <v>167</v>
      </c>
      <c r="S44045">
        <v>171</v>
      </c>
      <c r="T44045">
        <v>175</v>
      </c>
      <c r="U44045">
        <v>179</v>
      </c>
      <c r="V44045">
        <v>183</v>
      </c>
      <c r="W44045">
        <v>187</v>
      </c>
      <c r="X44045">
        <v>191</v>
      </c>
      <c r="Y44045">
        <v>195</v>
      </c>
      <c r="Z44045">
        <v>200</v>
      </c>
      <c r="AA44045">
        <v>204</v>
      </c>
      <c r="AB44045">
        <v>208</v>
      </c>
      <c r="AC44045">
        <v>213</v>
      </c>
      <c r="AD44045">
        <v>217</v>
      </c>
      <c r="AE44045">
        <v>222</v>
      </c>
      <c r="AF44045">
        <v>226</v>
      </c>
      <c r="AG44045">
        <v>231</v>
      </c>
      <c r="AH44045">
        <v>236</v>
      </c>
      <c r="AI44045">
        <v>240</v>
      </c>
      <c r="AJ44045">
        <v>245</v>
      </c>
      <c r="AK44045">
        <v>250</v>
      </c>
      <c r="AL44045">
        <v>253</v>
      </c>
      <c r="AM44045">
        <v>255</v>
      </c>
      <c r="AN44045">
        <v>258</v>
      </c>
      <c r="AO44045">
        <v>260</v>
      </c>
      <c r="AP44045">
        <v>263</v>
      </c>
      <c r="AQ44045">
        <v>265</v>
      </c>
    </row>
    <row r="44046" spans="1:43">
      <c r="A44046" t="s">
        <v>26845</v>
      </c>
      <c r="B44046" t="s">
        <v>26846</v>
      </c>
      <c r="C44046" t="s">
        <v>2068</v>
      </c>
      <c r="D44046" t="s">
        <v>2069</v>
      </c>
      <c r="E44046" t="s">
        <v>2048</v>
      </c>
      <c r="F44046" t="s">
        <v>2049</v>
      </c>
      <c r="G44046" t="s">
        <v>80</v>
      </c>
      <c r="H44046" t="s">
        <v>81</v>
      </c>
      <c r="I44046" s="2">
        <v>0</v>
      </c>
      <c r="J44046" s="2">
        <v>1</v>
      </c>
      <c r="K44046" s="2">
        <v>0</v>
      </c>
      <c r="L44046" t="s">
        <v>82</v>
      </c>
      <c r="M44046" t="s">
        <v>83</v>
      </c>
      <c r="N44046" t="s">
        <v>84</v>
      </c>
      <c r="O44046" t="s">
        <v>85</v>
      </c>
      <c r="P44046" t="s">
        <v>86</v>
      </c>
      <c r="Q44046">
        <v>298</v>
      </c>
      <c r="R44046">
        <v>305</v>
      </c>
      <c r="S44046">
        <v>312</v>
      </c>
      <c r="T44046">
        <v>319</v>
      </c>
      <c r="U44046">
        <v>327</v>
      </c>
      <c r="V44046">
        <v>334</v>
      </c>
      <c r="W44046">
        <v>342</v>
      </c>
      <c r="X44046">
        <v>350</v>
      </c>
      <c r="Y44046">
        <v>357</v>
      </c>
      <c r="Z44046">
        <v>365</v>
      </c>
      <c r="AA44046">
        <v>373</v>
      </c>
      <c r="AB44046">
        <v>381</v>
      </c>
      <c r="AC44046">
        <v>389</v>
      </c>
      <c r="AD44046">
        <v>397</v>
      </c>
      <c r="AE44046">
        <v>406</v>
      </c>
      <c r="AF44046">
        <v>414</v>
      </c>
      <c r="AG44046">
        <v>422</v>
      </c>
      <c r="AH44046">
        <v>431</v>
      </c>
      <c r="AI44046">
        <v>439</v>
      </c>
      <c r="AJ44046">
        <v>448</v>
      </c>
      <c r="AK44046">
        <v>457</v>
      </c>
      <c r="AL44046">
        <v>463</v>
      </c>
      <c r="AM44046">
        <v>467</v>
      </c>
      <c r="AN44046">
        <v>472</v>
      </c>
      <c r="AO44046">
        <v>476</v>
      </c>
      <c r="AP44046">
        <v>480</v>
      </c>
      <c r="AQ44046">
        <v>485</v>
      </c>
    </row>
    <row r="44047" spans="1:43">
      <c r="A44047" t="s">
        <v>26845</v>
      </c>
      <c r="B44047" t="s">
        <v>26846</v>
      </c>
      <c r="C44047" t="s">
        <v>2068</v>
      </c>
      <c r="D44047" t="s">
        <v>2069</v>
      </c>
      <c r="E44047" t="s">
        <v>2048</v>
      </c>
      <c r="F44047" t="s">
        <v>2049</v>
      </c>
      <c r="G44047" t="s">
        <v>80</v>
      </c>
      <c r="H44047" t="s">
        <v>81</v>
      </c>
      <c r="I44047" s="2">
        <v>0</v>
      </c>
      <c r="J44047" s="2">
        <v>1</v>
      </c>
      <c r="K44047" s="2">
        <v>0</v>
      </c>
      <c r="L44047" t="s">
        <v>82</v>
      </c>
      <c r="M44047" t="s">
        <v>87</v>
      </c>
      <c r="N44047" t="s">
        <v>88</v>
      </c>
      <c r="O44047" t="s">
        <v>85</v>
      </c>
      <c r="P44047" t="s">
        <v>86</v>
      </c>
      <c r="Q44047">
        <v>298</v>
      </c>
      <c r="R44047">
        <v>302</v>
      </c>
      <c r="S44047">
        <v>307</v>
      </c>
      <c r="T44047">
        <v>311</v>
      </c>
      <c r="U44047">
        <v>315</v>
      </c>
      <c r="V44047">
        <v>320</v>
      </c>
      <c r="W44047">
        <v>324</v>
      </c>
      <c r="X44047">
        <v>329</v>
      </c>
      <c r="Y44047">
        <v>333</v>
      </c>
      <c r="Z44047">
        <v>338</v>
      </c>
      <c r="AA44047">
        <v>343</v>
      </c>
      <c r="AB44047">
        <v>347</v>
      </c>
      <c r="AC44047">
        <v>352</v>
      </c>
      <c r="AD44047">
        <v>357</v>
      </c>
      <c r="AE44047">
        <v>362</v>
      </c>
      <c r="AF44047">
        <v>366</v>
      </c>
      <c r="AG44047">
        <v>371</v>
      </c>
      <c r="AH44047">
        <v>376</v>
      </c>
      <c r="AI44047">
        <v>381</v>
      </c>
      <c r="AJ44047">
        <v>386</v>
      </c>
      <c r="AK44047">
        <v>391</v>
      </c>
      <c r="AL44047">
        <v>396</v>
      </c>
      <c r="AM44047">
        <v>402</v>
      </c>
      <c r="AN44047">
        <v>407</v>
      </c>
      <c r="AO44047">
        <v>412</v>
      </c>
      <c r="AP44047">
        <v>417</v>
      </c>
      <c r="AQ44047">
        <v>423</v>
      </c>
    </row>
    <row r="44048" spans="1:43">
      <c r="A44048" t="s">
        <v>26845</v>
      </c>
      <c r="B44048" t="s">
        <v>26846</v>
      </c>
      <c r="C44048" t="s">
        <v>2068</v>
      </c>
      <c r="D44048" t="s">
        <v>2069</v>
      </c>
      <c r="E44048" t="s">
        <v>2048</v>
      </c>
      <c r="F44048" t="s">
        <v>2049</v>
      </c>
      <c r="G44048" t="s">
        <v>80</v>
      </c>
      <c r="H44048" t="s">
        <v>81</v>
      </c>
      <c r="I44048" s="2">
        <v>0</v>
      </c>
      <c r="J44048" s="2">
        <v>1</v>
      </c>
      <c r="K44048" s="2">
        <v>0</v>
      </c>
      <c r="L44048" t="s">
        <v>82</v>
      </c>
      <c r="M44048" t="s">
        <v>89</v>
      </c>
      <c r="N44048" t="s">
        <v>90</v>
      </c>
      <c r="O44048" t="s">
        <v>85</v>
      </c>
      <c r="P44048" t="s">
        <v>86</v>
      </c>
      <c r="Q44048">
        <v>298</v>
      </c>
      <c r="R44048">
        <v>307</v>
      </c>
      <c r="S44048">
        <v>317</v>
      </c>
      <c r="T44048">
        <v>327</v>
      </c>
      <c r="U44048">
        <v>337</v>
      </c>
      <c r="V44048">
        <v>347</v>
      </c>
      <c r="W44048">
        <v>357</v>
      </c>
      <c r="X44048">
        <v>366</v>
      </c>
      <c r="Y44048">
        <v>376</v>
      </c>
      <c r="Z44048">
        <v>385</v>
      </c>
      <c r="AA44048">
        <v>395</v>
      </c>
      <c r="AB44048">
        <v>405</v>
      </c>
      <c r="AC44048">
        <v>415</v>
      </c>
      <c r="AD44048">
        <v>425</v>
      </c>
      <c r="AE44048">
        <v>433</v>
      </c>
      <c r="AF44048">
        <v>437</v>
      </c>
      <c r="AG44048">
        <v>441</v>
      </c>
      <c r="AH44048">
        <v>446</v>
      </c>
      <c r="AI44048">
        <v>450</v>
      </c>
      <c r="AJ44048">
        <v>454</v>
      </c>
      <c r="AK44048">
        <v>459</v>
      </c>
      <c r="AL44048">
        <v>463</v>
      </c>
      <c r="AM44048">
        <v>467</v>
      </c>
      <c r="AN44048">
        <v>472</v>
      </c>
      <c r="AO44048">
        <v>476</v>
      </c>
      <c r="AP44048">
        <v>480</v>
      </c>
      <c r="AQ44048">
        <v>485</v>
      </c>
    </row>
    <row r="44049" spans="1:43">
      <c r="A44049" t="s">
        <v>26845</v>
      </c>
      <c r="B44049" t="s">
        <v>26846</v>
      </c>
      <c r="C44049" t="s">
        <v>2068</v>
      </c>
      <c r="D44049" t="s">
        <v>2069</v>
      </c>
      <c r="E44049" t="s">
        <v>2048</v>
      </c>
      <c r="F44049" t="s">
        <v>2049</v>
      </c>
      <c r="G44049" t="s">
        <v>80</v>
      </c>
      <c r="H44049" t="s">
        <v>81</v>
      </c>
      <c r="I44049" s="2">
        <v>0</v>
      </c>
      <c r="J44049" s="2">
        <v>1</v>
      </c>
      <c r="K44049" s="2">
        <v>0</v>
      </c>
      <c r="L44049" t="s">
        <v>82</v>
      </c>
      <c r="M44049" t="s">
        <v>83</v>
      </c>
      <c r="N44049" t="s">
        <v>91</v>
      </c>
      <c r="O44049" t="s">
        <v>85</v>
      </c>
      <c r="P44049" t="s">
        <v>86</v>
      </c>
      <c r="Q44049">
        <v>298</v>
      </c>
      <c r="R44049">
        <v>305</v>
      </c>
      <c r="S44049">
        <v>312</v>
      </c>
      <c r="T44049">
        <v>319</v>
      </c>
      <c r="U44049">
        <v>327</v>
      </c>
      <c r="V44049">
        <v>334</v>
      </c>
      <c r="W44049">
        <v>342</v>
      </c>
      <c r="X44049">
        <v>350</v>
      </c>
      <c r="Y44049">
        <v>357</v>
      </c>
      <c r="Z44049">
        <v>365</v>
      </c>
      <c r="AA44049">
        <v>373</v>
      </c>
      <c r="AB44049">
        <v>381</v>
      </c>
      <c r="AC44049">
        <v>389</v>
      </c>
      <c r="AD44049">
        <v>397</v>
      </c>
      <c r="AE44049">
        <v>406</v>
      </c>
      <c r="AF44049">
        <v>414</v>
      </c>
      <c r="AG44049">
        <v>422</v>
      </c>
      <c r="AH44049">
        <v>431</v>
      </c>
      <c r="AI44049">
        <v>439</v>
      </c>
      <c r="AJ44049">
        <v>448</v>
      </c>
      <c r="AK44049">
        <v>457</v>
      </c>
      <c r="AL44049">
        <v>463</v>
      </c>
      <c r="AM44049">
        <v>467</v>
      </c>
      <c r="AN44049">
        <v>472</v>
      </c>
      <c r="AO44049">
        <v>476</v>
      </c>
      <c r="AP44049">
        <v>480</v>
      </c>
      <c r="AQ44049">
        <v>485</v>
      </c>
    </row>
    <row r="44050" spans="1:43">
      <c r="A44050" t="s">
        <v>26847</v>
      </c>
      <c r="B44050" t="s">
        <v>26848</v>
      </c>
      <c r="C44050" t="s">
        <v>2074</v>
      </c>
      <c r="D44050" t="s">
        <v>2075</v>
      </c>
      <c r="E44050" t="s">
        <v>2048</v>
      </c>
      <c r="F44050" t="s">
        <v>2049</v>
      </c>
      <c r="G44050" t="s">
        <v>80</v>
      </c>
      <c r="H44050" t="s">
        <v>81</v>
      </c>
      <c r="I44050" s="2">
        <v>0</v>
      </c>
      <c r="J44050" s="2">
        <v>1</v>
      </c>
      <c r="K44050" s="2">
        <v>0</v>
      </c>
      <c r="L44050" t="s">
        <v>82</v>
      </c>
      <c r="M44050" t="s">
        <v>83</v>
      </c>
      <c r="N44050" t="s">
        <v>84</v>
      </c>
      <c r="O44050" t="s">
        <v>85</v>
      </c>
      <c r="P44050" t="s">
        <v>86</v>
      </c>
      <c r="Q44050">
        <v>230</v>
      </c>
      <c r="R44050">
        <v>235</v>
      </c>
      <c r="S44050">
        <v>241</v>
      </c>
      <c r="T44050">
        <v>247</v>
      </c>
      <c r="U44050">
        <v>252</v>
      </c>
      <c r="V44050">
        <v>258</v>
      </c>
      <c r="W44050">
        <v>264</v>
      </c>
      <c r="X44050">
        <v>270</v>
      </c>
      <c r="Y44050">
        <v>276</v>
      </c>
      <c r="Z44050">
        <v>282</v>
      </c>
      <c r="AA44050">
        <v>289</v>
      </c>
      <c r="AB44050">
        <v>295</v>
      </c>
      <c r="AC44050">
        <v>301</v>
      </c>
      <c r="AD44050">
        <v>308</v>
      </c>
      <c r="AE44050">
        <v>314</v>
      </c>
      <c r="AF44050">
        <v>320</v>
      </c>
      <c r="AG44050">
        <v>327</v>
      </c>
      <c r="AH44050">
        <v>334</v>
      </c>
      <c r="AI44050">
        <v>340</v>
      </c>
      <c r="AJ44050">
        <v>347</v>
      </c>
      <c r="AK44050">
        <v>354</v>
      </c>
      <c r="AL44050">
        <v>358</v>
      </c>
      <c r="AM44050">
        <v>362</v>
      </c>
      <c r="AN44050">
        <v>365</v>
      </c>
      <c r="AO44050">
        <v>369</v>
      </c>
      <c r="AP44050">
        <v>372</v>
      </c>
      <c r="AQ44050">
        <v>375</v>
      </c>
    </row>
    <row r="44051" spans="1:43">
      <c r="A44051" t="s">
        <v>26847</v>
      </c>
      <c r="B44051" t="s">
        <v>26848</v>
      </c>
      <c r="C44051" t="s">
        <v>2074</v>
      </c>
      <c r="D44051" t="s">
        <v>2075</v>
      </c>
      <c r="E44051" t="s">
        <v>2048</v>
      </c>
      <c r="F44051" t="s">
        <v>2049</v>
      </c>
      <c r="G44051" t="s">
        <v>80</v>
      </c>
      <c r="H44051" t="s">
        <v>81</v>
      </c>
      <c r="I44051" s="2">
        <v>0</v>
      </c>
      <c r="J44051" s="2">
        <v>1</v>
      </c>
      <c r="K44051" s="2">
        <v>0</v>
      </c>
      <c r="L44051" t="s">
        <v>82</v>
      </c>
      <c r="M44051" t="s">
        <v>87</v>
      </c>
      <c r="N44051" t="s">
        <v>88</v>
      </c>
      <c r="O44051" t="s">
        <v>85</v>
      </c>
      <c r="P44051" t="s">
        <v>86</v>
      </c>
      <c r="Q44051">
        <v>230</v>
      </c>
      <c r="R44051">
        <v>233</v>
      </c>
      <c r="S44051">
        <v>236</v>
      </c>
      <c r="T44051">
        <v>240</v>
      </c>
      <c r="U44051">
        <v>243</v>
      </c>
      <c r="V44051">
        <v>247</v>
      </c>
      <c r="W44051">
        <v>250</v>
      </c>
      <c r="X44051">
        <v>254</v>
      </c>
      <c r="Y44051">
        <v>257</v>
      </c>
      <c r="Z44051">
        <v>261</v>
      </c>
      <c r="AA44051">
        <v>265</v>
      </c>
      <c r="AB44051">
        <v>268</v>
      </c>
      <c r="AC44051">
        <v>272</v>
      </c>
      <c r="AD44051">
        <v>276</v>
      </c>
      <c r="AE44051">
        <v>280</v>
      </c>
      <c r="AF44051">
        <v>284</v>
      </c>
      <c r="AG44051">
        <v>287</v>
      </c>
      <c r="AH44051">
        <v>291</v>
      </c>
      <c r="AI44051">
        <v>295</v>
      </c>
      <c r="AJ44051">
        <v>299</v>
      </c>
      <c r="AK44051">
        <v>303</v>
      </c>
      <c r="AL44051">
        <v>307</v>
      </c>
      <c r="AM44051">
        <v>311</v>
      </c>
      <c r="AN44051">
        <v>315</v>
      </c>
      <c r="AO44051">
        <v>320</v>
      </c>
      <c r="AP44051">
        <v>324</v>
      </c>
      <c r="AQ44051">
        <v>328</v>
      </c>
    </row>
    <row r="44052" spans="1:43">
      <c r="A44052" t="s">
        <v>26847</v>
      </c>
      <c r="B44052" t="s">
        <v>26848</v>
      </c>
      <c r="C44052" t="s">
        <v>2074</v>
      </c>
      <c r="D44052" t="s">
        <v>2075</v>
      </c>
      <c r="E44052" t="s">
        <v>2048</v>
      </c>
      <c r="F44052" t="s">
        <v>2049</v>
      </c>
      <c r="G44052" t="s">
        <v>80</v>
      </c>
      <c r="H44052" t="s">
        <v>81</v>
      </c>
      <c r="I44052" s="2">
        <v>0</v>
      </c>
      <c r="J44052" s="2">
        <v>1</v>
      </c>
      <c r="K44052" s="2">
        <v>0</v>
      </c>
      <c r="L44052" t="s">
        <v>82</v>
      </c>
      <c r="M44052" t="s">
        <v>89</v>
      </c>
      <c r="N44052" t="s">
        <v>90</v>
      </c>
      <c r="O44052" t="s">
        <v>85</v>
      </c>
      <c r="P44052" t="s">
        <v>86</v>
      </c>
      <c r="Q44052">
        <v>230</v>
      </c>
      <c r="R44052">
        <v>238</v>
      </c>
      <c r="S44052">
        <v>245</v>
      </c>
      <c r="T44052">
        <v>253</v>
      </c>
      <c r="U44052">
        <v>260</v>
      </c>
      <c r="V44052">
        <v>268</v>
      </c>
      <c r="W44052">
        <v>276</v>
      </c>
      <c r="X44052">
        <v>283</v>
      </c>
      <c r="Y44052">
        <v>291</v>
      </c>
      <c r="Z44052">
        <v>298</v>
      </c>
      <c r="AA44052">
        <v>306</v>
      </c>
      <c r="AB44052">
        <v>313</v>
      </c>
      <c r="AC44052">
        <v>321</v>
      </c>
      <c r="AD44052">
        <v>329</v>
      </c>
      <c r="AE44052">
        <v>335</v>
      </c>
      <c r="AF44052">
        <v>338</v>
      </c>
      <c r="AG44052">
        <v>342</v>
      </c>
      <c r="AH44052">
        <v>345</v>
      </c>
      <c r="AI44052">
        <v>348</v>
      </c>
      <c r="AJ44052">
        <v>351</v>
      </c>
      <c r="AK44052">
        <v>355</v>
      </c>
      <c r="AL44052">
        <v>358</v>
      </c>
      <c r="AM44052">
        <v>361</v>
      </c>
      <c r="AN44052">
        <v>365</v>
      </c>
      <c r="AO44052">
        <v>368</v>
      </c>
      <c r="AP44052">
        <v>371</v>
      </c>
      <c r="AQ44052">
        <v>375</v>
      </c>
    </row>
    <row r="44053" spans="1:43">
      <c r="A44053" t="s">
        <v>26847</v>
      </c>
      <c r="B44053" t="s">
        <v>26848</v>
      </c>
      <c r="C44053" t="s">
        <v>2074</v>
      </c>
      <c r="D44053" t="s">
        <v>2075</v>
      </c>
      <c r="E44053" t="s">
        <v>2048</v>
      </c>
      <c r="F44053" t="s">
        <v>2049</v>
      </c>
      <c r="G44053" t="s">
        <v>80</v>
      </c>
      <c r="H44053" t="s">
        <v>81</v>
      </c>
      <c r="I44053" s="2">
        <v>0</v>
      </c>
      <c r="J44053" s="2">
        <v>1</v>
      </c>
      <c r="K44053" s="2">
        <v>0</v>
      </c>
      <c r="L44053" t="s">
        <v>82</v>
      </c>
      <c r="M44053" t="s">
        <v>83</v>
      </c>
      <c r="N44053" t="s">
        <v>91</v>
      </c>
      <c r="O44053" t="s">
        <v>85</v>
      </c>
      <c r="P44053" t="s">
        <v>86</v>
      </c>
      <c r="Q44053">
        <v>230</v>
      </c>
      <c r="R44053">
        <v>235</v>
      </c>
      <c r="S44053">
        <v>241</v>
      </c>
      <c r="T44053">
        <v>247</v>
      </c>
      <c r="U44053">
        <v>252</v>
      </c>
      <c r="V44053">
        <v>258</v>
      </c>
      <c r="W44053">
        <v>264</v>
      </c>
      <c r="X44053">
        <v>270</v>
      </c>
      <c r="Y44053">
        <v>276</v>
      </c>
      <c r="Z44053">
        <v>282</v>
      </c>
      <c r="AA44053">
        <v>289</v>
      </c>
      <c r="AB44053">
        <v>295</v>
      </c>
      <c r="AC44053">
        <v>301</v>
      </c>
      <c r="AD44053">
        <v>308</v>
      </c>
      <c r="AE44053">
        <v>314</v>
      </c>
      <c r="AF44053">
        <v>320</v>
      </c>
      <c r="AG44053">
        <v>327</v>
      </c>
      <c r="AH44053">
        <v>334</v>
      </c>
      <c r="AI44053">
        <v>340</v>
      </c>
      <c r="AJ44053">
        <v>347</v>
      </c>
      <c r="AK44053">
        <v>354</v>
      </c>
      <c r="AL44053">
        <v>358</v>
      </c>
      <c r="AM44053">
        <v>362</v>
      </c>
      <c r="AN44053">
        <v>365</v>
      </c>
      <c r="AO44053">
        <v>369</v>
      </c>
      <c r="AP44053">
        <v>372</v>
      </c>
      <c r="AQ44053">
        <v>375</v>
      </c>
    </row>
    <row r="44054" spans="1:43">
      <c r="A44054" t="s">
        <v>26849</v>
      </c>
      <c r="B44054" t="s">
        <v>26850</v>
      </c>
      <c r="C44054" t="s">
        <v>5756</v>
      </c>
      <c r="D44054" t="s">
        <v>5757</v>
      </c>
      <c r="E44054" t="s">
        <v>5698</v>
      </c>
      <c r="F44054" t="s">
        <v>5699</v>
      </c>
      <c r="G44054" t="s">
        <v>80</v>
      </c>
      <c r="H44054" t="s">
        <v>81</v>
      </c>
      <c r="I44054" s="2">
        <v>0</v>
      </c>
      <c r="J44054" s="2">
        <v>1</v>
      </c>
      <c r="K44054" s="2">
        <v>0</v>
      </c>
      <c r="L44054" t="s">
        <v>82</v>
      </c>
      <c r="M44054" t="s">
        <v>83</v>
      </c>
      <c r="N44054" t="s">
        <v>84</v>
      </c>
      <c r="O44054" t="s">
        <v>85</v>
      </c>
      <c r="P44054" t="s">
        <v>86</v>
      </c>
      <c r="Q44054">
        <v>331</v>
      </c>
      <c r="R44054">
        <v>334</v>
      </c>
      <c r="S44054">
        <v>337</v>
      </c>
      <c r="T44054">
        <v>341</v>
      </c>
      <c r="U44054">
        <v>344</v>
      </c>
      <c r="V44054">
        <v>347</v>
      </c>
      <c r="W44054">
        <v>350</v>
      </c>
      <c r="X44054">
        <v>353</v>
      </c>
      <c r="Y44054">
        <v>357</v>
      </c>
      <c r="Z44054">
        <v>360</v>
      </c>
      <c r="AA44054">
        <v>363</v>
      </c>
      <c r="AB44054">
        <v>366</v>
      </c>
      <c r="AC44054">
        <v>369</v>
      </c>
      <c r="AD44054">
        <v>372</v>
      </c>
      <c r="AE44054">
        <v>374</v>
      </c>
      <c r="AF44054">
        <v>377</v>
      </c>
      <c r="AG44054">
        <v>380</v>
      </c>
      <c r="AH44054">
        <v>383</v>
      </c>
      <c r="AI44054">
        <v>386</v>
      </c>
      <c r="AJ44054">
        <v>388</v>
      </c>
      <c r="AK44054">
        <v>391</v>
      </c>
      <c r="AL44054">
        <v>391</v>
      </c>
      <c r="AM44054">
        <v>390</v>
      </c>
      <c r="AN44054">
        <v>389</v>
      </c>
      <c r="AO44054">
        <v>388</v>
      </c>
      <c r="AP44054">
        <v>387</v>
      </c>
      <c r="AQ44054">
        <v>387</v>
      </c>
    </row>
    <row r="44055" spans="1:43">
      <c r="A44055" t="s">
        <v>26849</v>
      </c>
      <c r="B44055" t="s">
        <v>26850</v>
      </c>
      <c r="C44055" t="s">
        <v>5756</v>
      </c>
      <c r="D44055" t="s">
        <v>5757</v>
      </c>
      <c r="E44055" t="s">
        <v>5698</v>
      </c>
      <c r="F44055" t="s">
        <v>5699</v>
      </c>
      <c r="G44055" t="s">
        <v>80</v>
      </c>
      <c r="H44055" t="s">
        <v>81</v>
      </c>
      <c r="I44055" s="2">
        <v>0</v>
      </c>
      <c r="J44055" s="2">
        <v>1</v>
      </c>
      <c r="K44055" s="2">
        <v>0</v>
      </c>
      <c r="L44055" t="s">
        <v>82</v>
      </c>
      <c r="M44055" t="s">
        <v>87</v>
      </c>
      <c r="N44055" t="s">
        <v>88</v>
      </c>
      <c r="O44055" t="s">
        <v>85</v>
      </c>
      <c r="P44055" t="s">
        <v>86</v>
      </c>
      <c r="Q44055">
        <v>331</v>
      </c>
      <c r="R44055">
        <v>332</v>
      </c>
      <c r="S44055">
        <v>332</v>
      </c>
      <c r="T44055">
        <v>332</v>
      </c>
      <c r="U44055">
        <v>333</v>
      </c>
      <c r="V44055">
        <v>333</v>
      </c>
      <c r="W44055">
        <v>333</v>
      </c>
      <c r="X44055">
        <v>333</v>
      </c>
      <c r="Y44055">
        <v>334</v>
      </c>
      <c r="Z44055">
        <v>334</v>
      </c>
      <c r="AA44055">
        <v>334</v>
      </c>
      <c r="AB44055">
        <v>334</v>
      </c>
      <c r="AC44055">
        <v>335</v>
      </c>
      <c r="AD44055">
        <v>335</v>
      </c>
      <c r="AE44055">
        <v>335</v>
      </c>
      <c r="AF44055">
        <v>335</v>
      </c>
      <c r="AG44055">
        <v>335</v>
      </c>
      <c r="AH44055">
        <v>336</v>
      </c>
      <c r="AI44055">
        <v>336</v>
      </c>
      <c r="AJ44055">
        <v>336</v>
      </c>
      <c r="AK44055">
        <v>336</v>
      </c>
      <c r="AL44055">
        <v>336</v>
      </c>
      <c r="AM44055">
        <v>337</v>
      </c>
      <c r="AN44055">
        <v>337</v>
      </c>
      <c r="AO44055">
        <v>337</v>
      </c>
      <c r="AP44055">
        <v>337</v>
      </c>
      <c r="AQ44055">
        <v>337</v>
      </c>
    </row>
    <row r="44056" spans="1:43">
      <c r="A44056" t="s">
        <v>26849</v>
      </c>
      <c r="B44056" t="s">
        <v>26850</v>
      </c>
      <c r="C44056" t="s">
        <v>5756</v>
      </c>
      <c r="D44056" t="s">
        <v>5757</v>
      </c>
      <c r="E44056" t="s">
        <v>5698</v>
      </c>
      <c r="F44056" t="s">
        <v>5699</v>
      </c>
      <c r="G44056" t="s">
        <v>80</v>
      </c>
      <c r="H44056" t="s">
        <v>81</v>
      </c>
      <c r="I44056" s="2">
        <v>0</v>
      </c>
      <c r="J44056" s="2">
        <v>1</v>
      </c>
      <c r="K44056" s="2">
        <v>0</v>
      </c>
      <c r="L44056" t="s">
        <v>82</v>
      </c>
      <c r="M44056" t="s">
        <v>89</v>
      </c>
      <c r="N44056" t="s">
        <v>90</v>
      </c>
      <c r="O44056" t="s">
        <v>85</v>
      </c>
      <c r="P44056" t="s">
        <v>86</v>
      </c>
      <c r="Q44056">
        <v>331</v>
      </c>
      <c r="R44056">
        <v>337</v>
      </c>
      <c r="S44056">
        <v>343</v>
      </c>
      <c r="T44056">
        <v>349</v>
      </c>
      <c r="U44056">
        <v>354</v>
      </c>
      <c r="V44056">
        <v>360</v>
      </c>
      <c r="W44056">
        <v>365</v>
      </c>
      <c r="X44056">
        <v>370</v>
      </c>
      <c r="Y44056">
        <v>375</v>
      </c>
      <c r="Z44056">
        <v>380</v>
      </c>
      <c r="AA44056">
        <v>384</v>
      </c>
      <c r="AB44056">
        <v>388</v>
      </c>
      <c r="AC44056">
        <v>393</v>
      </c>
      <c r="AD44056">
        <v>397</v>
      </c>
      <c r="AE44056">
        <v>399</v>
      </c>
      <c r="AF44056">
        <v>398</v>
      </c>
      <c r="AG44056">
        <v>398</v>
      </c>
      <c r="AH44056">
        <v>397</v>
      </c>
      <c r="AI44056">
        <v>396</v>
      </c>
      <c r="AJ44056">
        <v>395</v>
      </c>
      <c r="AK44056">
        <v>394</v>
      </c>
      <c r="AL44056">
        <v>393</v>
      </c>
      <c r="AM44056">
        <v>392</v>
      </c>
      <c r="AN44056">
        <v>391</v>
      </c>
      <c r="AO44056">
        <v>390</v>
      </c>
      <c r="AP44056">
        <v>389</v>
      </c>
      <c r="AQ44056">
        <v>388</v>
      </c>
    </row>
    <row r="44057" spans="1:43">
      <c r="A44057" t="s">
        <v>26849</v>
      </c>
      <c r="B44057" t="s">
        <v>26850</v>
      </c>
      <c r="C44057" t="s">
        <v>5756</v>
      </c>
      <c r="D44057" t="s">
        <v>5757</v>
      </c>
      <c r="E44057" t="s">
        <v>5698</v>
      </c>
      <c r="F44057" t="s">
        <v>5699</v>
      </c>
      <c r="G44057" t="s">
        <v>80</v>
      </c>
      <c r="H44057" t="s">
        <v>81</v>
      </c>
      <c r="I44057" s="2">
        <v>0</v>
      </c>
      <c r="J44057" s="2">
        <v>1</v>
      </c>
      <c r="K44057" s="2">
        <v>0</v>
      </c>
      <c r="L44057" t="s">
        <v>82</v>
      </c>
      <c r="M44057" t="s">
        <v>83</v>
      </c>
      <c r="N44057" t="s">
        <v>91</v>
      </c>
      <c r="O44057" t="s">
        <v>85</v>
      </c>
      <c r="P44057" t="s">
        <v>86</v>
      </c>
      <c r="Q44057">
        <v>331</v>
      </c>
      <c r="R44057">
        <v>334</v>
      </c>
      <c r="S44057">
        <v>337</v>
      </c>
      <c r="T44057">
        <v>341</v>
      </c>
      <c r="U44057">
        <v>344</v>
      </c>
      <c r="V44057">
        <v>347</v>
      </c>
      <c r="W44057">
        <v>350</v>
      </c>
      <c r="X44057">
        <v>353</v>
      </c>
      <c r="Y44057">
        <v>357</v>
      </c>
      <c r="Z44057">
        <v>360</v>
      </c>
      <c r="AA44057">
        <v>363</v>
      </c>
      <c r="AB44057">
        <v>366</v>
      </c>
      <c r="AC44057">
        <v>369</v>
      </c>
      <c r="AD44057">
        <v>372</v>
      </c>
      <c r="AE44057">
        <v>374</v>
      </c>
      <c r="AF44057">
        <v>377</v>
      </c>
      <c r="AG44057">
        <v>380</v>
      </c>
      <c r="AH44057">
        <v>383</v>
      </c>
      <c r="AI44057">
        <v>386</v>
      </c>
      <c r="AJ44057">
        <v>388</v>
      </c>
      <c r="AK44057">
        <v>391</v>
      </c>
      <c r="AL44057">
        <v>391</v>
      </c>
      <c r="AM44057">
        <v>390</v>
      </c>
      <c r="AN44057">
        <v>389</v>
      </c>
      <c r="AO44057">
        <v>388</v>
      </c>
      <c r="AP44057">
        <v>387</v>
      </c>
      <c r="AQ44057">
        <v>387</v>
      </c>
    </row>
    <row r="44058" spans="1:43">
      <c r="A44058" t="s">
        <v>26851</v>
      </c>
      <c r="B44058" t="s">
        <v>26852</v>
      </c>
      <c r="C44058" t="s">
        <v>5894</v>
      </c>
      <c r="D44058" t="s">
        <v>5895</v>
      </c>
      <c r="E44058" t="s">
        <v>5698</v>
      </c>
      <c r="F44058" t="s">
        <v>5699</v>
      </c>
      <c r="G44058" t="s">
        <v>80</v>
      </c>
      <c r="H44058" t="s">
        <v>81</v>
      </c>
      <c r="I44058" s="2">
        <v>0</v>
      </c>
      <c r="J44058" s="2">
        <v>1</v>
      </c>
      <c r="K44058" s="2">
        <v>0</v>
      </c>
      <c r="L44058" t="s">
        <v>82</v>
      </c>
      <c r="M44058" t="s">
        <v>83</v>
      </c>
      <c r="N44058" t="s">
        <v>84</v>
      </c>
      <c r="O44058" t="s">
        <v>85</v>
      </c>
      <c r="P44058" t="s">
        <v>86</v>
      </c>
      <c r="Q44058">
        <v>101</v>
      </c>
      <c r="R44058">
        <v>102</v>
      </c>
      <c r="S44058">
        <v>103</v>
      </c>
      <c r="T44058">
        <v>104</v>
      </c>
      <c r="U44058">
        <v>105</v>
      </c>
      <c r="V44058">
        <v>106</v>
      </c>
      <c r="W44058">
        <v>107</v>
      </c>
      <c r="X44058">
        <v>108</v>
      </c>
      <c r="Y44058">
        <v>109</v>
      </c>
      <c r="Z44058">
        <v>110</v>
      </c>
      <c r="AA44058">
        <v>111</v>
      </c>
      <c r="AB44058">
        <v>112</v>
      </c>
      <c r="AC44058">
        <v>113</v>
      </c>
      <c r="AD44058">
        <v>113</v>
      </c>
      <c r="AE44058">
        <v>114</v>
      </c>
      <c r="AF44058">
        <v>115</v>
      </c>
      <c r="AG44058">
        <v>116</v>
      </c>
      <c r="AH44058">
        <v>117</v>
      </c>
      <c r="AI44058">
        <v>118</v>
      </c>
      <c r="AJ44058">
        <v>118</v>
      </c>
      <c r="AK44058">
        <v>119</v>
      </c>
      <c r="AL44058">
        <v>119</v>
      </c>
      <c r="AM44058">
        <v>119</v>
      </c>
      <c r="AN44058">
        <v>119</v>
      </c>
      <c r="AO44058">
        <v>118</v>
      </c>
      <c r="AP44058">
        <v>118</v>
      </c>
      <c r="AQ44058">
        <v>118</v>
      </c>
    </row>
    <row r="44059" spans="1:43">
      <c r="A44059" t="s">
        <v>26851</v>
      </c>
      <c r="B44059" t="s">
        <v>26852</v>
      </c>
      <c r="C44059" t="s">
        <v>5894</v>
      </c>
      <c r="D44059" t="s">
        <v>5895</v>
      </c>
      <c r="E44059" t="s">
        <v>5698</v>
      </c>
      <c r="F44059" t="s">
        <v>5699</v>
      </c>
      <c r="G44059" t="s">
        <v>80</v>
      </c>
      <c r="H44059" t="s">
        <v>81</v>
      </c>
      <c r="I44059" s="2">
        <v>0</v>
      </c>
      <c r="J44059" s="2">
        <v>1</v>
      </c>
      <c r="K44059" s="2">
        <v>0</v>
      </c>
      <c r="L44059" t="s">
        <v>82</v>
      </c>
      <c r="M44059" t="s">
        <v>87</v>
      </c>
      <c r="N44059" t="s">
        <v>88</v>
      </c>
      <c r="O44059" t="s">
        <v>85</v>
      </c>
      <c r="P44059" t="s">
        <v>86</v>
      </c>
      <c r="Q44059">
        <v>101</v>
      </c>
      <c r="R44059">
        <v>101</v>
      </c>
      <c r="S44059">
        <v>101</v>
      </c>
      <c r="T44059">
        <v>101</v>
      </c>
      <c r="U44059">
        <v>101</v>
      </c>
      <c r="V44059">
        <v>101</v>
      </c>
      <c r="W44059">
        <v>101</v>
      </c>
      <c r="X44059">
        <v>101</v>
      </c>
      <c r="Y44059">
        <v>102</v>
      </c>
      <c r="Z44059">
        <v>102</v>
      </c>
      <c r="AA44059">
        <v>102</v>
      </c>
      <c r="AB44059">
        <v>102</v>
      </c>
      <c r="AC44059">
        <v>102</v>
      </c>
      <c r="AD44059">
        <v>102</v>
      </c>
      <c r="AE44059">
        <v>102</v>
      </c>
      <c r="AF44059">
        <v>102</v>
      </c>
      <c r="AG44059">
        <v>102</v>
      </c>
      <c r="AH44059">
        <v>102</v>
      </c>
      <c r="AI44059">
        <v>102</v>
      </c>
      <c r="AJ44059">
        <v>102</v>
      </c>
      <c r="AK44059">
        <v>103</v>
      </c>
      <c r="AL44059">
        <v>103</v>
      </c>
      <c r="AM44059">
        <v>103</v>
      </c>
      <c r="AN44059">
        <v>103</v>
      </c>
      <c r="AO44059">
        <v>103</v>
      </c>
      <c r="AP44059">
        <v>103</v>
      </c>
      <c r="AQ44059">
        <v>103</v>
      </c>
    </row>
    <row r="44060" spans="1:43">
      <c r="A44060" t="s">
        <v>26851</v>
      </c>
      <c r="B44060" t="s">
        <v>26852</v>
      </c>
      <c r="C44060" t="s">
        <v>5894</v>
      </c>
      <c r="D44060" t="s">
        <v>5895</v>
      </c>
      <c r="E44060" t="s">
        <v>5698</v>
      </c>
      <c r="F44060" t="s">
        <v>5699</v>
      </c>
      <c r="G44060" t="s">
        <v>80</v>
      </c>
      <c r="H44060" t="s">
        <v>81</v>
      </c>
      <c r="I44060" s="2">
        <v>0</v>
      </c>
      <c r="J44060" s="2">
        <v>1</v>
      </c>
      <c r="K44060" s="2">
        <v>0</v>
      </c>
      <c r="L44060" t="s">
        <v>82</v>
      </c>
      <c r="M44060" t="s">
        <v>89</v>
      </c>
      <c r="N44060" t="s">
        <v>90</v>
      </c>
      <c r="O44060" t="s">
        <v>85</v>
      </c>
      <c r="P44060" t="s">
        <v>86</v>
      </c>
      <c r="Q44060">
        <v>101</v>
      </c>
      <c r="R44060">
        <v>103</v>
      </c>
      <c r="S44060">
        <v>104</v>
      </c>
      <c r="T44060">
        <v>106</v>
      </c>
      <c r="U44060">
        <v>108</v>
      </c>
      <c r="V44060">
        <v>110</v>
      </c>
      <c r="W44060">
        <v>111</v>
      </c>
      <c r="X44060">
        <v>113</v>
      </c>
      <c r="Y44060">
        <v>114</v>
      </c>
      <c r="Z44060">
        <v>116</v>
      </c>
      <c r="AA44060">
        <v>117</v>
      </c>
      <c r="AB44060">
        <v>118</v>
      </c>
      <c r="AC44060">
        <v>120</v>
      </c>
      <c r="AD44060">
        <v>121</v>
      </c>
      <c r="AE44060">
        <v>122</v>
      </c>
      <c r="AF44060">
        <v>121</v>
      </c>
      <c r="AG44060">
        <v>121</v>
      </c>
      <c r="AH44060">
        <v>121</v>
      </c>
      <c r="AI44060">
        <v>120</v>
      </c>
      <c r="AJ44060">
        <v>120</v>
      </c>
      <c r="AK44060">
        <v>120</v>
      </c>
      <c r="AL44060">
        <v>119</v>
      </c>
      <c r="AM44060">
        <v>119</v>
      </c>
      <c r="AN44060">
        <v>119</v>
      </c>
      <c r="AO44060">
        <v>119</v>
      </c>
      <c r="AP44060">
        <v>118</v>
      </c>
      <c r="AQ44060">
        <v>118</v>
      </c>
    </row>
    <row r="44061" spans="1:43">
      <c r="A44061" t="s">
        <v>26851</v>
      </c>
      <c r="B44061" t="s">
        <v>26852</v>
      </c>
      <c r="C44061" t="s">
        <v>5894</v>
      </c>
      <c r="D44061" t="s">
        <v>5895</v>
      </c>
      <c r="E44061" t="s">
        <v>5698</v>
      </c>
      <c r="F44061" t="s">
        <v>5699</v>
      </c>
      <c r="G44061" t="s">
        <v>80</v>
      </c>
      <c r="H44061" t="s">
        <v>81</v>
      </c>
      <c r="I44061" s="2">
        <v>0</v>
      </c>
      <c r="J44061" s="2">
        <v>1</v>
      </c>
      <c r="K44061" s="2">
        <v>0</v>
      </c>
      <c r="L44061" t="s">
        <v>82</v>
      </c>
      <c r="M44061" t="s">
        <v>83</v>
      </c>
      <c r="N44061" t="s">
        <v>91</v>
      </c>
      <c r="O44061" t="s">
        <v>85</v>
      </c>
      <c r="P44061" t="s">
        <v>86</v>
      </c>
      <c r="Q44061">
        <v>101</v>
      </c>
      <c r="R44061">
        <v>102</v>
      </c>
      <c r="S44061">
        <v>103</v>
      </c>
      <c r="T44061">
        <v>104</v>
      </c>
      <c r="U44061">
        <v>105</v>
      </c>
      <c r="V44061">
        <v>106</v>
      </c>
      <c r="W44061">
        <v>107</v>
      </c>
      <c r="X44061">
        <v>108</v>
      </c>
      <c r="Y44061">
        <v>109</v>
      </c>
      <c r="Z44061">
        <v>110</v>
      </c>
      <c r="AA44061">
        <v>111</v>
      </c>
      <c r="AB44061">
        <v>112</v>
      </c>
      <c r="AC44061">
        <v>113</v>
      </c>
      <c r="AD44061">
        <v>113</v>
      </c>
      <c r="AE44061">
        <v>114</v>
      </c>
      <c r="AF44061">
        <v>115</v>
      </c>
      <c r="AG44061">
        <v>116</v>
      </c>
      <c r="AH44061">
        <v>117</v>
      </c>
      <c r="AI44061">
        <v>118</v>
      </c>
      <c r="AJ44061">
        <v>118</v>
      </c>
      <c r="AK44061">
        <v>119</v>
      </c>
      <c r="AL44061">
        <v>119</v>
      </c>
      <c r="AM44061">
        <v>119</v>
      </c>
      <c r="AN44061">
        <v>119</v>
      </c>
      <c r="AO44061">
        <v>118</v>
      </c>
      <c r="AP44061">
        <v>118</v>
      </c>
      <c r="AQ44061">
        <v>118</v>
      </c>
    </row>
    <row r="44062" spans="1:43">
      <c r="A44062" t="s">
        <v>26853</v>
      </c>
      <c r="B44062" t="s">
        <v>26854</v>
      </c>
      <c r="C44062" t="s">
        <v>10076</v>
      </c>
      <c r="D44062" t="s">
        <v>10077</v>
      </c>
      <c r="E44062" t="s">
        <v>9956</v>
      </c>
      <c r="F44062" t="s">
        <v>9957</v>
      </c>
      <c r="G44062" t="s">
        <v>80</v>
      </c>
      <c r="H44062" t="s">
        <v>81</v>
      </c>
      <c r="I44062" s="2">
        <v>0</v>
      </c>
      <c r="J44062" s="2">
        <v>1</v>
      </c>
      <c r="K44062" s="2">
        <v>0</v>
      </c>
      <c r="L44062" t="s">
        <v>82</v>
      </c>
      <c r="M44062" t="s">
        <v>83</v>
      </c>
      <c r="N44062" t="s">
        <v>84</v>
      </c>
      <c r="O44062" t="s">
        <v>85</v>
      </c>
      <c r="P44062" t="s">
        <v>86</v>
      </c>
      <c r="Q44062">
        <v>93</v>
      </c>
      <c r="R44062">
        <v>95</v>
      </c>
      <c r="S44062">
        <v>97</v>
      </c>
      <c r="T44062">
        <v>99</v>
      </c>
      <c r="U44062">
        <v>101</v>
      </c>
      <c r="V44062">
        <v>103</v>
      </c>
      <c r="W44062">
        <v>105</v>
      </c>
      <c r="X44062">
        <v>107</v>
      </c>
      <c r="Y44062">
        <v>109</v>
      </c>
      <c r="Z44062">
        <v>111</v>
      </c>
      <c r="AA44062">
        <v>114</v>
      </c>
      <c r="AB44062">
        <v>116</v>
      </c>
      <c r="AC44062">
        <v>118</v>
      </c>
      <c r="AD44062">
        <v>121</v>
      </c>
      <c r="AE44062">
        <v>123</v>
      </c>
      <c r="AF44062">
        <v>125</v>
      </c>
      <c r="AG44062">
        <v>128</v>
      </c>
      <c r="AH44062">
        <v>130</v>
      </c>
      <c r="AI44062">
        <v>132</v>
      </c>
      <c r="AJ44062">
        <v>135</v>
      </c>
      <c r="AK44062">
        <v>137</v>
      </c>
      <c r="AL44062">
        <v>139</v>
      </c>
      <c r="AM44062">
        <v>140</v>
      </c>
      <c r="AN44062">
        <v>141</v>
      </c>
      <c r="AO44062">
        <v>142</v>
      </c>
      <c r="AP44062">
        <v>143</v>
      </c>
      <c r="AQ44062">
        <v>145</v>
      </c>
    </row>
    <row r="44063" spans="1:43">
      <c r="A44063" t="s">
        <v>26853</v>
      </c>
      <c r="B44063" t="s">
        <v>26854</v>
      </c>
      <c r="C44063" t="s">
        <v>10076</v>
      </c>
      <c r="D44063" t="s">
        <v>10077</v>
      </c>
      <c r="E44063" t="s">
        <v>9956</v>
      </c>
      <c r="F44063" t="s">
        <v>9957</v>
      </c>
      <c r="G44063" t="s">
        <v>80</v>
      </c>
      <c r="H44063" t="s">
        <v>81</v>
      </c>
      <c r="I44063" s="2">
        <v>0</v>
      </c>
      <c r="J44063" s="2">
        <v>1</v>
      </c>
      <c r="K44063" s="2">
        <v>0</v>
      </c>
      <c r="L44063" t="s">
        <v>82</v>
      </c>
      <c r="M44063" t="s">
        <v>87</v>
      </c>
      <c r="N44063" t="s">
        <v>88</v>
      </c>
      <c r="O44063" t="s">
        <v>85</v>
      </c>
      <c r="P44063" t="s">
        <v>86</v>
      </c>
      <c r="Q44063">
        <v>93</v>
      </c>
      <c r="R44063">
        <v>94</v>
      </c>
      <c r="S44063">
        <v>95</v>
      </c>
      <c r="T44063">
        <v>96</v>
      </c>
      <c r="U44063">
        <v>97</v>
      </c>
      <c r="V44063">
        <v>98</v>
      </c>
      <c r="W44063">
        <v>100</v>
      </c>
      <c r="X44063">
        <v>101</v>
      </c>
      <c r="Y44063">
        <v>102</v>
      </c>
      <c r="Z44063">
        <v>103</v>
      </c>
      <c r="AA44063">
        <v>104</v>
      </c>
      <c r="AB44063">
        <v>106</v>
      </c>
      <c r="AC44063">
        <v>107</v>
      </c>
      <c r="AD44063">
        <v>108</v>
      </c>
      <c r="AE44063">
        <v>110</v>
      </c>
      <c r="AF44063">
        <v>111</v>
      </c>
      <c r="AG44063">
        <v>112</v>
      </c>
      <c r="AH44063">
        <v>114</v>
      </c>
      <c r="AI44063">
        <v>115</v>
      </c>
      <c r="AJ44063">
        <v>116</v>
      </c>
      <c r="AK44063">
        <v>118</v>
      </c>
      <c r="AL44063">
        <v>119</v>
      </c>
      <c r="AM44063">
        <v>121</v>
      </c>
      <c r="AN44063">
        <v>122</v>
      </c>
      <c r="AO44063">
        <v>123</v>
      </c>
      <c r="AP44063">
        <v>125</v>
      </c>
      <c r="AQ44063">
        <v>126</v>
      </c>
    </row>
    <row r="44064" spans="1:43">
      <c r="A44064" t="s">
        <v>26853</v>
      </c>
      <c r="B44064" t="s">
        <v>26854</v>
      </c>
      <c r="C44064" t="s">
        <v>10076</v>
      </c>
      <c r="D44064" t="s">
        <v>10077</v>
      </c>
      <c r="E44064" t="s">
        <v>9956</v>
      </c>
      <c r="F44064" t="s">
        <v>9957</v>
      </c>
      <c r="G44064" t="s">
        <v>80</v>
      </c>
      <c r="H44064" t="s">
        <v>81</v>
      </c>
      <c r="I44064" s="2">
        <v>0</v>
      </c>
      <c r="J44064" s="2">
        <v>1</v>
      </c>
      <c r="K44064" s="2">
        <v>0</v>
      </c>
      <c r="L44064" t="s">
        <v>82</v>
      </c>
      <c r="M44064" t="s">
        <v>89</v>
      </c>
      <c r="N44064" t="s">
        <v>90</v>
      </c>
      <c r="O44064" t="s">
        <v>85</v>
      </c>
      <c r="P44064" t="s">
        <v>86</v>
      </c>
      <c r="Q44064">
        <v>93</v>
      </c>
      <c r="R44064">
        <v>96</v>
      </c>
      <c r="S44064">
        <v>99</v>
      </c>
      <c r="T44064">
        <v>102</v>
      </c>
      <c r="U44064">
        <v>105</v>
      </c>
      <c r="V44064">
        <v>108</v>
      </c>
      <c r="W44064">
        <v>110</v>
      </c>
      <c r="X44064">
        <v>113</v>
      </c>
      <c r="Y44064">
        <v>116</v>
      </c>
      <c r="Z44064">
        <v>119</v>
      </c>
      <c r="AA44064">
        <v>121</v>
      </c>
      <c r="AB44064">
        <v>124</v>
      </c>
      <c r="AC44064">
        <v>127</v>
      </c>
      <c r="AD44064">
        <v>130</v>
      </c>
      <c r="AE44064">
        <v>132</v>
      </c>
      <c r="AF44064">
        <v>133</v>
      </c>
      <c r="AG44064">
        <v>134</v>
      </c>
      <c r="AH44064">
        <v>135</v>
      </c>
      <c r="AI44064">
        <v>136</v>
      </c>
      <c r="AJ44064">
        <v>137</v>
      </c>
      <c r="AK44064">
        <v>139</v>
      </c>
      <c r="AL44064">
        <v>140</v>
      </c>
      <c r="AM44064">
        <v>141</v>
      </c>
      <c r="AN44064">
        <v>142</v>
      </c>
      <c r="AO44064">
        <v>143</v>
      </c>
      <c r="AP44064">
        <v>144</v>
      </c>
      <c r="AQ44064">
        <v>145</v>
      </c>
    </row>
    <row r="44065" spans="1:43">
      <c r="A44065" t="s">
        <v>26853</v>
      </c>
      <c r="B44065" t="s">
        <v>26854</v>
      </c>
      <c r="C44065" t="s">
        <v>10076</v>
      </c>
      <c r="D44065" t="s">
        <v>10077</v>
      </c>
      <c r="E44065" t="s">
        <v>9956</v>
      </c>
      <c r="F44065" t="s">
        <v>9957</v>
      </c>
      <c r="G44065" t="s">
        <v>80</v>
      </c>
      <c r="H44065" t="s">
        <v>81</v>
      </c>
      <c r="I44065" s="2">
        <v>0</v>
      </c>
      <c r="J44065" s="2">
        <v>1</v>
      </c>
      <c r="K44065" s="2">
        <v>0</v>
      </c>
      <c r="L44065" t="s">
        <v>82</v>
      </c>
      <c r="M44065" t="s">
        <v>83</v>
      </c>
      <c r="N44065" t="s">
        <v>91</v>
      </c>
      <c r="O44065" t="s">
        <v>85</v>
      </c>
      <c r="P44065" t="s">
        <v>86</v>
      </c>
      <c r="Q44065">
        <v>93</v>
      </c>
      <c r="R44065">
        <v>95</v>
      </c>
      <c r="S44065">
        <v>97</v>
      </c>
      <c r="T44065">
        <v>99</v>
      </c>
      <c r="U44065">
        <v>101</v>
      </c>
      <c r="V44065">
        <v>103</v>
      </c>
      <c r="W44065">
        <v>105</v>
      </c>
      <c r="X44065">
        <v>107</v>
      </c>
      <c r="Y44065">
        <v>109</v>
      </c>
      <c r="Z44065">
        <v>111</v>
      </c>
      <c r="AA44065">
        <v>114</v>
      </c>
      <c r="AB44065">
        <v>116</v>
      </c>
      <c r="AC44065">
        <v>118</v>
      </c>
      <c r="AD44065">
        <v>121</v>
      </c>
      <c r="AE44065">
        <v>123</v>
      </c>
      <c r="AF44065">
        <v>125</v>
      </c>
      <c r="AG44065">
        <v>128</v>
      </c>
      <c r="AH44065">
        <v>130</v>
      </c>
      <c r="AI44065">
        <v>132</v>
      </c>
      <c r="AJ44065">
        <v>135</v>
      </c>
      <c r="AK44065">
        <v>137</v>
      </c>
      <c r="AL44065">
        <v>139</v>
      </c>
      <c r="AM44065">
        <v>140</v>
      </c>
      <c r="AN44065">
        <v>141</v>
      </c>
      <c r="AO44065">
        <v>142</v>
      </c>
      <c r="AP44065">
        <v>143</v>
      </c>
      <c r="AQ44065">
        <v>145</v>
      </c>
    </row>
    <row r="44066" spans="1:43">
      <c r="A44066" t="s">
        <v>26855</v>
      </c>
      <c r="B44066" t="s">
        <v>26856</v>
      </c>
      <c r="C44066" t="s">
        <v>10106</v>
      </c>
      <c r="D44066" t="s">
        <v>10107</v>
      </c>
      <c r="E44066" t="s">
        <v>9956</v>
      </c>
      <c r="F44066" t="s">
        <v>9957</v>
      </c>
      <c r="G44066" t="s">
        <v>80</v>
      </c>
      <c r="H44066" t="s">
        <v>81</v>
      </c>
      <c r="I44066" s="2">
        <v>0</v>
      </c>
      <c r="J44066" s="2">
        <v>1</v>
      </c>
      <c r="K44066" s="2">
        <v>0</v>
      </c>
      <c r="L44066" t="s">
        <v>82</v>
      </c>
      <c r="M44066" t="s">
        <v>83</v>
      </c>
      <c r="N44066" t="s">
        <v>84</v>
      </c>
      <c r="O44066" t="s">
        <v>85</v>
      </c>
      <c r="P44066" t="s">
        <v>86</v>
      </c>
      <c r="Q44066">
        <v>2790</v>
      </c>
      <c r="R44066">
        <v>2850</v>
      </c>
      <c r="S44066">
        <v>2912</v>
      </c>
      <c r="T44066">
        <v>2973</v>
      </c>
      <c r="U44066">
        <v>3035</v>
      </c>
      <c r="V44066">
        <v>3097</v>
      </c>
      <c r="W44066">
        <v>3161</v>
      </c>
      <c r="X44066">
        <v>3225</v>
      </c>
      <c r="Y44066">
        <v>3291</v>
      </c>
      <c r="Z44066">
        <v>3358</v>
      </c>
      <c r="AA44066">
        <v>3426</v>
      </c>
      <c r="AB44066">
        <v>3494</v>
      </c>
      <c r="AC44066">
        <v>3564</v>
      </c>
      <c r="AD44066">
        <v>3634</v>
      </c>
      <c r="AE44066">
        <v>3705</v>
      </c>
      <c r="AF44066">
        <v>3777</v>
      </c>
      <c r="AG44066">
        <v>3849</v>
      </c>
      <c r="AH44066">
        <v>3923</v>
      </c>
      <c r="AI44066">
        <v>3998</v>
      </c>
      <c r="AJ44066">
        <v>4073</v>
      </c>
      <c r="AK44066">
        <v>4149</v>
      </c>
      <c r="AL44066">
        <v>4199</v>
      </c>
      <c r="AM44066">
        <v>4236</v>
      </c>
      <c r="AN44066">
        <v>4273</v>
      </c>
      <c r="AO44066">
        <v>4310</v>
      </c>
      <c r="AP44066">
        <v>4348</v>
      </c>
      <c r="AQ44066">
        <v>4385</v>
      </c>
    </row>
    <row r="44067" spans="1:43">
      <c r="A44067" t="s">
        <v>26855</v>
      </c>
      <c r="B44067" t="s">
        <v>26856</v>
      </c>
      <c r="C44067" t="s">
        <v>10106</v>
      </c>
      <c r="D44067" t="s">
        <v>10107</v>
      </c>
      <c r="E44067" t="s">
        <v>9956</v>
      </c>
      <c r="F44067" t="s">
        <v>9957</v>
      </c>
      <c r="G44067" t="s">
        <v>80</v>
      </c>
      <c r="H44067" t="s">
        <v>81</v>
      </c>
      <c r="I44067" s="2">
        <v>0</v>
      </c>
      <c r="J44067" s="2">
        <v>1</v>
      </c>
      <c r="K44067" s="2">
        <v>0</v>
      </c>
      <c r="L44067" t="s">
        <v>82</v>
      </c>
      <c r="M44067" t="s">
        <v>87</v>
      </c>
      <c r="N44067" t="s">
        <v>88</v>
      </c>
      <c r="O44067" t="s">
        <v>85</v>
      </c>
      <c r="P44067" t="s">
        <v>86</v>
      </c>
      <c r="Q44067">
        <v>2790</v>
      </c>
      <c r="R44067">
        <v>2824</v>
      </c>
      <c r="S44067">
        <v>2859</v>
      </c>
      <c r="T44067">
        <v>2893</v>
      </c>
      <c r="U44067">
        <v>2927</v>
      </c>
      <c r="V44067">
        <v>2962</v>
      </c>
      <c r="W44067">
        <v>2997</v>
      </c>
      <c r="X44067">
        <v>3033</v>
      </c>
      <c r="Y44067">
        <v>3069</v>
      </c>
      <c r="Z44067">
        <v>3107</v>
      </c>
      <c r="AA44067">
        <v>3144</v>
      </c>
      <c r="AB44067">
        <v>3183</v>
      </c>
      <c r="AC44067">
        <v>3222</v>
      </c>
      <c r="AD44067">
        <v>3261</v>
      </c>
      <c r="AE44067">
        <v>3300</v>
      </c>
      <c r="AF44067">
        <v>3340</v>
      </c>
      <c r="AG44067">
        <v>3381</v>
      </c>
      <c r="AH44067">
        <v>3421</v>
      </c>
      <c r="AI44067">
        <v>3462</v>
      </c>
      <c r="AJ44067">
        <v>3504</v>
      </c>
      <c r="AK44067">
        <v>3546</v>
      </c>
      <c r="AL44067">
        <v>3588</v>
      </c>
      <c r="AM44067">
        <v>3631</v>
      </c>
      <c r="AN44067">
        <v>3675</v>
      </c>
      <c r="AO44067">
        <v>3718</v>
      </c>
      <c r="AP44067">
        <v>3762</v>
      </c>
      <c r="AQ44067">
        <v>3807</v>
      </c>
    </row>
    <row r="44068" spans="1:43">
      <c r="A44068" t="s">
        <v>26855</v>
      </c>
      <c r="B44068" t="s">
        <v>26856</v>
      </c>
      <c r="C44068" t="s">
        <v>10106</v>
      </c>
      <c r="D44068" t="s">
        <v>10107</v>
      </c>
      <c r="E44068" t="s">
        <v>9956</v>
      </c>
      <c r="F44068" t="s">
        <v>9957</v>
      </c>
      <c r="G44068" t="s">
        <v>80</v>
      </c>
      <c r="H44068" t="s">
        <v>81</v>
      </c>
      <c r="I44068" s="2">
        <v>0</v>
      </c>
      <c r="J44068" s="2">
        <v>1</v>
      </c>
      <c r="K44068" s="2">
        <v>0</v>
      </c>
      <c r="L44068" t="s">
        <v>82</v>
      </c>
      <c r="M44068" t="s">
        <v>89</v>
      </c>
      <c r="N44068" t="s">
        <v>90</v>
      </c>
      <c r="O44068" t="s">
        <v>85</v>
      </c>
      <c r="P44068" t="s">
        <v>86</v>
      </c>
      <c r="Q44068">
        <v>2790</v>
      </c>
      <c r="R44068">
        <v>2875</v>
      </c>
      <c r="S44068">
        <v>2961</v>
      </c>
      <c r="T44068">
        <v>3046</v>
      </c>
      <c r="U44068">
        <v>3130</v>
      </c>
      <c r="V44068">
        <v>3214</v>
      </c>
      <c r="W44068">
        <v>3299</v>
      </c>
      <c r="X44068">
        <v>3382</v>
      </c>
      <c r="Y44068">
        <v>3466</v>
      </c>
      <c r="Z44068">
        <v>3550</v>
      </c>
      <c r="AA44068">
        <v>3633</v>
      </c>
      <c r="AB44068">
        <v>3716</v>
      </c>
      <c r="AC44068">
        <v>3807</v>
      </c>
      <c r="AD44068">
        <v>3894</v>
      </c>
      <c r="AE44068">
        <v>3961</v>
      </c>
      <c r="AF44068">
        <v>3997</v>
      </c>
      <c r="AG44068">
        <v>4032</v>
      </c>
      <c r="AH44068">
        <v>4068</v>
      </c>
      <c r="AI44068">
        <v>4104</v>
      </c>
      <c r="AJ44068">
        <v>4140</v>
      </c>
      <c r="AK44068">
        <v>4176</v>
      </c>
      <c r="AL44068">
        <v>4212</v>
      </c>
      <c r="AM44068">
        <v>4249</v>
      </c>
      <c r="AN44068">
        <v>4285</v>
      </c>
      <c r="AO44068">
        <v>4322</v>
      </c>
      <c r="AP44068">
        <v>4358</v>
      </c>
      <c r="AQ44068">
        <v>4395</v>
      </c>
    </row>
    <row r="44069" spans="1:43">
      <c r="A44069" t="s">
        <v>26855</v>
      </c>
      <c r="B44069" t="s">
        <v>26856</v>
      </c>
      <c r="C44069" t="s">
        <v>10106</v>
      </c>
      <c r="D44069" t="s">
        <v>10107</v>
      </c>
      <c r="E44069" t="s">
        <v>9956</v>
      </c>
      <c r="F44069" t="s">
        <v>9957</v>
      </c>
      <c r="G44069" t="s">
        <v>80</v>
      </c>
      <c r="H44069" t="s">
        <v>81</v>
      </c>
      <c r="I44069" s="2">
        <v>0</v>
      </c>
      <c r="J44069" s="2">
        <v>1</v>
      </c>
      <c r="K44069" s="2">
        <v>0</v>
      </c>
      <c r="L44069" t="s">
        <v>82</v>
      </c>
      <c r="M44069" t="s">
        <v>83</v>
      </c>
      <c r="N44069" t="s">
        <v>91</v>
      </c>
      <c r="O44069" t="s">
        <v>85</v>
      </c>
      <c r="P44069" t="s">
        <v>86</v>
      </c>
      <c r="Q44069">
        <v>2790</v>
      </c>
      <c r="R44069">
        <v>2850</v>
      </c>
      <c r="S44069">
        <v>2912</v>
      </c>
      <c r="T44069">
        <v>2973</v>
      </c>
      <c r="U44069">
        <v>3035</v>
      </c>
      <c r="V44069">
        <v>3097</v>
      </c>
      <c r="W44069">
        <v>3161</v>
      </c>
      <c r="X44069">
        <v>3225</v>
      </c>
      <c r="Y44069">
        <v>3291</v>
      </c>
      <c r="Z44069">
        <v>3358</v>
      </c>
      <c r="AA44069">
        <v>3426</v>
      </c>
      <c r="AB44069">
        <v>3494</v>
      </c>
      <c r="AC44069">
        <v>3564</v>
      </c>
      <c r="AD44069">
        <v>3634</v>
      </c>
      <c r="AE44069">
        <v>3705</v>
      </c>
      <c r="AF44069">
        <v>3777</v>
      </c>
      <c r="AG44069">
        <v>3849</v>
      </c>
      <c r="AH44069">
        <v>3923</v>
      </c>
      <c r="AI44069">
        <v>3998</v>
      </c>
      <c r="AJ44069">
        <v>4073</v>
      </c>
      <c r="AK44069">
        <v>4149</v>
      </c>
      <c r="AL44069">
        <v>4199</v>
      </c>
      <c r="AM44069">
        <v>4236</v>
      </c>
      <c r="AN44069">
        <v>4273</v>
      </c>
      <c r="AO44069">
        <v>4310</v>
      </c>
      <c r="AP44069">
        <v>4348</v>
      </c>
      <c r="AQ44069">
        <v>4385</v>
      </c>
    </row>
    <row r="44070" spans="1:43">
      <c r="A44070" t="s">
        <v>26857</v>
      </c>
      <c r="B44070" t="s">
        <v>26858</v>
      </c>
      <c r="C44070" t="s">
        <v>9978</v>
      </c>
      <c r="D44070" t="s">
        <v>9979</v>
      </c>
      <c r="E44070" t="s">
        <v>9956</v>
      </c>
      <c r="F44070" t="s">
        <v>9957</v>
      </c>
      <c r="G44070" t="s">
        <v>80</v>
      </c>
      <c r="H44070" t="s">
        <v>81</v>
      </c>
      <c r="I44070" s="2">
        <v>0</v>
      </c>
      <c r="J44070" s="2">
        <v>1</v>
      </c>
      <c r="K44070" s="2">
        <v>0</v>
      </c>
      <c r="L44070" t="s">
        <v>82</v>
      </c>
      <c r="M44070" t="s">
        <v>83</v>
      </c>
      <c r="N44070" t="s">
        <v>84</v>
      </c>
      <c r="O44070" t="s">
        <v>85</v>
      </c>
      <c r="P44070" t="s">
        <v>86</v>
      </c>
      <c r="Q44070">
        <v>101</v>
      </c>
      <c r="R44070">
        <v>104</v>
      </c>
      <c r="S44070">
        <v>106</v>
      </c>
      <c r="T44070">
        <v>108</v>
      </c>
      <c r="U44070">
        <v>110</v>
      </c>
      <c r="V44070">
        <v>112</v>
      </c>
      <c r="W44070">
        <v>115</v>
      </c>
      <c r="X44070">
        <v>117</v>
      </c>
      <c r="Y44070">
        <v>119</v>
      </c>
      <c r="Z44070">
        <v>122</v>
      </c>
      <c r="AA44070">
        <v>124</v>
      </c>
      <c r="AB44070">
        <v>127</v>
      </c>
      <c r="AC44070">
        <v>129</v>
      </c>
      <c r="AD44070">
        <v>132</v>
      </c>
      <c r="AE44070">
        <v>134</v>
      </c>
      <c r="AF44070">
        <v>137</v>
      </c>
      <c r="AG44070">
        <v>139</v>
      </c>
      <c r="AH44070">
        <v>142</v>
      </c>
      <c r="AI44070">
        <v>144</v>
      </c>
      <c r="AJ44070">
        <v>147</v>
      </c>
      <c r="AK44070">
        <v>150</v>
      </c>
      <c r="AL44070">
        <v>152</v>
      </c>
      <c r="AM44070">
        <v>153</v>
      </c>
      <c r="AN44070">
        <v>154</v>
      </c>
      <c r="AO44070">
        <v>156</v>
      </c>
      <c r="AP44070">
        <v>157</v>
      </c>
      <c r="AQ44070">
        <v>158</v>
      </c>
    </row>
    <row r="44071" spans="1:43">
      <c r="A44071" t="s">
        <v>26857</v>
      </c>
      <c r="B44071" t="s">
        <v>26858</v>
      </c>
      <c r="C44071" t="s">
        <v>9978</v>
      </c>
      <c r="D44071" t="s">
        <v>9979</v>
      </c>
      <c r="E44071" t="s">
        <v>9956</v>
      </c>
      <c r="F44071" t="s">
        <v>9957</v>
      </c>
      <c r="G44071" t="s">
        <v>80</v>
      </c>
      <c r="H44071" t="s">
        <v>81</v>
      </c>
      <c r="I44071" s="2">
        <v>0</v>
      </c>
      <c r="J44071" s="2">
        <v>1</v>
      </c>
      <c r="K44071" s="2">
        <v>0</v>
      </c>
      <c r="L44071" t="s">
        <v>82</v>
      </c>
      <c r="M44071" t="s">
        <v>87</v>
      </c>
      <c r="N44071" t="s">
        <v>88</v>
      </c>
      <c r="O44071" t="s">
        <v>85</v>
      </c>
      <c r="P44071" t="s">
        <v>86</v>
      </c>
      <c r="Q44071">
        <v>101</v>
      </c>
      <c r="R44071">
        <v>103</v>
      </c>
      <c r="S44071">
        <v>104</v>
      </c>
      <c r="T44071">
        <v>105</v>
      </c>
      <c r="U44071">
        <v>106</v>
      </c>
      <c r="V44071">
        <v>108</v>
      </c>
      <c r="W44071">
        <v>109</v>
      </c>
      <c r="X44071">
        <v>110</v>
      </c>
      <c r="Y44071">
        <v>111</v>
      </c>
      <c r="Z44071">
        <v>113</v>
      </c>
      <c r="AA44071">
        <v>114</v>
      </c>
      <c r="AB44071">
        <v>116</v>
      </c>
      <c r="AC44071">
        <v>117</v>
      </c>
      <c r="AD44071">
        <v>118</v>
      </c>
      <c r="AE44071">
        <v>120</v>
      </c>
      <c r="AF44071">
        <v>121</v>
      </c>
      <c r="AG44071">
        <v>123</v>
      </c>
      <c r="AH44071">
        <v>124</v>
      </c>
      <c r="AI44071">
        <v>126</v>
      </c>
      <c r="AJ44071">
        <v>127</v>
      </c>
      <c r="AK44071">
        <v>129</v>
      </c>
      <c r="AL44071">
        <v>130</v>
      </c>
      <c r="AM44071">
        <v>132</v>
      </c>
      <c r="AN44071">
        <v>133</v>
      </c>
      <c r="AO44071">
        <v>135</v>
      </c>
      <c r="AP44071">
        <v>136</v>
      </c>
      <c r="AQ44071">
        <v>138</v>
      </c>
    </row>
    <row r="44072" spans="1:43">
      <c r="A44072" t="s">
        <v>26857</v>
      </c>
      <c r="B44072" t="s">
        <v>26858</v>
      </c>
      <c r="C44072" t="s">
        <v>9978</v>
      </c>
      <c r="D44072" t="s">
        <v>9979</v>
      </c>
      <c r="E44072" t="s">
        <v>9956</v>
      </c>
      <c r="F44072" t="s">
        <v>9957</v>
      </c>
      <c r="G44072" t="s">
        <v>80</v>
      </c>
      <c r="H44072" t="s">
        <v>81</v>
      </c>
      <c r="I44072" s="2">
        <v>0</v>
      </c>
      <c r="J44072" s="2">
        <v>1</v>
      </c>
      <c r="K44072" s="2">
        <v>0</v>
      </c>
      <c r="L44072" t="s">
        <v>82</v>
      </c>
      <c r="M44072" t="s">
        <v>89</v>
      </c>
      <c r="N44072" t="s">
        <v>90</v>
      </c>
      <c r="O44072" t="s">
        <v>85</v>
      </c>
      <c r="P44072" t="s">
        <v>86</v>
      </c>
      <c r="Q44072">
        <v>101</v>
      </c>
      <c r="R44072">
        <v>104</v>
      </c>
      <c r="S44072">
        <v>107</v>
      </c>
      <c r="T44072">
        <v>111</v>
      </c>
      <c r="U44072">
        <v>114</v>
      </c>
      <c r="V44072">
        <v>117</v>
      </c>
      <c r="W44072">
        <v>120</v>
      </c>
      <c r="X44072">
        <v>123</v>
      </c>
      <c r="Y44072">
        <v>126</v>
      </c>
      <c r="Z44072">
        <v>129</v>
      </c>
      <c r="AA44072">
        <v>131</v>
      </c>
      <c r="AB44072">
        <v>134</v>
      </c>
      <c r="AC44072">
        <v>138</v>
      </c>
      <c r="AD44072">
        <v>141</v>
      </c>
      <c r="AE44072">
        <v>143</v>
      </c>
      <c r="AF44072">
        <v>144</v>
      </c>
      <c r="AG44072">
        <v>146</v>
      </c>
      <c r="AH44072">
        <v>147</v>
      </c>
      <c r="AI44072">
        <v>148</v>
      </c>
      <c r="AJ44072">
        <v>149</v>
      </c>
      <c r="AK44072">
        <v>151</v>
      </c>
      <c r="AL44072">
        <v>152</v>
      </c>
      <c r="AM44072">
        <v>153</v>
      </c>
      <c r="AN44072">
        <v>154</v>
      </c>
      <c r="AO44072">
        <v>156</v>
      </c>
      <c r="AP44072">
        <v>157</v>
      </c>
      <c r="AQ44072">
        <v>158</v>
      </c>
    </row>
    <row r="44073" spans="1:43">
      <c r="A44073" t="s">
        <v>26857</v>
      </c>
      <c r="B44073" t="s">
        <v>26858</v>
      </c>
      <c r="C44073" t="s">
        <v>9978</v>
      </c>
      <c r="D44073" t="s">
        <v>9979</v>
      </c>
      <c r="E44073" t="s">
        <v>9956</v>
      </c>
      <c r="F44073" t="s">
        <v>9957</v>
      </c>
      <c r="G44073" t="s">
        <v>80</v>
      </c>
      <c r="H44073" t="s">
        <v>81</v>
      </c>
      <c r="I44073" s="2">
        <v>0</v>
      </c>
      <c r="J44073" s="2">
        <v>1</v>
      </c>
      <c r="K44073" s="2">
        <v>0</v>
      </c>
      <c r="L44073" t="s">
        <v>82</v>
      </c>
      <c r="M44073" t="s">
        <v>83</v>
      </c>
      <c r="N44073" t="s">
        <v>91</v>
      </c>
      <c r="O44073" t="s">
        <v>85</v>
      </c>
      <c r="P44073" t="s">
        <v>86</v>
      </c>
      <c r="Q44073">
        <v>101</v>
      </c>
      <c r="R44073">
        <v>104</v>
      </c>
      <c r="S44073">
        <v>106</v>
      </c>
      <c r="T44073">
        <v>108</v>
      </c>
      <c r="U44073">
        <v>110</v>
      </c>
      <c r="V44073">
        <v>112</v>
      </c>
      <c r="W44073">
        <v>115</v>
      </c>
      <c r="X44073">
        <v>117</v>
      </c>
      <c r="Y44073">
        <v>119</v>
      </c>
      <c r="Z44073">
        <v>122</v>
      </c>
      <c r="AA44073">
        <v>124</v>
      </c>
      <c r="AB44073">
        <v>127</v>
      </c>
      <c r="AC44073">
        <v>129</v>
      </c>
      <c r="AD44073">
        <v>132</v>
      </c>
      <c r="AE44073">
        <v>134</v>
      </c>
      <c r="AF44073">
        <v>137</v>
      </c>
      <c r="AG44073">
        <v>139</v>
      </c>
      <c r="AH44073">
        <v>142</v>
      </c>
      <c r="AI44073">
        <v>144</v>
      </c>
      <c r="AJ44073">
        <v>147</v>
      </c>
      <c r="AK44073">
        <v>150</v>
      </c>
      <c r="AL44073">
        <v>152</v>
      </c>
      <c r="AM44073">
        <v>153</v>
      </c>
      <c r="AN44073">
        <v>154</v>
      </c>
      <c r="AO44073">
        <v>156</v>
      </c>
      <c r="AP44073">
        <v>157</v>
      </c>
      <c r="AQ44073">
        <v>158</v>
      </c>
    </row>
    <row r="44074" spans="1:43">
      <c r="A44074" t="s">
        <v>26859</v>
      </c>
      <c r="B44074" t="s">
        <v>26860</v>
      </c>
      <c r="C44074" t="s">
        <v>10050</v>
      </c>
      <c r="D44074" t="s">
        <v>10051</v>
      </c>
      <c r="E44074" t="s">
        <v>9956</v>
      </c>
      <c r="F44074" t="s">
        <v>9957</v>
      </c>
      <c r="G44074" t="s">
        <v>80</v>
      </c>
      <c r="H44074" t="s">
        <v>81</v>
      </c>
      <c r="I44074" s="2">
        <v>0</v>
      </c>
      <c r="J44074" s="2">
        <v>1</v>
      </c>
      <c r="K44074" s="2">
        <v>0</v>
      </c>
      <c r="L44074" t="s">
        <v>82</v>
      </c>
      <c r="M44074" t="s">
        <v>83</v>
      </c>
      <c r="N44074" t="s">
        <v>84</v>
      </c>
      <c r="O44074" t="s">
        <v>85</v>
      </c>
      <c r="P44074" t="s">
        <v>86</v>
      </c>
      <c r="Q44074">
        <v>229</v>
      </c>
      <c r="R44074">
        <v>234</v>
      </c>
      <c r="S44074">
        <v>239</v>
      </c>
      <c r="T44074">
        <v>244</v>
      </c>
      <c r="U44074">
        <v>249</v>
      </c>
      <c r="V44074">
        <v>254</v>
      </c>
      <c r="W44074">
        <v>259</v>
      </c>
      <c r="X44074">
        <v>265</v>
      </c>
      <c r="Y44074">
        <v>270</v>
      </c>
      <c r="Z44074">
        <v>275</v>
      </c>
      <c r="AA44074">
        <v>281</v>
      </c>
      <c r="AB44074">
        <v>286</v>
      </c>
      <c r="AC44074">
        <v>292</v>
      </c>
      <c r="AD44074">
        <v>298</v>
      </c>
      <c r="AE44074">
        <v>303</v>
      </c>
      <c r="AF44074">
        <v>309</v>
      </c>
      <c r="AG44074">
        <v>315</v>
      </c>
      <c r="AH44074">
        <v>321</v>
      </c>
      <c r="AI44074">
        <v>327</v>
      </c>
      <c r="AJ44074">
        <v>333</v>
      </c>
      <c r="AK44074">
        <v>339</v>
      </c>
      <c r="AL44074">
        <v>343</v>
      </c>
      <c r="AM44074">
        <v>346</v>
      </c>
      <c r="AN44074">
        <v>349</v>
      </c>
      <c r="AO44074">
        <v>352</v>
      </c>
      <c r="AP44074">
        <v>355</v>
      </c>
      <c r="AQ44074">
        <v>358</v>
      </c>
    </row>
    <row r="44075" spans="1:43">
      <c r="A44075" t="s">
        <v>26859</v>
      </c>
      <c r="B44075" t="s">
        <v>26860</v>
      </c>
      <c r="C44075" t="s">
        <v>10050</v>
      </c>
      <c r="D44075" t="s">
        <v>10051</v>
      </c>
      <c r="E44075" t="s">
        <v>9956</v>
      </c>
      <c r="F44075" t="s">
        <v>9957</v>
      </c>
      <c r="G44075" t="s">
        <v>80</v>
      </c>
      <c r="H44075" t="s">
        <v>81</v>
      </c>
      <c r="I44075" s="2">
        <v>0</v>
      </c>
      <c r="J44075" s="2">
        <v>1</v>
      </c>
      <c r="K44075" s="2">
        <v>0</v>
      </c>
      <c r="L44075" t="s">
        <v>82</v>
      </c>
      <c r="M44075" t="s">
        <v>87</v>
      </c>
      <c r="N44075" t="s">
        <v>88</v>
      </c>
      <c r="O44075" t="s">
        <v>85</v>
      </c>
      <c r="P44075" t="s">
        <v>86</v>
      </c>
      <c r="Q44075">
        <v>229</v>
      </c>
      <c r="R44075">
        <v>232</v>
      </c>
      <c r="S44075">
        <v>234</v>
      </c>
      <c r="T44075">
        <v>237</v>
      </c>
      <c r="U44075">
        <v>240</v>
      </c>
      <c r="V44075">
        <v>243</v>
      </c>
      <c r="W44075">
        <v>246</v>
      </c>
      <c r="X44075">
        <v>249</v>
      </c>
      <c r="Y44075">
        <v>252</v>
      </c>
      <c r="Z44075">
        <v>255</v>
      </c>
      <c r="AA44075">
        <v>258</v>
      </c>
      <c r="AB44075">
        <v>261</v>
      </c>
      <c r="AC44075">
        <v>264</v>
      </c>
      <c r="AD44075">
        <v>267</v>
      </c>
      <c r="AE44075">
        <v>270</v>
      </c>
      <c r="AF44075">
        <v>274</v>
      </c>
      <c r="AG44075">
        <v>277</v>
      </c>
      <c r="AH44075">
        <v>280</v>
      </c>
      <c r="AI44075">
        <v>284</v>
      </c>
      <c r="AJ44075">
        <v>287</v>
      </c>
      <c r="AK44075">
        <v>290</v>
      </c>
      <c r="AL44075">
        <v>294</v>
      </c>
      <c r="AM44075">
        <v>297</v>
      </c>
      <c r="AN44075">
        <v>301</v>
      </c>
      <c r="AO44075">
        <v>304</v>
      </c>
      <c r="AP44075">
        <v>308</v>
      </c>
      <c r="AQ44075">
        <v>312</v>
      </c>
    </row>
    <row r="44076" spans="1:43">
      <c r="A44076" t="s">
        <v>26859</v>
      </c>
      <c r="B44076" t="s">
        <v>26860</v>
      </c>
      <c r="C44076" t="s">
        <v>10050</v>
      </c>
      <c r="D44076" t="s">
        <v>10051</v>
      </c>
      <c r="E44076" t="s">
        <v>9956</v>
      </c>
      <c r="F44076" t="s">
        <v>9957</v>
      </c>
      <c r="G44076" t="s">
        <v>80</v>
      </c>
      <c r="H44076" t="s">
        <v>81</v>
      </c>
      <c r="I44076" s="2">
        <v>0</v>
      </c>
      <c r="J44076" s="2">
        <v>1</v>
      </c>
      <c r="K44076" s="2">
        <v>0</v>
      </c>
      <c r="L44076" t="s">
        <v>82</v>
      </c>
      <c r="M44076" t="s">
        <v>89</v>
      </c>
      <c r="N44076" t="s">
        <v>90</v>
      </c>
      <c r="O44076" t="s">
        <v>85</v>
      </c>
      <c r="P44076" t="s">
        <v>86</v>
      </c>
      <c r="Q44076">
        <v>229</v>
      </c>
      <c r="R44076">
        <v>236</v>
      </c>
      <c r="S44076">
        <v>243</v>
      </c>
      <c r="T44076">
        <v>250</v>
      </c>
      <c r="U44076">
        <v>257</v>
      </c>
      <c r="V44076">
        <v>264</v>
      </c>
      <c r="W44076">
        <v>271</v>
      </c>
      <c r="X44076">
        <v>277</v>
      </c>
      <c r="Y44076">
        <v>284</v>
      </c>
      <c r="Z44076">
        <v>291</v>
      </c>
      <c r="AA44076">
        <v>298</v>
      </c>
      <c r="AB44076">
        <v>304</v>
      </c>
      <c r="AC44076">
        <v>312</v>
      </c>
      <c r="AD44076">
        <v>318</v>
      </c>
      <c r="AE44076">
        <v>324</v>
      </c>
      <c r="AF44076">
        <v>327</v>
      </c>
      <c r="AG44076">
        <v>329</v>
      </c>
      <c r="AH44076">
        <v>332</v>
      </c>
      <c r="AI44076">
        <v>335</v>
      </c>
      <c r="AJ44076">
        <v>338</v>
      </c>
      <c r="AK44076">
        <v>341</v>
      </c>
      <c r="AL44076">
        <v>344</v>
      </c>
      <c r="AM44076">
        <v>347</v>
      </c>
      <c r="AN44076">
        <v>349</v>
      </c>
      <c r="AO44076">
        <v>352</v>
      </c>
      <c r="AP44076">
        <v>355</v>
      </c>
      <c r="AQ44076">
        <v>358</v>
      </c>
    </row>
    <row r="44077" spans="1:43">
      <c r="A44077" t="s">
        <v>26859</v>
      </c>
      <c r="B44077" t="s">
        <v>26860</v>
      </c>
      <c r="C44077" t="s">
        <v>10050</v>
      </c>
      <c r="D44077" t="s">
        <v>10051</v>
      </c>
      <c r="E44077" t="s">
        <v>9956</v>
      </c>
      <c r="F44077" t="s">
        <v>9957</v>
      </c>
      <c r="G44077" t="s">
        <v>80</v>
      </c>
      <c r="H44077" t="s">
        <v>81</v>
      </c>
      <c r="I44077" s="2">
        <v>0</v>
      </c>
      <c r="J44077" s="2">
        <v>1</v>
      </c>
      <c r="K44077" s="2">
        <v>0</v>
      </c>
      <c r="L44077" t="s">
        <v>82</v>
      </c>
      <c r="M44077" t="s">
        <v>83</v>
      </c>
      <c r="N44077" t="s">
        <v>91</v>
      </c>
      <c r="O44077" t="s">
        <v>85</v>
      </c>
      <c r="P44077" t="s">
        <v>86</v>
      </c>
      <c r="Q44077">
        <v>229</v>
      </c>
      <c r="R44077">
        <v>234</v>
      </c>
      <c r="S44077">
        <v>239</v>
      </c>
      <c r="T44077">
        <v>244</v>
      </c>
      <c r="U44077">
        <v>249</v>
      </c>
      <c r="V44077">
        <v>254</v>
      </c>
      <c r="W44077">
        <v>259</v>
      </c>
      <c r="X44077">
        <v>265</v>
      </c>
      <c r="Y44077">
        <v>270</v>
      </c>
      <c r="Z44077">
        <v>275</v>
      </c>
      <c r="AA44077">
        <v>281</v>
      </c>
      <c r="AB44077">
        <v>286</v>
      </c>
      <c r="AC44077">
        <v>292</v>
      </c>
      <c r="AD44077">
        <v>298</v>
      </c>
      <c r="AE44077">
        <v>303</v>
      </c>
      <c r="AF44077">
        <v>309</v>
      </c>
      <c r="AG44077">
        <v>315</v>
      </c>
      <c r="AH44077">
        <v>321</v>
      </c>
      <c r="AI44077">
        <v>327</v>
      </c>
      <c r="AJ44077">
        <v>333</v>
      </c>
      <c r="AK44077">
        <v>339</v>
      </c>
      <c r="AL44077">
        <v>343</v>
      </c>
      <c r="AM44077">
        <v>346</v>
      </c>
      <c r="AN44077">
        <v>349</v>
      </c>
      <c r="AO44077">
        <v>352</v>
      </c>
      <c r="AP44077">
        <v>355</v>
      </c>
      <c r="AQ44077">
        <v>358</v>
      </c>
    </row>
    <row r="44078" spans="1:43">
      <c r="A44078" t="s">
        <v>26861</v>
      </c>
      <c r="B44078" t="s">
        <v>26862</v>
      </c>
      <c r="C44078" t="s">
        <v>10160</v>
      </c>
      <c r="D44078" t="s">
        <v>10161</v>
      </c>
      <c r="E44078" t="s">
        <v>9956</v>
      </c>
      <c r="F44078" t="s">
        <v>9957</v>
      </c>
      <c r="G44078" t="s">
        <v>80</v>
      </c>
      <c r="H44078" t="s">
        <v>81</v>
      </c>
      <c r="I44078" s="2">
        <v>0</v>
      </c>
      <c r="J44078" s="2">
        <v>1</v>
      </c>
      <c r="K44078" s="2">
        <v>0</v>
      </c>
      <c r="L44078" t="s">
        <v>82</v>
      </c>
      <c r="M44078" t="s">
        <v>83</v>
      </c>
      <c r="N44078" t="s">
        <v>84</v>
      </c>
      <c r="O44078" t="s">
        <v>85</v>
      </c>
      <c r="P44078" t="s">
        <v>86</v>
      </c>
      <c r="Q44078">
        <v>104</v>
      </c>
      <c r="R44078">
        <v>106</v>
      </c>
      <c r="S44078">
        <v>108</v>
      </c>
      <c r="T44078">
        <v>111</v>
      </c>
      <c r="U44078">
        <v>113</v>
      </c>
      <c r="V44078">
        <v>115</v>
      </c>
      <c r="W44078">
        <v>117</v>
      </c>
      <c r="X44078">
        <v>120</v>
      </c>
      <c r="Y44078">
        <v>122</v>
      </c>
      <c r="Z44078">
        <v>125</v>
      </c>
      <c r="AA44078">
        <v>127</v>
      </c>
      <c r="AB44078">
        <v>130</v>
      </c>
      <c r="AC44078">
        <v>132</v>
      </c>
      <c r="AD44078">
        <v>135</v>
      </c>
      <c r="AE44078">
        <v>137</v>
      </c>
      <c r="AF44078">
        <v>140</v>
      </c>
      <c r="AG44078">
        <v>143</v>
      </c>
      <c r="AH44078">
        <v>145</v>
      </c>
      <c r="AI44078">
        <v>148</v>
      </c>
      <c r="AJ44078">
        <v>151</v>
      </c>
      <c r="AK44078">
        <v>154</v>
      </c>
      <c r="AL44078">
        <v>155</v>
      </c>
      <c r="AM44078">
        <v>157</v>
      </c>
      <c r="AN44078">
        <v>158</v>
      </c>
      <c r="AO44078">
        <v>159</v>
      </c>
      <c r="AP44078">
        <v>160</v>
      </c>
      <c r="AQ44078">
        <v>162</v>
      </c>
    </row>
    <row r="44079" spans="1:43">
      <c r="A44079" t="s">
        <v>26861</v>
      </c>
      <c r="B44079" t="s">
        <v>26862</v>
      </c>
      <c r="C44079" t="s">
        <v>10160</v>
      </c>
      <c r="D44079" t="s">
        <v>10161</v>
      </c>
      <c r="E44079" t="s">
        <v>9956</v>
      </c>
      <c r="F44079" t="s">
        <v>9957</v>
      </c>
      <c r="G44079" t="s">
        <v>80</v>
      </c>
      <c r="H44079" t="s">
        <v>81</v>
      </c>
      <c r="I44079" s="2">
        <v>0</v>
      </c>
      <c r="J44079" s="2">
        <v>1</v>
      </c>
      <c r="K44079" s="2">
        <v>0</v>
      </c>
      <c r="L44079" t="s">
        <v>82</v>
      </c>
      <c r="M44079" t="s">
        <v>87</v>
      </c>
      <c r="N44079" t="s">
        <v>88</v>
      </c>
      <c r="O44079" t="s">
        <v>85</v>
      </c>
      <c r="P44079" t="s">
        <v>86</v>
      </c>
      <c r="Q44079">
        <v>104</v>
      </c>
      <c r="R44079">
        <v>105</v>
      </c>
      <c r="S44079">
        <v>106</v>
      </c>
      <c r="T44079">
        <v>108</v>
      </c>
      <c r="U44079">
        <v>109</v>
      </c>
      <c r="V44079">
        <v>110</v>
      </c>
      <c r="W44079">
        <v>111</v>
      </c>
      <c r="X44079">
        <v>113</v>
      </c>
      <c r="Y44079">
        <v>114</v>
      </c>
      <c r="Z44079">
        <v>115</v>
      </c>
      <c r="AA44079">
        <v>117</v>
      </c>
      <c r="AB44079">
        <v>118</v>
      </c>
      <c r="AC44079">
        <v>120</v>
      </c>
      <c r="AD44079">
        <v>121</v>
      </c>
      <c r="AE44079">
        <v>123</v>
      </c>
      <c r="AF44079">
        <v>124</v>
      </c>
      <c r="AG44079">
        <v>126</v>
      </c>
      <c r="AH44079">
        <v>127</v>
      </c>
      <c r="AI44079">
        <v>129</v>
      </c>
      <c r="AJ44079">
        <v>130</v>
      </c>
      <c r="AK44079">
        <v>132</v>
      </c>
      <c r="AL44079">
        <v>133</v>
      </c>
      <c r="AM44079">
        <v>135</v>
      </c>
      <c r="AN44079">
        <v>136</v>
      </c>
      <c r="AO44079">
        <v>138</v>
      </c>
      <c r="AP44079">
        <v>140</v>
      </c>
      <c r="AQ44079">
        <v>141</v>
      </c>
    </row>
    <row r="44080" spans="1:43">
      <c r="A44080" t="s">
        <v>26861</v>
      </c>
      <c r="B44080" t="s">
        <v>26862</v>
      </c>
      <c r="C44080" t="s">
        <v>10160</v>
      </c>
      <c r="D44080" t="s">
        <v>10161</v>
      </c>
      <c r="E44080" t="s">
        <v>9956</v>
      </c>
      <c r="F44080" t="s">
        <v>9957</v>
      </c>
      <c r="G44080" t="s">
        <v>80</v>
      </c>
      <c r="H44080" t="s">
        <v>81</v>
      </c>
      <c r="I44080" s="2">
        <v>0</v>
      </c>
      <c r="J44080" s="2">
        <v>1</v>
      </c>
      <c r="K44080" s="2">
        <v>0</v>
      </c>
      <c r="L44080" t="s">
        <v>82</v>
      </c>
      <c r="M44080" t="s">
        <v>89</v>
      </c>
      <c r="N44080" t="s">
        <v>90</v>
      </c>
      <c r="O44080" t="s">
        <v>85</v>
      </c>
      <c r="P44080" t="s">
        <v>86</v>
      </c>
      <c r="Q44080">
        <v>104</v>
      </c>
      <c r="R44080">
        <v>107</v>
      </c>
      <c r="S44080">
        <v>110</v>
      </c>
      <c r="T44080">
        <v>113</v>
      </c>
      <c r="U44080">
        <v>116</v>
      </c>
      <c r="V44080">
        <v>119</v>
      </c>
      <c r="W44080">
        <v>123</v>
      </c>
      <c r="X44080">
        <v>126</v>
      </c>
      <c r="Y44080">
        <v>129</v>
      </c>
      <c r="Z44080">
        <v>132</v>
      </c>
      <c r="AA44080">
        <v>135</v>
      </c>
      <c r="AB44080">
        <v>138</v>
      </c>
      <c r="AC44080">
        <v>141</v>
      </c>
      <c r="AD44080">
        <v>144</v>
      </c>
      <c r="AE44080">
        <v>147</v>
      </c>
      <c r="AF44080">
        <v>148</v>
      </c>
      <c r="AG44080">
        <v>149</v>
      </c>
      <c r="AH44080">
        <v>150</v>
      </c>
      <c r="AI44080">
        <v>151</v>
      </c>
      <c r="AJ44080">
        <v>153</v>
      </c>
      <c r="AK44080">
        <v>154</v>
      </c>
      <c r="AL44080">
        <v>155</v>
      </c>
      <c r="AM44080">
        <v>156</v>
      </c>
      <c r="AN44080">
        <v>157</v>
      </c>
      <c r="AO44080">
        <v>159</v>
      </c>
      <c r="AP44080">
        <v>160</v>
      </c>
      <c r="AQ44080">
        <v>161</v>
      </c>
    </row>
    <row r="44081" spans="1:43">
      <c r="A44081" t="s">
        <v>26861</v>
      </c>
      <c r="B44081" t="s">
        <v>26862</v>
      </c>
      <c r="C44081" t="s">
        <v>10160</v>
      </c>
      <c r="D44081" t="s">
        <v>10161</v>
      </c>
      <c r="E44081" t="s">
        <v>9956</v>
      </c>
      <c r="F44081" t="s">
        <v>9957</v>
      </c>
      <c r="G44081" t="s">
        <v>80</v>
      </c>
      <c r="H44081" t="s">
        <v>81</v>
      </c>
      <c r="I44081" s="2">
        <v>0</v>
      </c>
      <c r="J44081" s="2">
        <v>1</v>
      </c>
      <c r="K44081" s="2">
        <v>0</v>
      </c>
      <c r="L44081" t="s">
        <v>82</v>
      </c>
      <c r="M44081" t="s">
        <v>83</v>
      </c>
      <c r="N44081" t="s">
        <v>91</v>
      </c>
      <c r="O44081" t="s">
        <v>85</v>
      </c>
      <c r="P44081" t="s">
        <v>86</v>
      </c>
      <c r="Q44081">
        <v>104</v>
      </c>
      <c r="R44081">
        <v>106</v>
      </c>
      <c r="S44081">
        <v>108</v>
      </c>
      <c r="T44081">
        <v>111</v>
      </c>
      <c r="U44081">
        <v>113</v>
      </c>
      <c r="V44081">
        <v>115</v>
      </c>
      <c r="W44081">
        <v>117</v>
      </c>
      <c r="X44081">
        <v>120</v>
      </c>
      <c r="Y44081">
        <v>122</v>
      </c>
      <c r="Z44081">
        <v>125</v>
      </c>
      <c r="AA44081">
        <v>127</v>
      </c>
      <c r="AB44081">
        <v>130</v>
      </c>
      <c r="AC44081">
        <v>132</v>
      </c>
      <c r="AD44081">
        <v>135</v>
      </c>
      <c r="AE44081">
        <v>137</v>
      </c>
      <c r="AF44081">
        <v>140</v>
      </c>
      <c r="AG44081">
        <v>143</v>
      </c>
      <c r="AH44081">
        <v>145</v>
      </c>
      <c r="AI44081">
        <v>148</v>
      </c>
      <c r="AJ44081">
        <v>151</v>
      </c>
      <c r="AK44081">
        <v>154</v>
      </c>
      <c r="AL44081">
        <v>155</v>
      </c>
      <c r="AM44081">
        <v>157</v>
      </c>
      <c r="AN44081">
        <v>158</v>
      </c>
      <c r="AO44081">
        <v>159</v>
      </c>
      <c r="AP44081">
        <v>160</v>
      </c>
      <c r="AQ44081">
        <v>162</v>
      </c>
    </row>
    <row r="44082" spans="1:43">
      <c r="A44082" t="s">
        <v>26863</v>
      </c>
      <c r="B44082" t="s">
        <v>26864</v>
      </c>
      <c r="C44082" t="s">
        <v>10160</v>
      </c>
      <c r="D44082" t="s">
        <v>10161</v>
      </c>
      <c r="E44082" t="s">
        <v>9956</v>
      </c>
      <c r="F44082" t="s">
        <v>9957</v>
      </c>
      <c r="G44082" t="s">
        <v>80</v>
      </c>
      <c r="H44082" t="s">
        <v>81</v>
      </c>
      <c r="I44082" s="2">
        <v>0</v>
      </c>
      <c r="J44082" s="2">
        <v>1</v>
      </c>
      <c r="K44082" s="2">
        <v>0</v>
      </c>
      <c r="L44082" t="s">
        <v>82</v>
      </c>
      <c r="M44082" t="s">
        <v>83</v>
      </c>
      <c r="N44082" t="s">
        <v>84</v>
      </c>
      <c r="O44082" t="s">
        <v>85</v>
      </c>
      <c r="P44082" t="s">
        <v>86</v>
      </c>
      <c r="Q44082">
        <v>19</v>
      </c>
      <c r="R44082">
        <v>20</v>
      </c>
      <c r="S44082">
        <v>20</v>
      </c>
      <c r="T44082">
        <v>20</v>
      </c>
      <c r="U44082">
        <v>21</v>
      </c>
      <c r="V44082">
        <v>21</v>
      </c>
      <c r="W44082">
        <v>22</v>
      </c>
      <c r="X44082">
        <v>22</v>
      </c>
      <c r="Y44082">
        <v>23</v>
      </c>
      <c r="Z44082">
        <v>23</v>
      </c>
      <c r="AA44082">
        <v>23</v>
      </c>
      <c r="AB44082">
        <v>24</v>
      </c>
      <c r="AC44082">
        <v>24</v>
      </c>
      <c r="AD44082">
        <v>25</v>
      </c>
      <c r="AE44082">
        <v>25</v>
      </c>
      <c r="AF44082">
        <v>26</v>
      </c>
      <c r="AG44082">
        <v>26</v>
      </c>
      <c r="AH44082">
        <v>27</v>
      </c>
      <c r="AI44082">
        <v>27</v>
      </c>
      <c r="AJ44082">
        <v>28</v>
      </c>
      <c r="AK44082">
        <v>28</v>
      </c>
      <c r="AL44082">
        <v>29</v>
      </c>
      <c r="AM44082">
        <v>29</v>
      </c>
      <c r="AN44082">
        <v>29</v>
      </c>
      <c r="AO44082">
        <v>29</v>
      </c>
      <c r="AP44082">
        <v>30</v>
      </c>
      <c r="AQ44082">
        <v>30</v>
      </c>
    </row>
    <row r="44083" spans="1:43">
      <c r="A44083" t="s">
        <v>26863</v>
      </c>
      <c r="B44083" t="s">
        <v>26864</v>
      </c>
      <c r="C44083" t="s">
        <v>10160</v>
      </c>
      <c r="D44083" t="s">
        <v>10161</v>
      </c>
      <c r="E44083" t="s">
        <v>9956</v>
      </c>
      <c r="F44083" t="s">
        <v>9957</v>
      </c>
      <c r="G44083" t="s">
        <v>80</v>
      </c>
      <c r="H44083" t="s">
        <v>81</v>
      </c>
      <c r="I44083" s="2">
        <v>0</v>
      </c>
      <c r="J44083" s="2">
        <v>1</v>
      </c>
      <c r="K44083" s="2">
        <v>0</v>
      </c>
      <c r="L44083" t="s">
        <v>82</v>
      </c>
      <c r="M44083" t="s">
        <v>87</v>
      </c>
      <c r="N44083" t="s">
        <v>88</v>
      </c>
      <c r="O44083" t="s">
        <v>85</v>
      </c>
      <c r="P44083" t="s">
        <v>86</v>
      </c>
      <c r="Q44083">
        <v>19</v>
      </c>
      <c r="R44083">
        <v>19</v>
      </c>
      <c r="S44083">
        <v>19</v>
      </c>
      <c r="T44083">
        <v>20</v>
      </c>
      <c r="U44083">
        <v>20</v>
      </c>
      <c r="V44083">
        <v>20</v>
      </c>
      <c r="W44083">
        <v>20</v>
      </c>
      <c r="X44083">
        <v>21</v>
      </c>
      <c r="Y44083">
        <v>21</v>
      </c>
      <c r="Z44083">
        <v>21</v>
      </c>
      <c r="AA44083">
        <v>21</v>
      </c>
      <c r="AB44083">
        <v>22</v>
      </c>
      <c r="AC44083">
        <v>22</v>
      </c>
      <c r="AD44083">
        <v>22</v>
      </c>
      <c r="AE44083">
        <v>22</v>
      </c>
      <c r="AF44083">
        <v>23</v>
      </c>
      <c r="AG44083">
        <v>23</v>
      </c>
      <c r="AH44083">
        <v>23</v>
      </c>
      <c r="AI44083">
        <v>23</v>
      </c>
      <c r="AJ44083">
        <v>24</v>
      </c>
      <c r="AK44083">
        <v>24</v>
      </c>
      <c r="AL44083">
        <v>24</v>
      </c>
      <c r="AM44083">
        <v>25</v>
      </c>
      <c r="AN44083">
        <v>25</v>
      </c>
      <c r="AO44083">
        <v>25</v>
      </c>
      <c r="AP44083">
        <v>26</v>
      </c>
      <c r="AQ44083">
        <v>26</v>
      </c>
    </row>
    <row r="44084" spans="1:43">
      <c r="A44084" t="s">
        <v>26863</v>
      </c>
      <c r="B44084" t="s">
        <v>26864</v>
      </c>
      <c r="C44084" t="s">
        <v>10160</v>
      </c>
      <c r="D44084" t="s">
        <v>10161</v>
      </c>
      <c r="E44084" t="s">
        <v>9956</v>
      </c>
      <c r="F44084" t="s">
        <v>9957</v>
      </c>
      <c r="G44084" t="s">
        <v>80</v>
      </c>
      <c r="H44084" t="s">
        <v>81</v>
      </c>
      <c r="I44084" s="2">
        <v>0</v>
      </c>
      <c r="J44084" s="2">
        <v>1</v>
      </c>
      <c r="K44084" s="2">
        <v>0</v>
      </c>
      <c r="L44084" t="s">
        <v>82</v>
      </c>
      <c r="M44084" t="s">
        <v>89</v>
      </c>
      <c r="N44084" t="s">
        <v>90</v>
      </c>
      <c r="O44084" t="s">
        <v>85</v>
      </c>
      <c r="P44084" t="s">
        <v>86</v>
      </c>
      <c r="Q44084">
        <v>19</v>
      </c>
      <c r="R44084">
        <v>20</v>
      </c>
      <c r="S44084">
        <v>20</v>
      </c>
      <c r="T44084">
        <v>21</v>
      </c>
      <c r="U44084">
        <v>22</v>
      </c>
      <c r="V44084">
        <v>22</v>
      </c>
      <c r="W44084">
        <v>23</v>
      </c>
      <c r="X44084">
        <v>23</v>
      </c>
      <c r="Y44084">
        <v>24</v>
      </c>
      <c r="Z44084">
        <v>24</v>
      </c>
      <c r="AA44084">
        <v>25</v>
      </c>
      <c r="AB44084">
        <v>26</v>
      </c>
      <c r="AC44084">
        <v>26</v>
      </c>
      <c r="AD44084">
        <v>27</v>
      </c>
      <c r="AE44084">
        <v>27</v>
      </c>
      <c r="AF44084">
        <v>27</v>
      </c>
      <c r="AG44084">
        <v>28</v>
      </c>
      <c r="AH44084">
        <v>28</v>
      </c>
      <c r="AI44084">
        <v>28</v>
      </c>
      <c r="AJ44084">
        <v>28</v>
      </c>
      <c r="AK44084">
        <v>28</v>
      </c>
      <c r="AL44084">
        <v>29</v>
      </c>
      <c r="AM44084">
        <v>29</v>
      </c>
      <c r="AN44084">
        <v>29</v>
      </c>
      <c r="AO44084">
        <v>29</v>
      </c>
      <c r="AP44084">
        <v>30</v>
      </c>
      <c r="AQ44084">
        <v>30</v>
      </c>
    </row>
    <row r="44085" spans="1:43">
      <c r="A44085" t="s">
        <v>26863</v>
      </c>
      <c r="B44085" t="s">
        <v>26864</v>
      </c>
      <c r="C44085" t="s">
        <v>10160</v>
      </c>
      <c r="D44085" t="s">
        <v>10161</v>
      </c>
      <c r="E44085" t="s">
        <v>9956</v>
      </c>
      <c r="F44085" t="s">
        <v>9957</v>
      </c>
      <c r="G44085" t="s">
        <v>80</v>
      </c>
      <c r="H44085" t="s">
        <v>81</v>
      </c>
      <c r="I44085" s="2">
        <v>0</v>
      </c>
      <c r="J44085" s="2">
        <v>1</v>
      </c>
      <c r="K44085" s="2">
        <v>0</v>
      </c>
      <c r="L44085" t="s">
        <v>82</v>
      </c>
      <c r="M44085" t="s">
        <v>83</v>
      </c>
      <c r="N44085" t="s">
        <v>91</v>
      </c>
      <c r="O44085" t="s">
        <v>85</v>
      </c>
      <c r="P44085" t="s">
        <v>86</v>
      </c>
      <c r="Q44085">
        <v>19</v>
      </c>
      <c r="R44085">
        <v>20</v>
      </c>
      <c r="S44085">
        <v>20</v>
      </c>
      <c r="T44085">
        <v>20</v>
      </c>
      <c r="U44085">
        <v>21</v>
      </c>
      <c r="V44085">
        <v>21</v>
      </c>
      <c r="W44085">
        <v>22</v>
      </c>
      <c r="X44085">
        <v>22</v>
      </c>
      <c r="Y44085">
        <v>23</v>
      </c>
      <c r="Z44085">
        <v>23</v>
      </c>
      <c r="AA44085">
        <v>23</v>
      </c>
      <c r="AB44085">
        <v>24</v>
      </c>
      <c r="AC44085">
        <v>24</v>
      </c>
      <c r="AD44085">
        <v>25</v>
      </c>
      <c r="AE44085">
        <v>25</v>
      </c>
      <c r="AF44085">
        <v>26</v>
      </c>
      <c r="AG44085">
        <v>26</v>
      </c>
      <c r="AH44085">
        <v>27</v>
      </c>
      <c r="AI44085">
        <v>27</v>
      </c>
      <c r="AJ44085">
        <v>28</v>
      </c>
      <c r="AK44085">
        <v>28</v>
      </c>
      <c r="AL44085">
        <v>29</v>
      </c>
      <c r="AM44085">
        <v>29</v>
      </c>
      <c r="AN44085">
        <v>29</v>
      </c>
      <c r="AO44085">
        <v>29</v>
      </c>
      <c r="AP44085">
        <v>30</v>
      </c>
      <c r="AQ44085">
        <v>30</v>
      </c>
    </row>
    <row r="44086" spans="1:43">
      <c r="A44086" t="s">
        <v>26865</v>
      </c>
      <c r="B44086" t="s">
        <v>26866</v>
      </c>
      <c r="C44086" t="s">
        <v>10008</v>
      </c>
      <c r="D44086" t="s">
        <v>10009</v>
      </c>
      <c r="E44086" t="s">
        <v>9956</v>
      </c>
      <c r="F44086" t="s">
        <v>9957</v>
      </c>
      <c r="G44086" t="s">
        <v>80</v>
      </c>
      <c r="H44086" t="s">
        <v>81</v>
      </c>
      <c r="I44086" s="2">
        <v>0</v>
      </c>
      <c r="J44086" s="2">
        <v>1</v>
      </c>
      <c r="K44086" s="2">
        <v>0</v>
      </c>
      <c r="L44086" t="s">
        <v>82</v>
      </c>
      <c r="M44086" t="s">
        <v>83</v>
      </c>
      <c r="N44086" t="s">
        <v>84</v>
      </c>
      <c r="O44086" t="s">
        <v>85</v>
      </c>
      <c r="P44086" t="s">
        <v>86</v>
      </c>
      <c r="Q44086">
        <v>89</v>
      </c>
      <c r="R44086">
        <v>91</v>
      </c>
      <c r="S44086">
        <v>93</v>
      </c>
      <c r="T44086">
        <v>94</v>
      </c>
      <c r="U44086">
        <v>96</v>
      </c>
      <c r="V44086">
        <v>98</v>
      </c>
      <c r="W44086">
        <v>100</v>
      </c>
      <c r="X44086">
        <v>102</v>
      </c>
      <c r="Y44086">
        <v>105</v>
      </c>
      <c r="Z44086">
        <v>107</v>
      </c>
      <c r="AA44086">
        <v>109</v>
      </c>
      <c r="AB44086">
        <v>111</v>
      </c>
      <c r="AC44086">
        <v>113</v>
      </c>
      <c r="AD44086">
        <v>115</v>
      </c>
      <c r="AE44086">
        <v>117</v>
      </c>
      <c r="AF44086">
        <v>119</v>
      </c>
      <c r="AG44086">
        <v>122</v>
      </c>
      <c r="AH44086">
        <v>124</v>
      </c>
      <c r="AI44086">
        <v>126</v>
      </c>
      <c r="AJ44086">
        <v>128</v>
      </c>
      <c r="AK44086">
        <v>130</v>
      </c>
      <c r="AL44086">
        <v>132</v>
      </c>
      <c r="AM44086">
        <v>133</v>
      </c>
      <c r="AN44086">
        <v>134</v>
      </c>
      <c r="AO44086">
        <v>136</v>
      </c>
      <c r="AP44086">
        <v>137</v>
      </c>
      <c r="AQ44086">
        <v>138</v>
      </c>
    </row>
    <row r="44087" spans="1:43">
      <c r="A44087" t="s">
        <v>26865</v>
      </c>
      <c r="B44087" t="s">
        <v>26866</v>
      </c>
      <c r="C44087" t="s">
        <v>10008</v>
      </c>
      <c r="D44087" t="s">
        <v>10009</v>
      </c>
      <c r="E44087" t="s">
        <v>9956</v>
      </c>
      <c r="F44087" t="s">
        <v>9957</v>
      </c>
      <c r="G44087" t="s">
        <v>80</v>
      </c>
      <c r="H44087" t="s">
        <v>81</v>
      </c>
      <c r="I44087" s="2">
        <v>0</v>
      </c>
      <c r="J44087" s="2">
        <v>1</v>
      </c>
      <c r="K44087" s="2">
        <v>0</v>
      </c>
      <c r="L44087" t="s">
        <v>82</v>
      </c>
      <c r="M44087" t="s">
        <v>87</v>
      </c>
      <c r="N44087" t="s">
        <v>88</v>
      </c>
      <c r="O44087" t="s">
        <v>85</v>
      </c>
      <c r="P44087" t="s">
        <v>86</v>
      </c>
      <c r="Q44087">
        <v>89</v>
      </c>
      <c r="R44087">
        <v>90</v>
      </c>
      <c r="S44087">
        <v>91</v>
      </c>
      <c r="T44087">
        <v>92</v>
      </c>
      <c r="U44087">
        <v>93</v>
      </c>
      <c r="V44087">
        <v>94</v>
      </c>
      <c r="W44087">
        <v>95</v>
      </c>
      <c r="X44087">
        <v>96</v>
      </c>
      <c r="Y44087">
        <v>98</v>
      </c>
      <c r="Z44087">
        <v>99</v>
      </c>
      <c r="AA44087">
        <v>100</v>
      </c>
      <c r="AB44087">
        <v>101</v>
      </c>
      <c r="AC44087">
        <v>102</v>
      </c>
      <c r="AD44087">
        <v>104</v>
      </c>
      <c r="AE44087">
        <v>105</v>
      </c>
      <c r="AF44087">
        <v>106</v>
      </c>
      <c r="AG44087">
        <v>107</v>
      </c>
      <c r="AH44087">
        <v>109</v>
      </c>
      <c r="AI44087">
        <v>110</v>
      </c>
      <c r="AJ44087">
        <v>111</v>
      </c>
      <c r="AK44087">
        <v>113</v>
      </c>
      <c r="AL44087">
        <v>114</v>
      </c>
      <c r="AM44087">
        <v>115</v>
      </c>
      <c r="AN44087">
        <v>117</v>
      </c>
      <c r="AO44087">
        <v>118</v>
      </c>
      <c r="AP44087">
        <v>119</v>
      </c>
      <c r="AQ44087">
        <v>121</v>
      </c>
    </row>
    <row r="44088" spans="1:43">
      <c r="A44088" t="s">
        <v>26865</v>
      </c>
      <c r="B44088" t="s">
        <v>26866</v>
      </c>
      <c r="C44088" t="s">
        <v>10008</v>
      </c>
      <c r="D44088" t="s">
        <v>10009</v>
      </c>
      <c r="E44088" t="s">
        <v>9956</v>
      </c>
      <c r="F44088" t="s">
        <v>9957</v>
      </c>
      <c r="G44088" t="s">
        <v>80</v>
      </c>
      <c r="H44088" t="s">
        <v>81</v>
      </c>
      <c r="I44088" s="2">
        <v>0</v>
      </c>
      <c r="J44088" s="2">
        <v>1</v>
      </c>
      <c r="K44088" s="2">
        <v>0</v>
      </c>
      <c r="L44088" t="s">
        <v>82</v>
      </c>
      <c r="M44088" t="s">
        <v>89</v>
      </c>
      <c r="N44088" t="s">
        <v>90</v>
      </c>
      <c r="O44088" t="s">
        <v>85</v>
      </c>
      <c r="P44088" t="s">
        <v>86</v>
      </c>
      <c r="Q44088">
        <v>89</v>
      </c>
      <c r="R44088">
        <v>92</v>
      </c>
      <c r="S44088">
        <v>95</v>
      </c>
      <c r="T44088">
        <v>98</v>
      </c>
      <c r="U44088">
        <v>100</v>
      </c>
      <c r="V44088">
        <v>103</v>
      </c>
      <c r="W44088">
        <v>106</v>
      </c>
      <c r="X44088">
        <v>108</v>
      </c>
      <c r="Y44088">
        <v>111</v>
      </c>
      <c r="Z44088">
        <v>113</v>
      </c>
      <c r="AA44088">
        <v>116</v>
      </c>
      <c r="AB44088">
        <v>118</v>
      </c>
      <c r="AC44088">
        <v>121</v>
      </c>
      <c r="AD44088">
        <v>123</v>
      </c>
      <c r="AE44088">
        <v>125</v>
      </c>
      <c r="AF44088">
        <v>127</v>
      </c>
      <c r="AG44088">
        <v>128</v>
      </c>
      <c r="AH44088">
        <v>129</v>
      </c>
      <c r="AI44088">
        <v>130</v>
      </c>
      <c r="AJ44088">
        <v>131</v>
      </c>
      <c r="AK44088">
        <v>132</v>
      </c>
      <c r="AL44088">
        <v>134</v>
      </c>
      <c r="AM44088">
        <v>135</v>
      </c>
      <c r="AN44088">
        <v>136</v>
      </c>
      <c r="AO44088">
        <v>137</v>
      </c>
      <c r="AP44088">
        <v>138</v>
      </c>
      <c r="AQ44088">
        <v>139</v>
      </c>
    </row>
    <row r="44089" spans="1:43">
      <c r="A44089" t="s">
        <v>26865</v>
      </c>
      <c r="B44089" t="s">
        <v>26866</v>
      </c>
      <c r="C44089" t="s">
        <v>10008</v>
      </c>
      <c r="D44089" t="s">
        <v>10009</v>
      </c>
      <c r="E44089" t="s">
        <v>9956</v>
      </c>
      <c r="F44089" t="s">
        <v>9957</v>
      </c>
      <c r="G44089" t="s">
        <v>80</v>
      </c>
      <c r="H44089" t="s">
        <v>81</v>
      </c>
      <c r="I44089" s="2">
        <v>0</v>
      </c>
      <c r="J44089" s="2">
        <v>1</v>
      </c>
      <c r="K44089" s="2">
        <v>0</v>
      </c>
      <c r="L44089" t="s">
        <v>82</v>
      </c>
      <c r="M44089" t="s">
        <v>83</v>
      </c>
      <c r="N44089" t="s">
        <v>91</v>
      </c>
      <c r="O44089" t="s">
        <v>85</v>
      </c>
      <c r="P44089" t="s">
        <v>86</v>
      </c>
      <c r="Q44089">
        <v>89</v>
      </c>
      <c r="R44089">
        <v>91</v>
      </c>
      <c r="S44089">
        <v>93</v>
      </c>
      <c r="T44089">
        <v>94</v>
      </c>
      <c r="U44089">
        <v>96</v>
      </c>
      <c r="V44089">
        <v>98</v>
      </c>
      <c r="W44089">
        <v>100</v>
      </c>
      <c r="X44089">
        <v>102</v>
      </c>
      <c r="Y44089">
        <v>105</v>
      </c>
      <c r="Z44089">
        <v>107</v>
      </c>
      <c r="AA44089">
        <v>109</v>
      </c>
      <c r="AB44089">
        <v>111</v>
      </c>
      <c r="AC44089">
        <v>113</v>
      </c>
      <c r="AD44089">
        <v>115</v>
      </c>
      <c r="AE44089">
        <v>117</v>
      </c>
      <c r="AF44089">
        <v>119</v>
      </c>
      <c r="AG44089">
        <v>122</v>
      </c>
      <c r="AH44089">
        <v>124</v>
      </c>
      <c r="AI44089">
        <v>126</v>
      </c>
      <c r="AJ44089">
        <v>128</v>
      </c>
      <c r="AK44089">
        <v>130</v>
      </c>
      <c r="AL44089">
        <v>132</v>
      </c>
      <c r="AM44089">
        <v>133</v>
      </c>
      <c r="AN44089">
        <v>134</v>
      </c>
      <c r="AO44089">
        <v>136</v>
      </c>
      <c r="AP44089">
        <v>137</v>
      </c>
      <c r="AQ44089">
        <v>138</v>
      </c>
    </row>
    <row r="44090" spans="1:43">
      <c r="A44090" t="s">
        <v>26867</v>
      </c>
      <c r="B44090" t="s">
        <v>26868</v>
      </c>
      <c r="C44090" t="s">
        <v>10004</v>
      </c>
      <c r="D44090" t="s">
        <v>10005</v>
      </c>
      <c r="E44090" t="s">
        <v>9956</v>
      </c>
      <c r="F44090" t="s">
        <v>9957</v>
      </c>
      <c r="G44090" t="s">
        <v>80</v>
      </c>
      <c r="H44090" t="s">
        <v>81</v>
      </c>
      <c r="I44090" s="2">
        <v>0</v>
      </c>
      <c r="J44090" s="2">
        <v>1</v>
      </c>
      <c r="K44090" s="2">
        <v>0</v>
      </c>
      <c r="L44090" t="s">
        <v>82</v>
      </c>
      <c r="M44090" t="s">
        <v>83</v>
      </c>
      <c r="N44090" t="s">
        <v>84</v>
      </c>
      <c r="O44090" t="s">
        <v>85</v>
      </c>
      <c r="P44090" t="s">
        <v>86</v>
      </c>
      <c r="Q44090">
        <v>142</v>
      </c>
      <c r="R44090">
        <v>145</v>
      </c>
      <c r="S44090">
        <v>149</v>
      </c>
      <c r="T44090">
        <v>152</v>
      </c>
      <c r="U44090">
        <v>155</v>
      </c>
      <c r="V44090">
        <v>158</v>
      </c>
      <c r="W44090">
        <v>161</v>
      </c>
      <c r="X44090">
        <v>164</v>
      </c>
      <c r="Y44090">
        <v>168</v>
      </c>
      <c r="Z44090">
        <v>171</v>
      </c>
      <c r="AA44090">
        <v>175</v>
      </c>
      <c r="AB44090">
        <v>178</v>
      </c>
      <c r="AC44090">
        <v>182</v>
      </c>
      <c r="AD44090">
        <v>185</v>
      </c>
      <c r="AE44090">
        <v>189</v>
      </c>
      <c r="AF44090">
        <v>192</v>
      </c>
      <c r="AG44090">
        <v>196</v>
      </c>
      <c r="AH44090">
        <v>199</v>
      </c>
      <c r="AI44090">
        <v>203</v>
      </c>
      <c r="AJ44090">
        <v>207</v>
      </c>
      <c r="AK44090">
        <v>211</v>
      </c>
      <c r="AL44090">
        <v>213</v>
      </c>
      <c r="AM44090">
        <v>215</v>
      </c>
      <c r="AN44090">
        <v>217</v>
      </c>
      <c r="AO44090">
        <v>219</v>
      </c>
      <c r="AP44090">
        <v>220</v>
      </c>
      <c r="AQ44090">
        <v>222</v>
      </c>
    </row>
    <row r="44091" spans="1:43">
      <c r="A44091" t="s">
        <v>26867</v>
      </c>
      <c r="B44091" t="s">
        <v>26868</v>
      </c>
      <c r="C44091" t="s">
        <v>10004</v>
      </c>
      <c r="D44091" t="s">
        <v>10005</v>
      </c>
      <c r="E44091" t="s">
        <v>9956</v>
      </c>
      <c r="F44091" t="s">
        <v>9957</v>
      </c>
      <c r="G44091" t="s">
        <v>80</v>
      </c>
      <c r="H44091" t="s">
        <v>81</v>
      </c>
      <c r="I44091" s="2">
        <v>0</v>
      </c>
      <c r="J44091" s="2">
        <v>1</v>
      </c>
      <c r="K44091" s="2">
        <v>0</v>
      </c>
      <c r="L44091" t="s">
        <v>82</v>
      </c>
      <c r="M44091" t="s">
        <v>87</v>
      </c>
      <c r="N44091" t="s">
        <v>88</v>
      </c>
      <c r="O44091" t="s">
        <v>85</v>
      </c>
      <c r="P44091" t="s">
        <v>86</v>
      </c>
      <c r="Q44091">
        <v>142</v>
      </c>
      <c r="R44091">
        <v>144</v>
      </c>
      <c r="S44091">
        <v>145</v>
      </c>
      <c r="T44091">
        <v>147</v>
      </c>
      <c r="U44091">
        <v>149</v>
      </c>
      <c r="V44091">
        <v>151</v>
      </c>
      <c r="W44091">
        <v>152</v>
      </c>
      <c r="X44091">
        <v>154</v>
      </c>
      <c r="Y44091">
        <v>156</v>
      </c>
      <c r="Z44091">
        <v>158</v>
      </c>
      <c r="AA44091">
        <v>160</v>
      </c>
      <c r="AB44091">
        <v>162</v>
      </c>
      <c r="AC44091">
        <v>164</v>
      </c>
      <c r="AD44091">
        <v>166</v>
      </c>
      <c r="AE44091">
        <v>168</v>
      </c>
      <c r="AF44091">
        <v>170</v>
      </c>
      <c r="AG44091">
        <v>172</v>
      </c>
      <c r="AH44091">
        <v>174</v>
      </c>
      <c r="AI44091">
        <v>176</v>
      </c>
      <c r="AJ44091">
        <v>178</v>
      </c>
      <c r="AK44091">
        <v>180</v>
      </c>
      <c r="AL44091">
        <v>182</v>
      </c>
      <c r="AM44091">
        <v>185</v>
      </c>
      <c r="AN44091">
        <v>187</v>
      </c>
      <c r="AO44091">
        <v>189</v>
      </c>
      <c r="AP44091">
        <v>191</v>
      </c>
      <c r="AQ44091">
        <v>193</v>
      </c>
    </row>
    <row r="44092" spans="1:43">
      <c r="A44092" t="s">
        <v>26867</v>
      </c>
      <c r="B44092" t="s">
        <v>26868</v>
      </c>
      <c r="C44092" t="s">
        <v>10004</v>
      </c>
      <c r="D44092" t="s">
        <v>10005</v>
      </c>
      <c r="E44092" t="s">
        <v>9956</v>
      </c>
      <c r="F44092" t="s">
        <v>9957</v>
      </c>
      <c r="G44092" t="s">
        <v>80</v>
      </c>
      <c r="H44092" t="s">
        <v>81</v>
      </c>
      <c r="I44092" s="2">
        <v>0</v>
      </c>
      <c r="J44092" s="2">
        <v>1</v>
      </c>
      <c r="K44092" s="2">
        <v>0</v>
      </c>
      <c r="L44092" t="s">
        <v>82</v>
      </c>
      <c r="M44092" t="s">
        <v>89</v>
      </c>
      <c r="N44092" t="s">
        <v>90</v>
      </c>
      <c r="O44092" t="s">
        <v>85</v>
      </c>
      <c r="P44092" t="s">
        <v>86</v>
      </c>
      <c r="Q44092">
        <v>142</v>
      </c>
      <c r="R44092">
        <v>146</v>
      </c>
      <c r="S44092">
        <v>150</v>
      </c>
      <c r="T44092">
        <v>155</v>
      </c>
      <c r="U44092">
        <v>159</v>
      </c>
      <c r="V44092">
        <v>163</v>
      </c>
      <c r="W44092">
        <v>167</v>
      </c>
      <c r="X44092">
        <v>172</v>
      </c>
      <c r="Y44092">
        <v>176</v>
      </c>
      <c r="Z44092">
        <v>180</v>
      </c>
      <c r="AA44092">
        <v>184</v>
      </c>
      <c r="AB44092">
        <v>188</v>
      </c>
      <c r="AC44092">
        <v>193</v>
      </c>
      <c r="AD44092">
        <v>197</v>
      </c>
      <c r="AE44092">
        <v>200</v>
      </c>
      <c r="AF44092">
        <v>202</v>
      </c>
      <c r="AG44092">
        <v>204</v>
      </c>
      <c r="AH44092">
        <v>206</v>
      </c>
      <c r="AI44092">
        <v>208</v>
      </c>
      <c r="AJ44092">
        <v>209</v>
      </c>
      <c r="AK44092">
        <v>211</v>
      </c>
      <c r="AL44092">
        <v>213</v>
      </c>
      <c r="AM44092">
        <v>215</v>
      </c>
      <c r="AN44092">
        <v>217</v>
      </c>
      <c r="AO44092">
        <v>218</v>
      </c>
      <c r="AP44092">
        <v>220</v>
      </c>
      <c r="AQ44092">
        <v>222</v>
      </c>
    </row>
    <row r="44093" spans="1:43">
      <c r="A44093" t="s">
        <v>26867</v>
      </c>
      <c r="B44093" t="s">
        <v>26868</v>
      </c>
      <c r="C44093" t="s">
        <v>10004</v>
      </c>
      <c r="D44093" t="s">
        <v>10005</v>
      </c>
      <c r="E44093" t="s">
        <v>9956</v>
      </c>
      <c r="F44093" t="s">
        <v>9957</v>
      </c>
      <c r="G44093" t="s">
        <v>80</v>
      </c>
      <c r="H44093" t="s">
        <v>81</v>
      </c>
      <c r="I44093" s="2">
        <v>0</v>
      </c>
      <c r="J44093" s="2">
        <v>1</v>
      </c>
      <c r="K44093" s="2">
        <v>0</v>
      </c>
      <c r="L44093" t="s">
        <v>82</v>
      </c>
      <c r="M44093" t="s">
        <v>83</v>
      </c>
      <c r="N44093" t="s">
        <v>91</v>
      </c>
      <c r="O44093" t="s">
        <v>85</v>
      </c>
      <c r="P44093" t="s">
        <v>86</v>
      </c>
      <c r="Q44093">
        <v>142</v>
      </c>
      <c r="R44093">
        <v>145</v>
      </c>
      <c r="S44093">
        <v>149</v>
      </c>
      <c r="T44093">
        <v>152</v>
      </c>
      <c r="U44093">
        <v>155</v>
      </c>
      <c r="V44093">
        <v>158</v>
      </c>
      <c r="W44093">
        <v>161</v>
      </c>
      <c r="X44093">
        <v>164</v>
      </c>
      <c r="Y44093">
        <v>168</v>
      </c>
      <c r="Z44093">
        <v>171</v>
      </c>
      <c r="AA44093">
        <v>175</v>
      </c>
      <c r="AB44093">
        <v>178</v>
      </c>
      <c r="AC44093">
        <v>182</v>
      </c>
      <c r="AD44093">
        <v>185</v>
      </c>
      <c r="AE44093">
        <v>189</v>
      </c>
      <c r="AF44093">
        <v>192</v>
      </c>
      <c r="AG44093">
        <v>196</v>
      </c>
      <c r="AH44093">
        <v>199</v>
      </c>
      <c r="AI44093">
        <v>203</v>
      </c>
      <c r="AJ44093">
        <v>207</v>
      </c>
      <c r="AK44093">
        <v>211</v>
      </c>
      <c r="AL44093">
        <v>213</v>
      </c>
      <c r="AM44093">
        <v>215</v>
      </c>
      <c r="AN44093">
        <v>217</v>
      </c>
      <c r="AO44093">
        <v>219</v>
      </c>
      <c r="AP44093">
        <v>220</v>
      </c>
      <c r="AQ44093">
        <v>222</v>
      </c>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96024FF-0349-4DCB-9E42-22195C10807D}">
  <dimension ref="B3:AT47"/>
  <sheetViews>
    <sheetView tabSelected="1" zoomScale="70" zoomScaleNormal="70" workbookViewId="0">
      <selection activeCell="C20" sqref="C20"/>
    </sheetView>
  </sheetViews>
  <sheetFormatPr defaultColWidth="7.4609375" defaultRowHeight="13.5"/>
  <cols>
    <col min="1" max="2" width="7.4609375" style="35"/>
    <col min="3" max="3" width="17.84375" style="35" customWidth="1"/>
    <col min="4" max="4" width="20.15234375" style="35" bestFit="1" customWidth="1"/>
    <col min="5" max="5" width="20.15234375" style="35" customWidth="1"/>
    <col min="6" max="6" width="23.84375" style="35" customWidth="1"/>
    <col min="7" max="7" width="21.61328125" style="35" bestFit="1" customWidth="1"/>
    <col min="8" max="8" width="15.84375" style="35" customWidth="1"/>
    <col min="9" max="9" width="11.15234375" style="35" customWidth="1"/>
    <col min="10" max="10" width="19" style="35" bestFit="1" customWidth="1"/>
    <col min="11" max="11" width="11.765625" style="35" bestFit="1" customWidth="1"/>
    <col min="12" max="36" width="11.15234375" style="35" customWidth="1"/>
    <col min="37" max="37" width="8.23046875" style="35" customWidth="1"/>
    <col min="38" max="43" width="7.4609375" style="35"/>
    <col min="44" max="44" width="10.23046875" style="35" bestFit="1" customWidth="1"/>
    <col min="45" max="46" width="11.3828125" style="35" bestFit="1" customWidth="1"/>
    <col min="47" max="47" width="10.84375" style="35" bestFit="1" customWidth="1"/>
    <col min="48" max="16384" width="7.4609375" style="35"/>
  </cols>
  <sheetData>
    <row r="3" spans="2:36">
      <c r="B3" s="32"/>
      <c r="C3" s="33"/>
      <c r="D3" s="33"/>
      <c r="E3" s="33"/>
      <c r="F3" s="33"/>
      <c r="G3" s="33"/>
      <c r="H3" s="33"/>
      <c r="I3" s="33"/>
      <c r="J3" s="33"/>
      <c r="K3" s="33"/>
      <c r="L3" s="33"/>
      <c r="M3" s="33"/>
      <c r="N3" s="33"/>
      <c r="O3" s="33"/>
      <c r="P3" s="33"/>
      <c r="Q3" s="33"/>
      <c r="R3" s="33"/>
      <c r="S3" s="33"/>
      <c r="T3" s="33"/>
      <c r="U3" s="33"/>
      <c r="V3" s="33"/>
      <c r="W3" s="33"/>
      <c r="X3" s="33"/>
      <c r="Y3" s="33"/>
      <c r="Z3" s="33"/>
      <c r="AA3" s="33"/>
      <c r="AB3" s="33"/>
      <c r="AC3" s="33"/>
      <c r="AD3" s="33"/>
      <c r="AE3" s="33"/>
      <c r="AF3" s="33"/>
      <c r="AG3" s="33"/>
      <c r="AH3" s="33"/>
      <c r="AI3" s="33"/>
      <c r="AJ3" s="34"/>
    </row>
    <row r="4" spans="2:36">
      <c r="B4" s="36"/>
      <c r="AJ4" s="37"/>
    </row>
    <row r="5" spans="2:36" ht="23">
      <c r="B5" s="36"/>
      <c r="C5" s="38" t="s">
        <v>26869</v>
      </c>
      <c r="AJ5" s="37"/>
    </row>
    <row r="6" spans="2:36" ht="19.5">
      <c r="B6" s="36"/>
      <c r="C6" s="39"/>
      <c r="AJ6" s="37"/>
    </row>
    <row r="7" spans="2:36">
      <c r="B7" s="40"/>
      <c r="C7" s="41"/>
      <c r="D7" s="41"/>
      <c r="E7" s="41"/>
      <c r="F7" s="41"/>
      <c r="G7" s="41"/>
      <c r="H7" s="41"/>
      <c r="I7" s="41"/>
      <c r="J7" s="41"/>
      <c r="K7" s="41"/>
      <c r="L7" s="41"/>
      <c r="M7" s="41"/>
      <c r="N7" s="41"/>
      <c r="O7" s="41"/>
      <c r="P7" s="41"/>
      <c r="Q7" s="41"/>
      <c r="R7" s="41"/>
      <c r="S7" s="41"/>
      <c r="T7" s="41"/>
      <c r="U7" s="41"/>
      <c r="V7" s="41"/>
      <c r="W7" s="41"/>
      <c r="X7" s="41"/>
      <c r="Y7" s="41"/>
      <c r="Z7" s="41"/>
      <c r="AA7" s="41"/>
      <c r="AB7" s="41"/>
      <c r="AC7" s="41"/>
      <c r="AD7" s="41"/>
      <c r="AE7" s="41"/>
      <c r="AF7" s="41"/>
      <c r="AG7" s="41"/>
      <c r="AH7" s="41"/>
      <c r="AI7" s="41"/>
      <c r="AJ7" s="42"/>
    </row>
    <row r="8" spans="2:36">
      <c r="B8" s="32"/>
      <c r="C8" s="33"/>
      <c r="D8" s="33"/>
      <c r="E8" s="33"/>
      <c r="F8" s="33"/>
      <c r="G8" s="33"/>
      <c r="H8" s="33"/>
      <c r="I8" s="33"/>
      <c r="J8" s="33"/>
      <c r="K8" s="33"/>
      <c r="L8" s="33"/>
      <c r="M8" s="33"/>
      <c r="N8" s="33"/>
      <c r="O8" s="33"/>
      <c r="P8" s="33"/>
      <c r="Q8" s="33"/>
      <c r="R8" s="33"/>
      <c r="S8" s="33"/>
      <c r="T8" s="33"/>
      <c r="U8" s="33"/>
      <c r="V8" s="33"/>
      <c r="W8" s="33"/>
      <c r="X8" s="33"/>
      <c r="Y8" s="33"/>
      <c r="Z8" s="33"/>
      <c r="AA8" s="33"/>
      <c r="AB8" s="33"/>
      <c r="AC8" s="33"/>
      <c r="AD8" s="33"/>
      <c r="AE8" s="33"/>
      <c r="AF8" s="33"/>
      <c r="AG8" s="33"/>
      <c r="AH8" s="33"/>
      <c r="AI8" s="33"/>
      <c r="AJ8" s="34"/>
    </row>
    <row r="9" spans="2:36">
      <c r="B9" s="36"/>
      <c r="AJ9" s="37"/>
    </row>
    <row r="10" spans="2:36">
      <c r="B10" s="36"/>
      <c r="C10" s="43" t="s">
        <v>26870</v>
      </c>
      <c r="AJ10" s="37"/>
    </row>
    <row r="11" spans="2:36">
      <c r="B11" s="36"/>
      <c r="C11" s="43"/>
      <c r="AJ11" s="37"/>
    </row>
    <row r="12" spans="2:36">
      <c r="B12" s="36"/>
      <c r="C12" s="44" t="s">
        <v>26871</v>
      </c>
      <c r="J12" s="45"/>
      <c r="K12" s="45"/>
      <c r="L12" s="45"/>
      <c r="M12" s="45"/>
      <c r="AJ12" s="37"/>
    </row>
    <row r="13" spans="2:36" ht="31" customHeight="1">
      <c r="B13" s="36"/>
      <c r="C13" s="46" t="s">
        <v>26872</v>
      </c>
      <c r="D13" s="46" t="s">
        <v>50</v>
      </c>
      <c r="E13" s="46" t="s">
        <v>52</v>
      </c>
      <c r="F13" s="46" t="s">
        <v>54</v>
      </c>
      <c r="G13" s="47" t="s">
        <v>26873</v>
      </c>
      <c r="H13" s="47" t="s">
        <v>26874</v>
      </c>
      <c r="I13" s="47" t="s">
        <v>26875</v>
      </c>
      <c r="J13" s="47" t="s">
        <v>26876</v>
      </c>
      <c r="K13" s="47" t="s">
        <v>26877</v>
      </c>
      <c r="L13" s="47" t="s">
        <v>26875</v>
      </c>
      <c r="M13" s="97" t="s">
        <v>26878</v>
      </c>
      <c r="N13" s="97"/>
      <c r="O13" s="97"/>
      <c r="P13" s="97"/>
      <c r="Q13" s="97"/>
      <c r="R13" s="97"/>
      <c r="S13" s="97"/>
      <c r="T13" s="97"/>
      <c r="AJ13" s="37"/>
    </row>
    <row r="14" spans="2:36" ht="14">
      <c r="B14" s="36"/>
      <c r="C14" s="48" t="s">
        <v>26879</v>
      </c>
      <c r="D14" s="48" t="s">
        <v>90</v>
      </c>
      <c r="E14" s="57" t="s">
        <v>89</v>
      </c>
      <c r="F14" s="57" t="s">
        <v>85</v>
      </c>
      <c r="G14" s="49">
        <f>SUMIFS($H$22:$H$29,$G$22:$G$29,$G$22,$F$22:$F$29,$F14,$D$22:$D$29,$D14)</f>
        <v>411501</v>
      </c>
      <c r="H14" s="49">
        <f>SUMIFS($H$22:$H$29,$G$22:$G$29,$G$23,$F$22:$F$29,$F14,$D$22:$D$29,$D14)</f>
        <v>411501</v>
      </c>
      <c r="I14" s="50" t="str">
        <f>IF((ABS(G14-H14)/H14)&lt;0.01,"Ok","Error")</f>
        <v>Ok</v>
      </c>
      <c r="J14" s="49">
        <f>SUMIFS($AH$22:$AH$29,$G$22:$G$29,$G$22,$F$22:$F$29,$F14,$D$22:$D$29,$D14)</f>
        <v>564948</v>
      </c>
      <c r="K14" s="49">
        <f>SUMIFS($AH$22:$AH$29,$G$22:$G$29,$G$23,$F$22:$F$29,$F14,$D$22:$D$29,$D14)</f>
        <v>564948</v>
      </c>
      <c r="L14" s="50" t="str">
        <f>IF((ABS(J14-K14)/K14)&lt;0.01,"Ok","Error")</f>
        <v>Ok</v>
      </c>
      <c r="M14" s="98"/>
      <c r="N14" s="98"/>
      <c r="O14" s="98"/>
      <c r="P14" s="98"/>
      <c r="Q14" s="98"/>
      <c r="R14" s="98"/>
      <c r="S14" s="98"/>
      <c r="T14" s="98"/>
      <c r="AJ14" s="37"/>
    </row>
    <row r="15" spans="2:36" ht="14">
      <c r="B15" s="36"/>
      <c r="C15" s="48" t="s">
        <v>26879</v>
      </c>
      <c r="D15" s="48" t="s">
        <v>84</v>
      </c>
      <c r="E15" s="57" t="s">
        <v>83</v>
      </c>
      <c r="F15" s="57" t="s">
        <v>85</v>
      </c>
      <c r="G15" s="49">
        <f>SUMIFS($H$22:$H$29,$G$22:$G$29,$G$22,$F$22:$F$29,$F15,$D$22:$D$29,$D15)</f>
        <v>411501</v>
      </c>
      <c r="H15" s="49">
        <f>SUMIFS($H$22:$H$29,$G$22:$G$29,$G$23,$F$22:$F$29,$F15,$D$22:$D$29,$D15)</f>
        <v>411501</v>
      </c>
      <c r="I15" s="50" t="str">
        <f t="shared" ref="I15:I17" si="0">IF((ABS(G15-H15)/H15)&lt;0.01,"Ok","Error")</f>
        <v>Ok</v>
      </c>
      <c r="J15" s="49">
        <f>SUMIFS($AH$22:$AH$29,$G$22:$G$29,$G$22,$F$22:$F$29,$F15,$D$22:$D$29,$D15)</f>
        <v>563792</v>
      </c>
      <c r="K15" s="49">
        <f>SUMIFS($AH$22:$AH$29,$G$22:$G$29,$G$23,$F$22:$F$29,$F15,$D$22:$D$29,$D15)</f>
        <v>563792</v>
      </c>
      <c r="L15" s="50" t="str">
        <f t="shared" ref="L15:L17" si="1">IF((ABS(J15-K15)/K15)&lt;0.01,"Ok","Error")</f>
        <v>Ok</v>
      </c>
      <c r="M15" s="98"/>
      <c r="N15" s="98"/>
      <c r="O15" s="98"/>
      <c r="P15" s="98"/>
      <c r="Q15" s="98"/>
      <c r="R15" s="98"/>
      <c r="S15" s="98"/>
      <c r="T15" s="98"/>
      <c r="AJ15" s="37"/>
    </row>
    <row r="16" spans="2:36" ht="14">
      <c r="B16" s="36"/>
      <c r="C16" s="48" t="s">
        <v>26879</v>
      </c>
      <c r="D16" s="48" t="s">
        <v>88</v>
      </c>
      <c r="E16" s="57" t="s">
        <v>87</v>
      </c>
      <c r="F16" s="57" t="s">
        <v>85</v>
      </c>
      <c r="G16" s="49">
        <f>SUMIFS($H$22:$H$29,$G$22:$G$29,$G$22,$F$22:$F$29,$F16,$D$22:$D$29,$D16)</f>
        <v>411501</v>
      </c>
      <c r="H16" s="49">
        <f>SUMIFS($H$22:$H$29,$G$22:$G$29,$G$23,$F$22:$F$29,$F16,$D$22:$D$29,$D16)</f>
        <v>411501</v>
      </c>
      <c r="I16" s="50" t="str">
        <f t="shared" si="0"/>
        <v>Ok</v>
      </c>
      <c r="J16" s="49">
        <f>SUMIFS($AH$22:$AH$29,$G$22:$G$29,$G$22,$F$22:$F$29,$F16,$D$22:$D$29,$D16)</f>
        <v>492864</v>
      </c>
      <c r="K16" s="49">
        <f>SUMIFS($AH$22:$AH$29,$G$22:$G$29,$G$23,$F$22:$F$29,$F16,$D$22:$D$29,$D16)</f>
        <v>492864</v>
      </c>
      <c r="L16" s="50" t="str">
        <f t="shared" si="1"/>
        <v>Ok</v>
      </c>
      <c r="M16" s="98"/>
      <c r="N16" s="98"/>
      <c r="O16" s="98"/>
      <c r="P16" s="98"/>
      <c r="Q16" s="98"/>
      <c r="R16" s="98"/>
      <c r="S16" s="98"/>
      <c r="T16" s="98"/>
      <c r="AJ16" s="37"/>
    </row>
    <row r="17" spans="2:46" ht="14">
      <c r="B17" s="36"/>
      <c r="C17" s="48" t="s">
        <v>26879</v>
      </c>
      <c r="D17" s="48" t="s">
        <v>91</v>
      </c>
      <c r="E17" s="57" t="s">
        <v>83</v>
      </c>
      <c r="F17" s="57" t="s">
        <v>85</v>
      </c>
      <c r="G17" s="49">
        <f>SUMIFS($H$22:$H$29,$G$22:$G$29,$G$22,$F$22:$F$29,$F17,$D$22:$D$29,$D17)</f>
        <v>411501</v>
      </c>
      <c r="H17" s="49">
        <f>SUMIFS($H$22:$H$29,$G$22:$G$29,$G$23,$F$22:$F$29,$F17,$D$22:$D$29,$D17)</f>
        <v>411501</v>
      </c>
      <c r="I17" s="50" t="str">
        <f t="shared" si="0"/>
        <v>Ok</v>
      </c>
      <c r="J17" s="49">
        <f>SUMIFS($AH$22:$AH$29,$G$22:$G$29,$G$22,$F$22:$F$29,$F17,$D$22:$D$29,$D17)</f>
        <v>563792</v>
      </c>
      <c r="K17" s="49">
        <f>SUMIFS($AH$22:$AH$29,$G$22:$G$29,$G$23,$F$22:$F$29,$F17,$D$22:$D$29,$D17)</f>
        <v>563792</v>
      </c>
      <c r="L17" s="50" t="str">
        <f t="shared" si="1"/>
        <v>Ok</v>
      </c>
      <c r="M17" s="98"/>
      <c r="N17" s="98"/>
      <c r="O17" s="98"/>
      <c r="P17" s="98"/>
      <c r="Q17" s="98"/>
      <c r="R17" s="98"/>
      <c r="S17" s="98"/>
      <c r="T17" s="98"/>
      <c r="AJ17" s="37"/>
    </row>
    <row r="18" spans="2:46" ht="14">
      <c r="B18" s="36"/>
      <c r="C18" s="44"/>
      <c r="D18" s="44"/>
      <c r="E18" s="44"/>
      <c r="F18" s="44"/>
      <c r="G18" s="51"/>
      <c r="H18" s="51"/>
      <c r="I18" s="51"/>
      <c r="J18" s="51"/>
      <c r="K18" s="51"/>
      <c r="L18" s="51"/>
      <c r="M18" s="51"/>
      <c r="N18" s="51"/>
      <c r="O18" s="51"/>
      <c r="P18" s="51"/>
      <c r="Q18" s="51"/>
      <c r="R18" s="51"/>
      <c r="S18" s="51"/>
      <c r="T18" s="51"/>
      <c r="U18" s="51"/>
      <c r="V18" s="51"/>
      <c r="AJ18" s="37"/>
    </row>
    <row r="19" spans="2:46" ht="14">
      <c r="B19" s="36"/>
      <c r="C19" s="44"/>
      <c r="D19" s="44"/>
      <c r="E19" s="44"/>
      <c r="F19" s="44"/>
      <c r="G19" s="51"/>
      <c r="H19" s="51"/>
      <c r="I19" s="51"/>
      <c r="J19" s="51"/>
      <c r="K19" s="51"/>
      <c r="L19" s="51"/>
      <c r="M19" s="51"/>
      <c r="N19" s="51"/>
      <c r="O19" s="51"/>
      <c r="P19" s="51"/>
      <c r="Q19" s="51"/>
      <c r="R19" s="51"/>
      <c r="S19" s="51"/>
      <c r="T19" s="51"/>
      <c r="U19" s="51"/>
      <c r="V19" s="51"/>
      <c r="AJ19" s="37"/>
      <c r="AP19" s="52"/>
    </row>
    <row r="20" spans="2:46">
      <c r="B20" s="36"/>
      <c r="C20" s="44" t="s">
        <v>26871</v>
      </c>
      <c r="D20" s="44"/>
      <c r="H20" s="94" t="s">
        <v>58</v>
      </c>
      <c r="I20" s="95"/>
      <c r="J20" s="95"/>
      <c r="K20" s="95"/>
      <c r="L20" s="95"/>
      <c r="M20" s="95"/>
      <c r="N20" s="95"/>
      <c r="O20" s="95"/>
      <c r="P20" s="95"/>
      <c r="Q20" s="95"/>
      <c r="R20" s="95"/>
      <c r="S20" s="95"/>
      <c r="T20" s="95"/>
      <c r="U20" s="95"/>
      <c r="V20" s="95"/>
      <c r="W20" s="95"/>
      <c r="X20" s="95"/>
      <c r="Y20" s="95"/>
      <c r="Z20" s="95"/>
      <c r="AA20" s="95"/>
      <c r="AB20" s="95"/>
      <c r="AC20" s="95"/>
      <c r="AD20" s="95"/>
      <c r="AE20" s="95"/>
      <c r="AF20" s="95"/>
      <c r="AG20" s="95"/>
      <c r="AH20" s="96"/>
      <c r="AI20" s="52"/>
      <c r="AJ20" s="37"/>
    </row>
    <row r="21" spans="2:46" ht="44.15" customHeight="1">
      <c r="B21" s="53"/>
      <c r="C21" s="46" t="s">
        <v>26872</v>
      </c>
      <c r="D21" s="46" t="s">
        <v>50</v>
      </c>
      <c r="E21" s="46" t="s">
        <v>52</v>
      </c>
      <c r="F21" s="46" t="s">
        <v>54</v>
      </c>
      <c r="G21" s="54" t="s">
        <v>26880</v>
      </c>
      <c r="H21" s="55">
        <v>2024</v>
      </c>
      <c r="I21" s="55">
        <v>2025</v>
      </c>
      <c r="J21" s="55">
        <v>2026</v>
      </c>
      <c r="K21" s="55">
        <v>2027</v>
      </c>
      <c r="L21" s="55">
        <v>2028</v>
      </c>
      <c r="M21" s="55">
        <v>2029</v>
      </c>
      <c r="N21" s="55">
        <v>2030</v>
      </c>
      <c r="O21" s="55">
        <v>2031</v>
      </c>
      <c r="P21" s="55">
        <v>2032</v>
      </c>
      <c r="Q21" s="55">
        <v>2033</v>
      </c>
      <c r="R21" s="55">
        <v>2034</v>
      </c>
      <c r="S21" s="55">
        <v>2035</v>
      </c>
      <c r="T21" s="55">
        <v>2036</v>
      </c>
      <c r="U21" s="55">
        <v>2037</v>
      </c>
      <c r="V21" s="55">
        <v>2038</v>
      </c>
      <c r="W21" s="55">
        <v>2039</v>
      </c>
      <c r="X21" s="55">
        <v>2040</v>
      </c>
      <c r="Y21" s="55">
        <v>2041</v>
      </c>
      <c r="Z21" s="55">
        <v>2042</v>
      </c>
      <c r="AA21" s="55">
        <v>2043</v>
      </c>
      <c r="AB21" s="55">
        <v>2044</v>
      </c>
      <c r="AC21" s="55">
        <v>2045</v>
      </c>
      <c r="AD21" s="55">
        <v>2046</v>
      </c>
      <c r="AE21" s="55">
        <v>2047</v>
      </c>
      <c r="AF21" s="55">
        <v>2048</v>
      </c>
      <c r="AG21" s="55">
        <v>2049</v>
      </c>
      <c r="AH21" s="55">
        <v>2050</v>
      </c>
      <c r="AJ21" s="37"/>
    </row>
    <row r="22" spans="2:46">
      <c r="B22" s="53"/>
      <c r="C22" s="70" t="s">
        <v>26879</v>
      </c>
      <c r="D22" s="56" t="s">
        <v>90</v>
      </c>
      <c r="E22" s="57" t="s">
        <v>89</v>
      </c>
      <c r="F22" s="57" t="s">
        <v>85</v>
      </c>
      <c r="G22" s="48" t="s">
        <v>26881</v>
      </c>
      <c r="H22" s="58">
        <v>411501</v>
      </c>
      <c r="I22" s="58">
        <v>421840</v>
      </c>
      <c r="J22" s="58">
        <v>432122</v>
      </c>
      <c r="K22" s="58">
        <v>442325</v>
      </c>
      <c r="L22" s="58">
        <v>452322</v>
      </c>
      <c r="M22" s="58">
        <v>461983</v>
      </c>
      <c r="N22" s="58">
        <v>471439</v>
      </c>
      <c r="O22" s="58">
        <v>480597</v>
      </c>
      <c r="P22" s="58">
        <v>489525</v>
      </c>
      <c r="Q22" s="58">
        <v>498319</v>
      </c>
      <c r="R22" s="58">
        <v>506874</v>
      </c>
      <c r="S22" s="58">
        <v>515285</v>
      </c>
      <c r="T22" s="58">
        <v>524578</v>
      </c>
      <c r="U22" s="58">
        <v>533334</v>
      </c>
      <c r="V22" s="58">
        <v>539471</v>
      </c>
      <c r="W22" s="58">
        <v>541547</v>
      </c>
      <c r="X22" s="58">
        <v>543706</v>
      </c>
      <c r="Y22" s="58">
        <v>545749</v>
      </c>
      <c r="Z22" s="58">
        <v>547891</v>
      </c>
      <c r="AA22" s="58">
        <v>549980</v>
      </c>
      <c r="AB22" s="58">
        <v>552058</v>
      </c>
      <c r="AC22" s="58">
        <v>554194</v>
      </c>
      <c r="AD22" s="58">
        <v>556276</v>
      </c>
      <c r="AE22" s="58">
        <v>558432</v>
      </c>
      <c r="AF22" s="58">
        <v>560593</v>
      </c>
      <c r="AG22" s="58">
        <v>562719</v>
      </c>
      <c r="AH22" s="58">
        <v>564948</v>
      </c>
      <c r="AJ22" s="37"/>
      <c r="AQ22" s="59"/>
      <c r="AR22" s="59"/>
      <c r="AS22" s="59"/>
      <c r="AT22" s="59"/>
    </row>
    <row r="23" spans="2:46">
      <c r="B23" s="53"/>
      <c r="C23" s="60" t="s">
        <v>26879</v>
      </c>
      <c r="D23" s="60" t="s">
        <v>90</v>
      </c>
      <c r="E23" s="61" t="s">
        <v>89</v>
      </c>
      <c r="F23" s="61" t="s">
        <v>85</v>
      </c>
      <c r="G23" s="61" t="s">
        <v>26882</v>
      </c>
      <c r="H23" s="62">
        <v>411501</v>
      </c>
      <c r="I23" s="62">
        <v>421840</v>
      </c>
      <c r="J23" s="62">
        <v>432122</v>
      </c>
      <c r="K23" s="62">
        <v>442325</v>
      </c>
      <c r="L23" s="62">
        <v>452322</v>
      </c>
      <c r="M23" s="62">
        <v>461983</v>
      </c>
      <c r="N23" s="62">
        <v>471439</v>
      </c>
      <c r="O23" s="62">
        <v>480597</v>
      </c>
      <c r="P23" s="62">
        <v>489525</v>
      </c>
      <c r="Q23" s="62">
        <v>498319</v>
      </c>
      <c r="R23" s="62">
        <v>506874</v>
      </c>
      <c r="S23" s="62">
        <v>515285</v>
      </c>
      <c r="T23" s="62">
        <v>524578</v>
      </c>
      <c r="U23" s="62">
        <v>533334</v>
      </c>
      <c r="V23" s="62">
        <v>539471</v>
      </c>
      <c r="W23" s="62">
        <v>541547</v>
      </c>
      <c r="X23" s="62">
        <v>543706</v>
      </c>
      <c r="Y23" s="62">
        <v>545749</v>
      </c>
      <c r="Z23" s="62">
        <v>547891</v>
      </c>
      <c r="AA23" s="62">
        <v>549980</v>
      </c>
      <c r="AB23" s="62">
        <v>552058</v>
      </c>
      <c r="AC23" s="62">
        <v>554194</v>
      </c>
      <c r="AD23" s="62">
        <v>556276</v>
      </c>
      <c r="AE23" s="62">
        <v>558432</v>
      </c>
      <c r="AF23" s="62">
        <v>560593</v>
      </c>
      <c r="AG23" s="62">
        <v>562719</v>
      </c>
      <c r="AH23" s="62">
        <v>564948</v>
      </c>
      <c r="AJ23" s="37"/>
      <c r="AQ23" s="59"/>
      <c r="AR23" s="59"/>
      <c r="AS23" s="59"/>
      <c r="AT23" s="59"/>
    </row>
    <row r="24" spans="2:46">
      <c r="B24" s="53"/>
      <c r="C24" s="56" t="s">
        <v>26879</v>
      </c>
      <c r="D24" s="56" t="s">
        <v>84</v>
      </c>
      <c r="E24" s="57" t="s">
        <v>83</v>
      </c>
      <c r="F24" s="57" t="s">
        <v>85</v>
      </c>
      <c r="G24" s="48" t="s">
        <v>26881</v>
      </c>
      <c r="H24" s="58">
        <v>411501</v>
      </c>
      <c r="I24" s="58">
        <v>418274</v>
      </c>
      <c r="J24" s="58">
        <v>425046</v>
      </c>
      <c r="K24" s="58">
        <v>431869</v>
      </c>
      <c r="L24" s="58">
        <v>438707</v>
      </c>
      <c r="M24" s="58">
        <v>445504</v>
      </c>
      <c r="N24" s="58">
        <v>452358</v>
      </c>
      <c r="O24" s="58">
        <v>459221</v>
      </c>
      <c r="P24" s="58">
        <v>466008</v>
      </c>
      <c r="Q24" s="58">
        <v>472868</v>
      </c>
      <c r="R24" s="58">
        <v>479698</v>
      </c>
      <c r="S24" s="58">
        <v>486487</v>
      </c>
      <c r="T24" s="58">
        <v>493271</v>
      </c>
      <c r="U24" s="58">
        <v>500041</v>
      </c>
      <c r="V24" s="58">
        <v>506861</v>
      </c>
      <c r="W24" s="58">
        <v>513696</v>
      </c>
      <c r="X24" s="58">
        <v>520615</v>
      </c>
      <c r="Y24" s="58">
        <v>527567</v>
      </c>
      <c r="Z24" s="58">
        <v>534553</v>
      </c>
      <c r="AA24" s="58">
        <v>541603</v>
      </c>
      <c r="AB24" s="58">
        <v>548635</v>
      </c>
      <c r="AC24" s="58">
        <v>552455</v>
      </c>
      <c r="AD24" s="58">
        <v>554638</v>
      </c>
      <c r="AE24" s="58">
        <v>556875</v>
      </c>
      <c r="AF24" s="58">
        <v>559133</v>
      </c>
      <c r="AG24" s="58">
        <v>561437</v>
      </c>
      <c r="AH24" s="58">
        <v>563792</v>
      </c>
      <c r="AJ24" s="37"/>
      <c r="AQ24" s="59"/>
      <c r="AR24" s="59"/>
      <c r="AS24" s="59"/>
      <c r="AT24" s="59"/>
    </row>
    <row r="25" spans="2:46">
      <c r="B25" s="53"/>
      <c r="C25" s="60" t="s">
        <v>26879</v>
      </c>
      <c r="D25" s="60" t="s">
        <v>84</v>
      </c>
      <c r="E25" s="61" t="s">
        <v>83</v>
      </c>
      <c r="F25" s="61" t="s">
        <v>85</v>
      </c>
      <c r="G25" s="61" t="s">
        <v>26882</v>
      </c>
      <c r="H25" s="62">
        <v>411501</v>
      </c>
      <c r="I25" s="62">
        <v>418274</v>
      </c>
      <c r="J25" s="62">
        <v>425046</v>
      </c>
      <c r="K25" s="62">
        <v>431869</v>
      </c>
      <c r="L25" s="62">
        <v>438707</v>
      </c>
      <c r="M25" s="62">
        <v>445504</v>
      </c>
      <c r="N25" s="62">
        <v>452358</v>
      </c>
      <c r="O25" s="62">
        <v>459221</v>
      </c>
      <c r="P25" s="62">
        <v>466008</v>
      </c>
      <c r="Q25" s="62">
        <v>472868</v>
      </c>
      <c r="R25" s="62">
        <v>479698</v>
      </c>
      <c r="S25" s="62">
        <v>486487</v>
      </c>
      <c r="T25" s="62">
        <v>493271</v>
      </c>
      <c r="U25" s="62">
        <v>500041</v>
      </c>
      <c r="V25" s="62">
        <v>506861</v>
      </c>
      <c r="W25" s="62">
        <v>513696</v>
      </c>
      <c r="X25" s="62">
        <v>520615</v>
      </c>
      <c r="Y25" s="62">
        <v>527567</v>
      </c>
      <c r="Z25" s="62">
        <v>534553</v>
      </c>
      <c r="AA25" s="62">
        <v>541603</v>
      </c>
      <c r="AB25" s="62">
        <v>548635</v>
      </c>
      <c r="AC25" s="62">
        <v>552455</v>
      </c>
      <c r="AD25" s="62">
        <v>554638</v>
      </c>
      <c r="AE25" s="62">
        <v>556875</v>
      </c>
      <c r="AF25" s="62">
        <v>559133</v>
      </c>
      <c r="AG25" s="62">
        <v>561437</v>
      </c>
      <c r="AH25" s="62">
        <v>563792</v>
      </c>
      <c r="AJ25" s="37"/>
    </row>
    <row r="26" spans="2:46">
      <c r="B26" s="53"/>
      <c r="C26" s="56" t="s">
        <v>26879</v>
      </c>
      <c r="D26" s="56" t="s">
        <v>88</v>
      </c>
      <c r="E26" s="57" t="s">
        <v>87</v>
      </c>
      <c r="F26" s="57" t="s">
        <v>85</v>
      </c>
      <c r="G26" s="48" t="s">
        <v>26881</v>
      </c>
      <c r="H26" s="58">
        <v>411501</v>
      </c>
      <c r="I26" s="58">
        <v>414358</v>
      </c>
      <c r="J26" s="58">
        <v>417280</v>
      </c>
      <c r="K26" s="58">
        <v>420158</v>
      </c>
      <c r="L26" s="58">
        <v>423015</v>
      </c>
      <c r="M26" s="58">
        <v>425941</v>
      </c>
      <c r="N26" s="58">
        <v>428817</v>
      </c>
      <c r="O26" s="58">
        <v>431810</v>
      </c>
      <c r="P26" s="58">
        <v>434766</v>
      </c>
      <c r="Q26" s="58">
        <v>437738</v>
      </c>
      <c r="R26" s="58">
        <v>440738</v>
      </c>
      <c r="S26" s="58">
        <v>443812</v>
      </c>
      <c r="T26" s="58">
        <v>446876</v>
      </c>
      <c r="U26" s="58">
        <v>449978</v>
      </c>
      <c r="V26" s="58">
        <v>453090</v>
      </c>
      <c r="W26" s="58">
        <v>456239</v>
      </c>
      <c r="X26" s="58">
        <v>459401</v>
      </c>
      <c r="Y26" s="58">
        <v>462587</v>
      </c>
      <c r="Z26" s="58">
        <v>465814</v>
      </c>
      <c r="AA26" s="58">
        <v>469106</v>
      </c>
      <c r="AB26" s="58">
        <v>472379</v>
      </c>
      <c r="AC26" s="58">
        <v>475701</v>
      </c>
      <c r="AD26" s="58">
        <v>479045</v>
      </c>
      <c r="AE26" s="58">
        <v>482481</v>
      </c>
      <c r="AF26" s="58">
        <v>485871</v>
      </c>
      <c r="AG26" s="58">
        <v>489322</v>
      </c>
      <c r="AH26" s="58">
        <v>492864</v>
      </c>
      <c r="AJ26" s="37"/>
    </row>
    <row r="27" spans="2:46">
      <c r="B27" s="53"/>
      <c r="C27" s="60" t="s">
        <v>26879</v>
      </c>
      <c r="D27" s="60" t="s">
        <v>88</v>
      </c>
      <c r="E27" s="61" t="s">
        <v>87</v>
      </c>
      <c r="F27" s="61" t="s">
        <v>85</v>
      </c>
      <c r="G27" s="61" t="s">
        <v>26882</v>
      </c>
      <c r="H27" s="62">
        <v>411501</v>
      </c>
      <c r="I27" s="62">
        <v>414358</v>
      </c>
      <c r="J27" s="62">
        <v>417280</v>
      </c>
      <c r="K27" s="62">
        <v>420158</v>
      </c>
      <c r="L27" s="62">
        <v>423015</v>
      </c>
      <c r="M27" s="62">
        <v>425941</v>
      </c>
      <c r="N27" s="62">
        <v>428817</v>
      </c>
      <c r="O27" s="62">
        <v>431810</v>
      </c>
      <c r="P27" s="62">
        <v>434766</v>
      </c>
      <c r="Q27" s="62">
        <v>437738</v>
      </c>
      <c r="R27" s="62">
        <v>440738</v>
      </c>
      <c r="S27" s="62">
        <v>443812</v>
      </c>
      <c r="T27" s="62">
        <v>446876</v>
      </c>
      <c r="U27" s="62">
        <v>449978</v>
      </c>
      <c r="V27" s="62">
        <v>453090</v>
      </c>
      <c r="W27" s="62">
        <v>456239</v>
      </c>
      <c r="X27" s="62">
        <v>459401</v>
      </c>
      <c r="Y27" s="62">
        <v>462587</v>
      </c>
      <c r="Z27" s="62">
        <v>465814</v>
      </c>
      <c r="AA27" s="62">
        <v>469106</v>
      </c>
      <c r="AB27" s="62">
        <v>472379</v>
      </c>
      <c r="AC27" s="62">
        <v>475701</v>
      </c>
      <c r="AD27" s="62">
        <v>479045</v>
      </c>
      <c r="AE27" s="62">
        <v>482481</v>
      </c>
      <c r="AF27" s="62">
        <v>485871</v>
      </c>
      <c r="AG27" s="62">
        <v>489322</v>
      </c>
      <c r="AH27" s="62">
        <v>492864</v>
      </c>
      <c r="AJ27" s="37"/>
    </row>
    <row r="28" spans="2:46">
      <c r="B28" s="53"/>
      <c r="C28" s="56" t="s">
        <v>26879</v>
      </c>
      <c r="D28" s="56" t="s">
        <v>91</v>
      </c>
      <c r="E28" s="57" t="s">
        <v>83</v>
      </c>
      <c r="F28" s="57" t="s">
        <v>85</v>
      </c>
      <c r="G28" s="48" t="s">
        <v>26881</v>
      </c>
      <c r="H28" s="58">
        <v>411501</v>
      </c>
      <c r="I28" s="58">
        <v>418274</v>
      </c>
      <c r="J28" s="58">
        <v>425046</v>
      </c>
      <c r="K28" s="58">
        <v>431869</v>
      </c>
      <c r="L28" s="58">
        <v>438707</v>
      </c>
      <c r="M28" s="58">
        <v>445504</v>
      </c>
      <c r="N28" s="58">
        <v>452358</v>
      </c>
      <c r="O28" s="58">
        <v>459221</v>
      </c>
      <c r="P28" s="58">
        <v>466008</v>
      </c>
      <c r="Q28" s="58">
        <v>472868</v>
      </c>
      <c r="R28" s="58">
        <v>479698</v>
      </c>
      <c r="S28" s="58">
        <v>486487</v>
      </c>
      <c r="T28" s="58">
        <v>493271</v>
      </c>
      <c r="U28" s="58">
        <v>500041</v>
      </c>
      <c r="V28" s="58">
        <v>506861</v>
      </c>
      <c r="W28" s="58">
        <v>513696</v>
      </c>
      <c r="X28" s="58">
        <v>520615</v>
      </c>
      <c r="Y28" s="58">
        <v>527567</v>
      </c>
      <c r="Z28" s="58">
        <v>534553</v>
      </c>
      <c r="AA28" s="58">
        <v>541603</v>
      </c>
      <c r="AB28" s="58">
        <v>548635</v>
      </c>
      <c r="AC28" s="58">
        <v>552455</v>
      </c>
      <c r="AD28" s="58">
        <v>554638</v>
      </c>
      <c r="AE28" s="58">
        <v>556875</v>
      </c>
      <c r="AF28" s="58">
        <v>559133</v>
      </c>
      <c r="AG28" s="58">
        <v>561437</v>
      </c>
      <c r="AH28" s="58">
        <v>563792</v>
      </c>
      <c r="AJ28" s="63"/>
    </row>
    <row r="29" spans="2:46">
      <c r="B29" s="53"/>
      <c r="C29" s="60" t="s">
        <v>26879</v>
      </c>
      <c r="D29" s="60" t="s">
        <v>91</v>
      </c>
      <c r="E29" s="61" t="s">
        <v>83</v>
      </c>
      <c r="F29" s="61" t="s">
        <v>85</v>
      </c>
      <c r="G29" s="61" t="s">
        <v>26882</v>
      </c>
      <c r="H29" s="62">
        <v>411501</v>
      </c>
      <c r="I29" s="62">
        <v>418274</v>
      </c>
      <c r="J29" s="62">
        <v>425046</v>
      </c>
      <c r="K29" s="62">
        <v>431869</v>
      </c>
      <c r="L29" s="62">
        <v>438707</v>
      </c>
      <c r="M29" s="62">
        <v>445504</v>
      </c>
      <c r="N29" s="62">
        <v>452358</v>
      </c>
      <c r="O29" s="62">
        <v>459221</v>
      </c>
      <c r="P29" s="62">
        <v>466008</v>
      </c>
      <c r="Q29" s="62">
        <v>472868</v>
      </c>
      <c r="R29" s="62">
        <v>479698</v>
      </c>
      <c r="S29" s="62">
        <v>486487</v>
      </c>
      <c r="T29" s="62">
        <v>493271</v>
      </c>
      <c r="U29" s="62">
        <v>500041</v>
      </c>
      <c r="V29" s="62">
        <v>506861</v>
      </c>
      <c r="W29" s="62">
        <v>513696</v>
      </c>
      <c r="X29" s="62">
        <v>520615</v>
      </c>
      <c r="Y29" s="62">
        <v>527567</v>
      </c>
      <c r="Z29" s="62">
        <v>534553</v>
      </c>
      <c r="AA29" s="62">
        <v>541603</v>
      </c>
      <c r="AB29" s="62">
        <v>548635</v>
      </c>
      <c r="AC29" s="62">
        <v>552455</v>
      </c>
      <c r="AD29" s="62">
        <v>554638</v>
      </c>
      <c r="AE29" s="62">
        <v>556875</v>
      </c>
      <c r="AF29" s="62">
        <v>559133</v>
      </c>
      <c r="AG29" s="62">
        <v>561437</v>
      </c>
      <c r="AH29" s="62">
        <v>563792</v>
      </c>
      <c r="AJ29" s="37"/>
    </row>
    <row r="30" spans="2:46">
      <c r="B30" s="36"/>
      <c r="D30" s="44"/>
      <c r="J30" s="64"/>
      <c r="K30" s="59"/>
      <c r="L30" s="59"/>
      <c r="M30" s="64"/>
      <c r="N30" s="64"/>
      <c r="AJ30" s="37"/>
    </row>
    <row r="31" spans="2:46">
      <c r="B31" s="36"/>
      <c r="C31" s="44"/>
      <c r="I31" s="64"/>
      <c r="J31" s="59"/>
      <c r="K31" s="59"/>
      <c r="L31" s="64"/>
      <c r="M31" s="64"/>
      <c r="AJ31" s="37"/>
    </row>
    <row r="32" spans="2:46">
      <c r="B32" s="36"/>
      <c r="AJ32" s="37"/>
    </row>
    <row r="33" spans="2:36">
      <c r="B33" s="36"/>
      <c r="C33" s="69" t="s">
        <v>26883</v>
      </c>
      <c r="AJ33" s="37"/>
    </row>
    <row r="34" spans="2:36">
      <c r="B34" s="36"/>
      <c r="C34" s="35" t="s">
        <v>26884</v>
      </c>
      <c r="AJ34" s="37"/>
    </row>
    <row r="35" spans="2:36">
      <c r="B35" s="36"/>
      <c r="AJ35" s="37"/>
    </row>
    <row r="36" spans="2:36">
      <c r="B36" s="36"/>
      <c r="AJ36" s="37"/>
    </row>
    <row r="37" spans="2:36">
      <c r="B37" s="36"/>
      <c r="AJ37" s="37"/>
    </row>
    <row r="38" spans="2:36">
      <c r="B38" s="36"/>
      <c r="C38" s="43" t="s">
        <v>26885</v>
      </c>
      <c r="AJ38" s="37"/>
    </row>
    <row r="39" spans="2:36">
      <c r="B39" s="36"/>
      <c r="AJ39" s="37"/>
    </row>
    <row r="40" spans="2:36">
      <c r="B40" s="36"/>
      <c r="C40" s="89" t="s">
        <v>26886</v>
      </c>
      <c r="D40" s="90"/>
      <c r="E40" s="90"/>
      <c r="F40" s="90"/>
      <c r="G40" s="90"/>
      <c r="H40" s="90" t="s">
        <v>26887</v>
      </c>
      <c r="I40" s="90"/>
      <c r="J40" s="90"/>
      <c r="K40" s="90"/>
      <c r="L40" s="65" t="s">
        <v>26888</v>
      </c>
      <c r="AJ40" s="37"/>
    </row>
    <row r="41" spans="2:36">
      <c r="B41" s="36"/>
      <c r="C41" s="91"/>
      <c r="D41" s="92"/>
      <c r="E41" s="92"/>
      <c r="F41" s="92"/>
      <c r="G41" s="92"/>
      <c r="H41" s="93"/>
      <c r="I41" s="93"/>
      <c r="J41" s="93"/>
      <c r="K41" s="93"/>
      <c r="L41" s="66"/>
      <c r="M41" s="64"/>
      <c r="AJ41" s="37"/>
    </row>
    <row r="42" spans="2:36">
      <c r="B42" s="36"/>
      <c r="C42" s="83"/>
      <c r="D42" s="84"/>
      <c r="E42" s="84"/>
      <c r="F42" s="84"/>
      <c r="G42" s="84"/>
      <c r="H42" s="85"/>
      <c r="I42" s="85"/>
      <c r="J42" s="85"/>
      <c r="K42" s="85"/>
      <c r="L42" s="67"/>
      <c r="M42" s="64"/>
      <c r="AJ42" s="37"/>
    </row>
    <row r="43" spans="2:36">
      <c r="B43" s="36"/>
      <c r="C43" s="83"/>
      <c r="D43" s="84"/>
      <c r="E43" s="84"/>
      <c r="F43" s="84"/>
      <c r="G43" s="84"/>
      <c r="H43" s="85"/>
      <c r="I43" s="85"/>
      <c r="J43" s="85" t="s">
        <v>26889</v>
      </c>
      <c r="K43" s="85"/>
      <c r="L43" s="67"/>
      <c r="M43" s="64"/>
      <c r="AJ43" s="37"/>
    </row>
    <row r="44" spans="2:36">
      <c r="B44" s="36"/>
      <c r="C44" s="83"/>
      <c r="D44" s="84"/>
      <c r="E44" s="84"/>
      <c r="F44" s="84"/>
      <c r="G44" s="84"/>
      <c r="H44" s="85"/>
      <c r="I44" s="85"/>
      <c r="J44" s="85"/>
      <c r="K44" s="85"/>
      <c r="L44" s="67"/>
      <c r="M44" s="64"/>
      <c r="AJ44" s="37"/>
    </row>
    <row r="45" spans="2:36">
      <c r="B45" s="36"/>
      <c r="C45" s="86"/>
      <c r="D45" s="87"/>
      <c r="E45" s="87"/>
      <c r="F45" s="87"/>
      <c r="G45" s="87"/>
      <c r="H45" s="88"/>
      <c r="I45" s="88"/>
      <c r="J45" s="88"/>
      <c r="K45" s="88"/>
      <c r="L45" s="68"/>
      <c r="M45" s="64"/>
      <c r="AJ45" s="37"/>
    </row>
    <row r="46" spans="2:36">
      <c r="B46" s="36"/>
      <c r="AJ46" s="37"/>
    </row>
    <row r="47" spans="2:36">
      <c r="B47" s="40"/>
      <c r="C47" s="41"/>
      <c r="D47" s="41"/>
      <c r="E47" s="41"/>
      <c r="F47" s="41"/>
      <c r="G47" s="41"/>
      <c r="H47" s="41"/>
      <c r="I47" s="41"/>
      <c r="J47" s="41"/>
      <c r="K47" s="41"/>
      <c r="L47" s="41"/>
      <c r="M47" s="41"/>
      <c r="N47" s="41"/>
      <c r="O47" s="41"/>
      <c r="P47" s="41"/>
      <c r="Q47" s="41"/>
      <c r="R47" s="41"/>
      <c r="S47" s="41"/>
      <c r="T47" s="41"/>
      <c r="U47" s="41"/>
      <c r="V47" s="41"/>
      <c r="W47" s="41"/>
      <c r="X47" s="41"/>
      <c r="Y47" s="41"/>
      <c r="Z47" s="41"/>
      <c r="AA47" s="41"/>
      <c r="AB47" s="41"/>
      <c r="AC47" s="41"/>
      <c r="AD47" s="41"/>
      <c r="AE47" s="41"/>
      <c r="AF47" s="41"/>
      <c r="AG47" s="41"/>
      <c r="AH47" s="41"/>
      <c r="AI47" s="41"/>
      <c r="AJ47" s="42"/>
    </row>
  </sheetData>
  <mergeCells count="18">
    <mergeCell ref="H20:AH20"/>
    <mergeCell ref="M13:T13"/>
    <mergeCell ref="M14:T14"/>
    <mergeCell ref="M15:T15"/>
    <mergeCell ref="M16:T16"/>
    <mergeCell ref="M17:T17"/>
    <mergeCell ref="C40:G40"/>
    <mergeCell ref="H40:K40"/>
    <mergeCell ref="C41:G41"/>
    <mergeCell ref="H41:K41"/>
    <mergeCell ref="C42:G42"/>
    <mergeCell ref="H42:K42"/>
    <mergeCell ref="C43:G43"/>
    <mergeCell ref="H43:K43"/>
    <mergeCell ref="C44:G44"/>
    <mergeCell ref="H44:K44"/>
    <mergeCell ref="C45:G45"/>
    <mergeCell ref="H45:K45"/>
  </mergeCells>
  <conditionalFormatting sqref="I14:I17">
    <cfRule type="cellIs" dxfId="3" priority="3" operator="equal">
      <formula>"Error"</formula>
    </cfRule>
    <cfRule type="cellIs" dxfId="2" priority="4" operator="equal">
      <formula>"OK"</formula>
    </cfRule>
  </conditionalFormatting>
  <conditionalFormatting sqref="L14:L17">
    <cfRule type="cellIs" dxfId="1" priority="1" operator="equal">
      <formula>"Error"</formula>
    </cfRule>
    <cfRule type="cellIs" dxfId="0" priority="2" operator="equal">
      <formula>"OK"</formula>
    </cfRule>
  </conditionalFormatting>
  <pageMargins left="0.7" right="0.7" top="0.75" bottom="0.75" header="0.3" footer="0.3"/>
  <pageSetup paperSize="9" orientation="portrait" r:id="rId1"/>
  <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01AF6C92269ED74688F7076533C946C0" ma:contentTypeVersion="23" ma:contentTypeDescription="Create a new document." ma:contentTypeScope="" ma:versionID="c566117ebfa6919c0ecec8b9dfcdc2c8">
  <xsd:schema xmlns:xsd="http://www.w3.org/2001/XMLSchema" xmlns:xs="http://www.w3.org/2001/XMLSchema" xmlns:p="http://schemas.microsoft.com/office/2006/metadata/properties" xmlns:ns2="fa062cf6-3938-4e26-81a7-56f73a58f238" xmlns:ns3="99412ba2-23da-4273-b8e8-0a67af654ce8" targetNamespace="http://schemas.microsoft.com/office/2006/metadata/properties" ma:root="true" ma:fieldsID="750c0843f968a5a8fb349524ec6db139" ns2:_="" ns3:_="">
    <xsd:import namespace="fa062cf6-3938-4e26-81a7-56f73a58f238"/>
    <xsd:import namespace="99412ba2-23da-4273-b8e8-0a67af654ce8"/>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3:SharedWithUsers" minOccurs="0"/>
                <xsd:element ref="ns3:SharedWithDetails" minOccurs="0"/>
                <xsd:element ref="ns2:MediaServiceSearchProperties" minOccurs="0"/>
                <xsd:element ref="ns2:Time" minOccurs="0"/>
                <xsd:element ref="ns2:Dateandtime" minOccurs="0"/>
                <xsd:element ref="ns2:test" minOccurs="0"/>
                <xsd:element ref="ns2:MediaServiceBillingMetadata" minOccurs="0"/>
                <xsd:element ref="ns2:MediaServiceLocation" minOccurs="0"/>
                <xsd:element ref="ns2:_x0023_"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062cf6-3938-4e26-81a7-56f73a58f23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80ab466a-3819-475e-ab10-90933d89acad"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Time" ma:index="22" nillable="true" ma:displayName="Time" ma:format="DateTime" ma:internalName="Time">
      <xsd:simpleType>
        <xsd:restriction base="dms:DateTime"/>
      </xsd:simpleType>
    </xsd:element>
    <xsd:element name="Dateandtime" ma:index="23" nillable="true" ma:displayName="Date and time" ma:format="DateOnly" ma:internalName="Dateandtime">
      <xsd:simpleType>
        <xsd:restriction base="dms:DateTime"/>
      </xsd:simpleType>
    </xsd:element>
    <xsd:element name="test" ma:index="24" nillable="true" ma:displayName="test" ma:format="DateTime" ma:internalName="test">
      <xsd:simpleType>
        <xsd:restriction base="dms:DateTime"/>
      </xsd:simpleType>
    </xsd:element>
    <xsd:element name="MediaServiceBillingMetadata" ma:index="25" nillable="true" ma:displayName="MediaServiceBillingMetadata" ma:hidden="true" ma:internalName="MediaServiceBillingMetadata" ma:readOnly="true">
      <xsd:simpleType>
        <xsd:restriction base="dms:Note"/>
      </xsd:simpleType>
    </xsd:element>
    <xsd:element name="MediaServiceLocation" ma:index="26" nillable="true" ma:displayName="Location" ma:description="" ma:indexed="true" ma:internalName="MediaServiceLocation" ma:readOnly="true">
      <xsd:simpleType>
        <xsd:restriction base="dms:Text"/>
      </xsd:simpleType>
    </xsd:element>
    <xsd:element name="_x0023_" ma:index="27" nillable="true" ma:displayName="#" ma:format="Dropdown" ma:internalName="_x0023_" ma:percentage="FALSE">
      <xsd:simpleType>
        <xsd:restriction base="dms:Number"/>
      </xsd:simpleType>
    </xsd:element>
  </xsd:schema>
  <xsd:schema xmlns:xsd="http://www.w3.org/2001/XMLSchema" xmlns:xs="http://www.w3.org/2001/XMLSchema" xmlns:dms="http://schemas.microsoft.com/office/2006/documentManagement/types" xmlns:pc="http://schemas.microsoft.com/office/infopath/2007/PartnerControls" targetNamespace="99412ba2-23da-4273-b8e8-0a67af654ce8"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85722118-a35d-47f8-b32f-729d5af2b0c4}" ma:internalName="TaxCatchAll" ma:showField="CatchAllData" ma:web="99412ba2-23da-4273-b8e8-0a67af654ce8">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transformationConfigurations":[],"templateName":"ERM_Blank_template","templateDescription":"","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Dateandtime xmlns="fa062cf6-3938-4e26-81a7-56f73a58f238" xsi:nil="true"/>
    <_x0023_ xmlns="fa062cf6-3938-4e26-81a7-56f73a58f238" xsi:nil="true"/>
    <Time xmlns="fa062cf6-3938-4e26-81a7-56f73a58f238" xsi:nil="true"/>
    <TaxCatchAll xmlns="99412ba2-23da-4273-b8e8-0a67af654ce8" xsi:nil="true"/>
    <test xmlns="fa062cf6-3938-4e26-81a7-56f73a58f238" xsi:nil="true"/>
    <lcf76f155ced4ddcb4097134ff3c332f xmlns="fa062cf6-3938-4e26-81a7-56f73a58f238">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6FFF64D8-AE69-45BD-BBCD-BA8463239862}">
  <ds:schemaRefs>
    <ds:schemaRef ds:uri="http://schemas.microsoft.com/sharepoint/v3/contenttype/forms"/>
  </ds:schemaRefs>
</ds:datastoreItem>
</file>

<file path=customXml/itemProps2.xml><?xml version="1.0" encoding="utf-8"?>
<ds:datastoreItem xmlns:ds="http://schemas.openxmlformats.org/officeDocument/2006/customXml" ds:itemID="{3FAEAF46-4AE4-4C48-B43F-94EA9554E60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062cf6-3938-4e26-81a7-56f73a58f238"/>
    <ds:schemaRef ds:uri="99412ba2-23da-4273-b8e8-0a67af654ce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8EC40AC-B302-4A69-BF1C-9561DB48FA4D}">
  <ds:schemaRefs/>
</ds:datastoreItem>
</file>

<file path=customXml/itemProps4.xml><?xml version="1.0" encoding="utf-8"?>
<ds:datastoreItem xmlns:ds="http://schemas.openxmlformats.org/officeDocument/2006/customXml" ds:itemID="{3C4A0877-99A5-481F-91A0-664D5863CC14}">
  <ds:schemaRefs/>
</ds:datastoreItem>
</file>

<file path=customXml/itemProps5.xml><?xml version="1.0" encoding="utf-8"?>
<ds:datastoreItem xmlns:ds="http://schemas.openxmlformats.org/officeDocument/2006/customXml" ds:itemID="{06141611-F455-43D2-9AC5-4C2C2BDED491}">
  <ds:schemaRefs>
    <ds:schemaRef ds:uri="http://schemas.microsoft.com/office/2006/metadata/properties"/>
    <ds:schemaRef ds:uri="http://schemas.microsoft.com/office/infopath/2007/PartnerControls"/>
    <ds:schemaRef ds:uri="fa062cf6-3938-4e26-81a7-56f73a58f238"/>
    <ds:schemaRef ds:uri="99412ba2-23da-4273-b8e8-0a67af654ce8"/>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3</vt:i4>
      </vt:variant>
    </vt:vector>
  </HeadingPairs>
  <TitlesOfParts>
    <vt:vector size="3" baseType="lpstr">
      <vt:lpstr>Cover</vt:lpstr>
      <vt:lpstr>I&amp;C Air Conditioning</vt:lpstr>
      <vt:lpstr>QC report</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na Sigurdardottir</dc:creator>
  <cp:keywords/>
  <dc:description/>
  <cp:lastModifiedBy>George Benson</cp:lastModifiedBy>
  <cp:revision/>
  <dcterms:created xsi:type="dcterms:W3CDTF">2023-11-30T10:02:06Z</dcterms:created>
  <dcterms:modified xsi:type="dcterms:W3CDTF">2026-03-27T13:37:36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1AF6C92269ED74688F7076533C946C0</vt:lpwstr>
  </property>
  <property fmtid="{D5CDD505-2E9C-101B-9397-08002B2CF9AE}" pid="3" name="MediaServiceImageTags">
    <vt:lpwstr/>
  </property>
  <property fmtid="{D5CDD505-2E9C-101B-9397-08002B2CF9AE}" pid="4" name="TemplafyTenantId">
    <vt:lpwstr>erm</vt:lpwstr>
  </property>
  <property fmtid="{D5CDD505-2E9C-101B-9397-08002B2CF9AE}" pid="5" name="TemplafyTemplateId">
    <vt:lpwstr>769357270545334394</vt:lpwstr>
  </property>
  <property fmtid="{D5CDD505-2E9C-101B-9397-08002B2CF9AE}" pid="6" name="TemplafyUserProfileId">
    <vt:lpwstr>727647277918716033</vt:lpwstr>
  </property>
  <property fmtid="{D5CDD505-2E9C-101B-9397-08002B2CF9AE}" pid="7" name="TemplafyFromBlank">
    <vt:bool>true</vt:bool>
  </property>
  <property fmtid="{D5CDD505-2E9C-101B-9397-08002B2CF9AE}" pid="8" name="Order">
    <vt:r8>383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MSIP_Label_24fe2fa2-8093-4776-8a20-2d25f8c7acf2_Enabled">
    <vt:lpwstr>true</vt:lpwstr>
  </property>
  <property fmtid="{D5CDD505-2E9C-101B-9397-08002B2CF9AE}" pid="16" name="MSIP_Label_24fe2fa2-8093-4776-8a20-2d25f8c7acf2_SetDate">
    <vt:lpwstr>2026-03-27T13:37:35Z</vt:lpwstr>
  </property>
  <property fmtid="{D5CDD505-2E9C-101B-9397-08002B2CF9AE}" pid="17" name="MSIP_Label_24fe2fa2-8093-4776-8a20-2d25f8c7acf2_Method">
    <vt:lpwstr>Standard</vt:lpwstr>
  </property>
  <property fmtid="{D5CDD505-2E9C-101B-9397-08002B2CF9AE}" pid="18" name="MSIP_Label_24fe2fa2-8093-4776-8a20-2d25f8c7acf2_Name">
    <vt:lpwstr>Internal</vt:lpwstr>
  </property>
  <property fmtid="{D5CDD505-2E9C-101B-9397-08002B2CF9AE}" pid="19" name="MSIP_Label_24fe2fa2-8093-4776-8a20-2d25f8c7acf2_SiteId">
    <vt:lpwstr>887a239c-e092-45fe-92c8-d902c3681567</vt:lpwstr>
  </property>
  <property fmtid="{D5CDD505-2E9C-101B-9397-08002B2CF9AE}" pid="20" name="MSIP_Label_24fe2fa2-8093-4776-8a20-2d25f8c7acf2_ActionId">
    <vt:lpwstr>6b48d594-7843-4491-9ffe-04b488053428</vt:lpwstr>
  </property>
  <property fmtid="{D5CDD505-2E9C-101B-9397-08002B2CF9AE}" pid="21" name="MSIP_Label_24fe2fa2-8093-4776-8a20-2d25f8c7acf2_ContentBits">
    <vt:lpwstr>0</vt:lpwstr>
  </property>
  <property fmtid="{D5CDD505-2E9C-101B-9397-08002B2CF9AE}" pid="22" name="MSIP_Label_24fe2fa2-8093-4776-8a20-2d25f8c7acf2_Tag">
    <vt:lpwstr>10, 3, 0, 1</vt:lpwstr>
  </property>
</Properties>
</file>